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1\HP2511\"/>
    </mc:Choice>
  </mc:AlternateContent>
  <xr:revisionPtr revIDLastSave="0" documentId="13_ncr:1_{D35778C8-21FF-404F-9CA4-D594630E2891}" xr6:coauthVersionLast="47" xr6:coauthVersionMax="47" xr10:uidLastSave="{00000000-0000-0000-0000-000000000000}"/>
  <bookViews>
    <workbookView xWindow="-120" yWindow="-120" windowWidth="29040" windowHeight="15720" xr2:uid="{35EE0687-E5B6-400D-9321-8B04FBB233DB}"/>
  </bookViews>
  <sheets>
    <sheet name="目次" sheetId="90" r:id="rId1"/>
    <sheet name="年齢別・性別人口(01総曲輪)" sheetId="1" r:id="rId2"/>
    <sheet name="年齢別・性別人口(02愛宕)" sheetId="2" r:id="rId3"/>
    <sheet name="年齢別・性別人口(03安野屋)" sheetId="3" r:id="rId4"/>
    <sheet name="年齢別・性別人口(04八人町)" sheetId="4" r:id="rId5"/>
    <sheet name="年齢別・性別人口(05五番町)" sheetId="5" r:id="rId6"/>
    <sheet name="年齢別・性別人口(06柳町)" sheetId="6" r:id="rId7"/>
    <sheet name="年齢別・性別人口(07清水町)" sheetId="7" r:id="rId8"/>
    <sheet name="年齢別・性別人口(08星井町)" sheetId="8" r:id="rId9"/>
    <sheet name="年齢別・性別人口(09西田地方)" sheetId="9" r:id="rId10"/>
    <sheet name="年齢別・性別人口(10堀川)" sheetId="10" r:id="rId11"/>
    <sheet name="年齢別・性別人口(11堀川南)" sheetId="11" r:id="rId12"/>
    <sheet name="年齢別・性別人口(12東部)" sheetId="12" r:id="rId13"/>
    <sheet name="年齢別・性別人口(13奥田)" sheetId="13" r:id="rId14"/>
    <sheet name="年齢別・性別人口(14奥田北)" sheetId="14" r:id="rId15"/>
    <sheet name="年齢別・性別人口(15桜谷)" sheetId="15" r:id="rId16"/>
    <sheet name="年齢別・性別人口(16五福)" sheetId="16" r:id="rId17"/>
    <sheet name="年齢別・性別人口(17神明)" sheetId="17" r:id="rId18"/>
    <sheet name="年齢別・性別人口(18岩瀬)" sheetId="18" r:id="rId19"/>
    <sheet name="年齢別・性別人口(19萩浦)" sheetId="19" r:id="rId20"/>
    <sheet name="年齢別・性別人口(20大広田)" sheetId="20" r:id="rId21"/>
    <sheet name="年齢別・性別人口(21浜黒崎)" sheetId="21" r:id="rId22"/>
    <sheet name="年齢別・性別人口(22針原)" sheetId="22" r:id="rId23"/>
    <sheet name="年齢別・性別人口(23豊田)" sheetId="23" r:id="rId24"/>
    <sheet name="年齢別・性別人口(24広田)" sheetId="24" r:id="rId25"/>
    <sheet name="年齢別・性別人口(25新庄)" sheetId="25" r:id="rId26"/>
    <sheet name="年齢別・性別人口(26藤ノ木)" sheetId="26" r:id="rId27"/>
    <sheet name="年齢別・性別人口(27山室)" sheetId="27" r:id="rId28"/>
    <sheet name="年齢別・性別人口(28山室中部)" sheetId="28" r:id="rId29"/>
    <sheet name="年齢別・性別人口(29太田)" sheetId="29" r:id="rId30"/>
    <sheet name="年齢別・性別人口(30蜷川)" sheetId="30" r:id="rId31"/>
    <sheet name="年齢別・性別人口(31新保)" sheetId="31" r:id="rId32"/>
    <sheet name="年齢別・性別人口(32熊野)" sheetId="32" r:id="rId33"/>
    <sheet name="年齢別・性別人口(33月岡)" sheetId="33" r:id="rId34"/>
    <sheet name="年齢別・性別人口(34四方)" sheetId="34" r:id="rId35"/>
    <sheet name="年齢別・性別人口(35八幡)" sheetId="35" r:id="rId36"/>
    <sheet name="年齢別・性別人口(36草島)" sheetId="36" r:id="rId37"/>
    <sheet name="年齢別・性別人口(37倉垣)" sheetId="37" r:id="rId38"/>
    <sheet name="年齢別・性別人口(38呉羽)" sheetId="38" r:id="rId39"/>
    <sheet name="年齢別・性別人口(39長岡)" sheetId="39" r:id="rId40"/>
    <sheet name="年齢別・性別人口(40寒江)" sheetId="40" r:id="rId41"/>
    <sheet name="年齢別・性別人口(41古沢)" sheetId="41" r:id="rId42"/>
    <sheet name="年齢別・性別人口(42老田)" sheetId="42" r:id="rId43"/>
    <sheet name="年齢別・性別人口(43池多)" sheetId="43" r:id="rId44"/>
    <sheet name="年齢別・性別人口(44水橋中部)" sheetId="44" r:id="rId45"/>
    <sheet name="年齢別・性別人口(45水橋西部)" sheetId="45" r:id="rId46"/>
    <sheet name="年齢別・性別人口(46水橋東部)" sheetId="46" r:id="rId47"/>
    <sheet name="年齢別・性別人口(47三郷)" sheetId="47" r:id="rId48"/>
    <sheet name="年齢別・性別人口(48上条)" sheetId="48" r:id="rId49"/>
    <sheet name="年齢別・性別人口(49光陽)" sheetId="49" r:id="rId50"/>
    <sheet name="年齢別・性別人口(50新庄北）" sheetId="50" r:id="rId51"/>
    <sheet name="年齢別・性別人口(0099富山地域)" sheetId="51" r:id="rId52"/>
    <sheet name="年齢別・性別人口0101下タ)" sheetId="52" r:id="rId53"/>
    <sheet name="年齢別・性別人口(0102小羽)" sheetId="53" r:id="rId54"/>
    <sheet name="年齢別・性別人口(0103船峅)" sheetId="54" r:id="rId55"/>
    <sheet name="年齢別・性別人口(0104大沢野)" sheetId="55" r:id="rId56"/>
    <sheet name="年齢別・性別人口(0105大久保)" sheetId="56" r:id="rId57"/>
    <sheet name="年齢別・性別人口(0199大沢野地域)" sheetId="57" r:id="rId58"/>
    <sheet name="年齢別・性別人口(0201上滝)" sheetId="58" r:id="rId59"/>
    <sheet name="年齢別・性別人口(0202大山)" sheetId="59" r:id="rId60"/>
    <sheet name="年齢別・性別人口(0203大庄)" sheetId="60" r:id="rId61"/>
    <sheet name="年齢別・性別人口(0204福沢)" sheetId="61" r:id="rId62"/>
    <sheet name="年齢別・性別人口(0299大山地域)" sheetId="62" r:id="rId63"/>
    <sheet name="年齢別・性別人口(0301八尾)" sheetId="63" r:id="rId64"/>
    <sheet name="年齢別・性別人口(0302保内)" sheetId="64" r:id="rId65"/>
    <sheet name="年齢別・性別人口(0303杉原)" sheetId="65" r:id="rId66"/>
    <sheet name="年齢別・性別人口(0304卯花)" sheetId="66" r:id="rId67"/>
    <sheet name="年齢別・性別人口(0305室牧)" sheetId="67" r:id="rId68"/>
    <sheet name="年齢別・性別人口(0306黒瀬谷)" sheetId="68" r:id="rId69"/>
    <sheet name="年齢別・性別人口(0307野積)" sheetId="69" r:id="rId70"/>
    <sheet name="年齢別・性別人口(0308仁歩)" sheetId="70" r:id="rId71"/>
    <sheet name="年齢別・性別人口(0309大長谷)" sheetId="71" r:id="rId72"/>
    <sheet name="年齢別・性別人口(0399八尾地域)" sheetId="72" r:id="rId73"/>
    <sheet name="年齢別・性別人口(0401速星)" sheetId="73" r:id="rId74"/>
    <sheet name="年齢別・性別人口(0402鵜坂)" sheetId="74" r:id="rId75"/>
    <sheet name="年齢別・性別人口(0403朝日)" sheetId="75" r:id="rId76"/>
    <sheet name="年齢別・性別人口(0404宮川)" sheetId="76" r:id="rId77"/>
    <sheet name="年齢別・性別人口(0405婦中熊野)" sheetId="77" r:id="rId78"/>
    <sheet name="年齢別・性別人口(0406古里)" sheetId="78" r:id="rId79"/>
    <sheet name="年齢別・性別人口(0407音川)" sheetId="79" r:id="rId80"/>
    <sheet name="年齢別・性別人口(0408神保)" sheetId="80" r:id="rId81"/>
    <sheet name="年齢別・性別人口(0499婦中地域)" sheetId="81" r:id="rId82"/>
    <sheet name="年齢別・性別人口(0501山田南部)" sheetId="82" r:id="rId83"/>
    <sheet name="年齢別・性別人口(0502山田中部)" sheetId="83" r:id="rId84"/>
    <sheet name="年齢別・性別人口(0503山田西部)" sheetId="84" r:id="rId85"/>
    <sheet name="年齢別・性別人口(0504山田東部)" sheetId="85" r:id="rId86"/>
    <sheet name="年齢別・性別人口(0599山田地域)" sheetId="86" r:id="rId87"/>
    <sheet name="年齢別・性別人口(0601細入北部)" sheetId="87" r:id="rId88"/>
    <sheet name="年齢別・性別人口(0602細入南部)" sheetId="88" r:id="rId89"/>
    <sheet name="年齢別・性別人口(0699細入地域)" sheetId="89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686" uniqueCount="221">
  <si>
    <t>【合計】</t>
    <rPh sb="1" eb="3">
      <t>ゴウケイ</t>
    </rPh>
    <phoneticPr fontId="3"/>
  </si>
  <si>
    <t>【65～】</t>
  </si>
  <si>
    <t>《100～》</t>
  </si>
  <si>
    <t>101～</t>
  </si>
  <si>
    <t>《95～99》</t>
  </si>
  <si>
    <t>《90～94》</t>
  </si>
  <si>
    <t>《85～89》</t>
  </si>
  <si>
    <t>《80～84》</t>
  </si>
  <si>
    <t>《75～79》</t>
  </si>
  <si>
    <t>《70～74》</t>
  </si>
  <si>
    <t>《65～69》</t>
  </si>
  <si>
    <t>【15～64】</t>
  </si>
  <si>
    <t>《60～64》</t>
  </si>
  <si>
    <t>《55～59》</t>
  </si>
  <si>
    <t>《50～54》</t>
  </si>
  <si>
    <t>《45～49》</t>
  </si>
  <si>
    <t>《40～44》</t>
  </si>
  <si>
    <t>《35～39》</t>
  </si>
  <si>
    <t>《30～34》</t>
  </si>
  <si>
    <t>《25～29》</t>
  </si>
  <si>
    <t>《20～24》</t>
  </si>
  <si>
    <t>《15～19》</t>
  </si>
  <si>
    <t>【0～14】</t>
  </si>
  <si>
    <t>《10～14》</t>
  </si>
  <si>
    <t>《5～9》</t>
  </si>
  <si>
    <t>《0～4》</t>
  </si>
  <si>
    <t>計</t>
    <rPh sb="0" eb="1">
      <t>ケイ</t>
    </rPh>
    <phoneticPr fontId="3"/>
  </si>
  <si>
    <t>女</t>
    <rPh sb="0" eb="1">
      <t>オンナ</t>
    </rPh>
    <phoneticPr fontId="3"/>
  </si>
  <si>
    <t>男</t>
    <rPh sb="0" eb="1">
      <t>オトコ</t>
    </rPh>
    <phoneticPr fontId="3"/>
  </si>
  <si>
    <t>年齢</t>
    <rPh sb="0" eb="2">
      <t>ネンレイ</t>
    </rPh>
    <phoneticPr fontId="3"/>
  </si>
  <si>
    <t>令和7年11月末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3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3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3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3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3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3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3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3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3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3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3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3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3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3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3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3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3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3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3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3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3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3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3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3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3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3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3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3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3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3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3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3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3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3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3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3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3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3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3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3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3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3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3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3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3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3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3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3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3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3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3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3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3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3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3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3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3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3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3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3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3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3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3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3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3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3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3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3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3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3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3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3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3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3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3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3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3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3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3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3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3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3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3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3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3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3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3"/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3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3"/>
  </si>
  <si>
    <t>富山地域</t>
    <rPh sb="0" eb="2">
      <t>トヤマ</t>
    </rPh>
    <rPh sb="2" eb="4">
      <t>チイキ</t>
    </rPh>
    <phoneticPr fontId="3"/>
  </si>
  <si>
    <t>大沢野地域</t>
    <rPh sb="0" eb="3">
      <t>オオサワノ</t>
    </rPh>
    <rPh sb="3" eb="5">
      <t>チイキ</t>
    </rPh>
    <phoneticPr fontId="3"/>
  </si>
  <si>
    <t>総曲輪</t>
    <rPh sb="0" eb="3">
      <t>ソウガワ</t>
    </rPh>
    <phoneticPr fontId="3"/>
  </si>
  <si>
    <t>下タ</t>
    <rPh sb="0" eb="1">
      <t>シタ</t>
    </rPh>
    <phoneticPr fontId="3"/>
  </si>
  <si>
    <t>愛宕</t>
    <rPh sb="0" eb="2">
      <t>アタゴ</t>
    </rPh>
    <phoneticPr fontId="3"/>
  </si>
  <si>
    <t>小羽</t>
    <rPh sb="0" eb="1">
      <t>チイ</t>
    </rPh>
    <rPh sb="1" eb="2">
      <t>ハネ</t>
    </rPh>
    <phoneticPr fontId="3"/>
  </si>
  <si>
    <t>安野屋</t>
    <rPh sb="0" eb="3">
      <t>ヤスノヤ</t>
    </rPh>
    <phoneticPr fontId="3"/>
  </si>
  <si>
    <t>船峅</t>
    <rPh sb="0" eb="2">
      <t>フナクラ</t>
    </rPh>
    <phoneticPr fontId="3"/>
  </si>
  <si>
    <t>八人町</t>
    <rPh sb="0" eb="3">
      <t>ハチニンマチ</t>
    </rPh>
    <phoneticPr fontId="3"/>
  </si>
  <si>
    <t>大沢野</t>
    <rPh sb="0" eb="3">
      <t>オオサワノ</t>
    </rPh>
    <phoneticPr fontId="3"/>
  </si>
  <si>
    <t>五番町</t>
    <rPh sb="0" eb="3">
      <t>ゴバンマチ</t>
    </rPh>
    <phoneticPr fontId="3"/>
  </si>
  <si>
    <t>大久保</t>
    <rPh sb="0" eb="3">
      <t>オオクボ</t>
    </rPh>
    <phoneticPr fontId="3"/>
  </si>
  <si>
    <t>柳町</t>
    <rPh sb="0" eb="2">
      <t>ヤナギマチ</t>
    </rPh>
    <phoneticPr fontId="3"/>
  </si>
  <si>
    <t>大沢野地域（合計）</t>
    <rPh sb="0" eb="3">
      <t>オオサワノ</t>
    </rPh>
    <rPh sb="3" eb="5">
      <t>チイキ</t>
    </rPh>
    <rPh sb="6" eb="8">
      <t>ゴウケイ</t>
    </rPh>
    <phoneticPr fontId="3"/>
  </si>
  <si>
    <t>清水町</t>
    <rPh sb="0" eb="3">
      <t>シミズマチ</t>
    </rPh>
    <phoneticPr fontId="3"/>
  </si>
  <si>
    <t>星井町</t>
    <rPh sb="0" eb="3">
      <t>ホシイマチ</t>
    </rPh>
    <phoneticPr fontId="3"/>
  </si>
  <si>
    <t>大山地域</t>
    <rPh sb="0" eb="2">
      <t>オオヤマ</t>
    </rPh>
    <rPh sb="2" eb="4">
      <t>チイキ</t>
    </rPh>
    <phoneticPr fontId="3"/>
  </si>
  <si>
    <t>西田地方</t>
    <rPh sb="0" eb="4">
      <t>ニシデンジガタ</t>
    </rPh>
    <phoneticPr fontId="3"/>
  </si>
  <si>
    <t>上滝</t>
    <rPh sb="0" eb="2">
      <t>カミダキ</t>
    </rPh>
    <phoneticPr fontId="3"/>
  </si>
  <si>
    <t>堀川</t>
    <rPh sb="0" eb="2">
      <t>ホリカワ</t>
    </rPh>
    <phoneticPr fontId="3"/>
  </si>
  <si>
    <t>大山</t>
    <rPh sb="0" eb="2">
      <t>オオヤマ</t>
    </rPh>
    <phoneticPr fontId="3"/>
  </si>
  <si>
    <t>堀川南</t>
    <rPh sb="0" eb="2">
      <t>ホリカワ</t>
    </rPh>
    <rPh sb="2" eb="3">
      <t>ミナミ</t>
    </rPh>
    <phoneticPr fontId="3"/>
  </si>
  <si>
    <t>大庄</t>
    <rPh sb="0" eb="2">
      <t>ダイショウ</t>
    </rPh>
    <phoneticPr fontId="3"/>
  </si>
  <si>
    <t>東部</t>
    <rPh sb="0" eb="2">
      <t>トウブ</t>
    </rPh>
    <phoneticPr fontId="3"/>
  </si>
  <si>
    <t>福沢</t>
    <rPh sb="0" eb="2">
      <t>フクサワ</t>
    </rPh>
    <phoneticPr fontId="3"/>
  </si>
  <si>
    <t>奥田</t>
    <rPh sb="0" eb="2">
      <t>オクダ</t>
    </rPh>
    <phoneticPr fontId="3"/>
  </si>
  <si>
    <t>大山地域（合計）</t>
    <rPh sb="0" eb="2">
      <t>オオヤマ</t>
    </rPh>
    <rPh sb="2" eb="4">
      <t>チイキ</t>
    </rPh>
    <rPh sb="5" eb="7">
      <t>ゴウケイ</t>
    </rPh>
    <phoneticPr fontId="3"/>
  </si>
  <si>
    <t>奥田北</t>
    <rPh sb="0" eb="3">
      <t>オクダキタ</t>
    </rPh>
    <phoneticPr fontId="3"/>
  </si>
  <si>
    <t>桜谷</t>
    <rPh sb="0" eb="2">
      <t>サクラタニ</t>
    </rPh>
    <phoneticPr fontId="3"/>
  </si>
  <si>
    <t>八尾地域</t>
    <rPh sb="0" eb="4">
      <t>ヤツオチイキ</t>
    </rPh>
    <phoneticPr fontId="3"/>
  </si>
  <si>
    <t>五福</t>
    <rPh sb="0" eb="2">
      <t>ゴフク</t>
    </rPh>
    <phoneticPr fontId="3"/>
  </si>
  <si>
    <t>八尾</t>
    <rPh sb="0" eb="2">
      <t>ヤツオ</t>
    </rPh>
    <phoneticPr fontId="3"/>
  </si>
  <si>
    <t>神明</t>
    <rPh sb="0" eb="2">
      <t>シンメイ</t>
    </rPh>
    <phoneticPr fontId="3"/>
  </si>
  <si>
    <t>保内</t>
    <rPh sb="0" eb="2">
      <t>ヤスウチ</t>
    </rPh>
    <phoneticPr fontId="3"/>
  </si>
  <si>
    <t>岩瀬</t>
    <rPh sb="0" eb="2">
      <t>イワセ</t>
    </rPh>
    <phoneticPr fontId="3"/>
  </si>
  <si>
    <t>杉原</t>
    <rPh sb="0" eb="2">
      <t>スギハラ</t>
    </rPh>
    <phoneticPr fontId="3"/>
  </si>
  <si>
    <t>萩浦</t>
    <rPh sb="0" eb="1">
      <t>ハギ</t>
    </rPh>
    <rPh sb="1" eb="2">
      <t>ウラ</t>
    </rPh>
    <phoneticPr fontId="3"/>
  </si>
  <si>
    <t>卯花</t>
    <rPh sb="0" eb="2">
      <t>ウノハナ</t>
    </rPh>
    <phoneticPr fontId="3"/>
  </si>
  <si>
    <t>大広田</t>
    <rPh sb="0" eb="3">
      <t>オオヒロタ</t>
    </rPh>
    <phoneticPr fontId="3"/>
  </si>
  <si>
    <t>室牧</t>
    <rPh sb="0" eb="2">
      <t>ムロマキ</t>
    </rPh>
    <phoneticPr fontId="3"/>
  </si>
  <si>
    <t>浜黒崎</t>
    <rPh sb="0" eb="3">
      <t>ハマクロサキ</t>
    </rPh>
    <phoneticPr fontId="3"/>
  </si>
  <si>
    <t>黒瀬谷</t>
    <rPh sb="0" eb="3">
      <t>クロセタニ</t>
    </rPh>
    <phoneticPr fontId="3"/>
  </si>
  <si>
    <t>針原</t>
    <rPh sb="0" eb="2">
      <t>ハリハラ</t>
    </rPh>
    <phoneticPr fontId="3"/>
  </si>
  <si>
    <t>野積</t>
    <rPh sb="0" eb="2">
      <t>ノヅ</t>
    </rPh>
    <phoneticPr fontId="3"/>
  </si>
  <si>
    <t>豊田</t>
    <rPh sb="0" eb="2">
      <t>トヨタ</t>
    </rPh>
    <phoneticPr fontId="3"/>
  </si>
  <si>
    <t>仁歩</t>
    <rPh sb="0" eb="1">
      <t>ニ</t>
    </rPh>
    <rPh sb="1" eb="2">
      <t>アル</t>
    </rPh>
    <phoneticPr fontId="3"/>
  </si>
  <si>
    <t>広田</t>
    <rPh sb="0" eb="2">
      <t>ヒロタ</t>
    </rPh>
    <phoneticPr fontId="3"/>
  </si>
  <si>
    <t>大長谷</t>
    <rPh sb="0" eb="3">
      <t>オオナガタニ</t>
    </rPh>
    <phoneticPr fontId="3"/>
  </si>
  <si>
    <t>新庄</t>
    <rPh sb="0" eb="2">
      <t>シンジョウ</t>
    </rPh>
    <phoneticPr fontId="3"/>
  </si>
  <si>
    <t>八尾地域（合計）</t>
    <rPh sb="0" eb="4">
      <t>ヤツオチイキ</t>
    </rPh>
    <rPh sb="5" eb="7">
      <t>ゴウケイ</t>
    </rPh>
    <phoneticPr fontId="3"/>
  </si>
  <si>
    <t>藤ノ木</t>
    <rPh sb="0" eb="1">
      <t>フジ</t>
    </rPh>
    <rPh sb="2" eb="3">
      <t>キ</t>
    </rPh>
    <phoneticPr fontId="3"/>
  </si>
  <si>
    <t>山室</t>
    <rPh sb="0" eb="2">
      <t>ヤマムロ</t>
    </rPh>
    <phoneticPr fontId="3"/>
  </si>
  <si>
    <t>婦中地域</t>
    <rPh sb="0" eb="2">
      <t>フチュウ</t>
    </rPh>
    <rPh sb="2" eb="4">
      <t>チイキ</t>
    </rPh>
    <phoneticPr fontId="3"/>
  </si>
  <si>
    <t>山室中部</t>
    <rPh sb="0" eb="4">
      <t>ヤマムロチュウブ</t>
    </rPh>
    <phoneticPr fontId="3"/>
  </si>
  <si>
    <t>速星</t>
    <rPh sb="0" eb="2">
      <t>ハヤホシ</t>
    </rPh>
    <phoneticPr fontId="3"/>
  </si>
  <si>
    <t>太田</t>
    <rPh sb="0" eb="2">
      <t>オオタ</t>
    </rPh>
    <phoneticPr fontId="3"/>
  </si>
  <si>
    <t>鵜坂</t>
    <rPh sb="0" eb="2">
      <t>ウサカ</t>
    </rPh>
    <phoneticPr fontId="3"/>
  </si>
  <si>
    <t>蜷川</t>
    <rPh sb="0" eb="2">
      <t>ニナガワ</t>
    </rPh>
    <phoneticPr fontId="3"/>
  </si>
  <si>
    <t>朝日</t>
    <rPh sb="0" eb="2">
      <t>アサヒ</t>
    </rPh>
    <phoneticPr fontId="3"/>
  </si>
  <si>
    <t>新保</t>
    <rPh sb="0" eb="2">
      <t>シンボ</t>
    </rPh>
    <phoneticPr fontId="3"/>
  </si>
  <si>
    <t>宮川</t>
    <rPh sb="0" eb="2">
      <t>ミヤガワ</t>
    </rPh>
    <phoneticPr fontId="3"/>
  </si>
  <si>
    <t>熊野</t>
    <rPh sb="0" eb="2">
      <t>クマノ</t>
    </rPh>
    <phoneticPr fontId="3"/>
  </si>
  <si>
    <t>婦中熊野</t>
    <rPh sb="0" eb="2">
      <t>フチュウ</t>
    </rPh>
    <rPh sb="2" eb="4">
      <t>クマノ</t>
    </rPh>
    <phoneticPr fontId="3"/>
  </si>
  <si>
    <t>月岡</t>
    <rPh sb="0" eb="2">
      <t>ツキオカ</t>
    </rPh>
    <phoneticPr fontId="3"/>
  </si>
  <si>
    <t>古里</t>
    <rPh sb="0" eb="2">
      <t>フルサト</t>
    </rPh>
    <phoneticPr fontId="3"/>
  </si>
  <si>
    <t>四方</t>
    <rPh sb="0" eb="2">
      <t>ヨカタ</t>
    </rPh>
    <phoneticPr fontId="3"/>
  </si>
  <si>
    <t>音川</t>
    <rPh sb="0" eb="2">
      <t>オトガワ</t>
    </rPh>
    <phoneticPr fontId="3"/>
  </si>
  <si>
    <t>八幡</t>
    <rPh sb="0" eb="2">
      <t>ハチマン</t>
    </rPh>
    <phoneticPr fontId="3"/>
  </si>
  <si>
    <t>神保</t>
    <rPh sb="0" eb="2">
      <t>シンボ</t>
    </rPh>
    <phoneticPr fontId="3"/>
  </si>
  <si>
    <t>草島</t>
    <rPh sb="0" eb="2">
      <t>クサジマ</t>
    </rPh>
    <phoneticPr fontId="3"/>
  </si>
  <si>
    <t>婦中地域（合計）</t>
    <rPh sb="0" eb="2">
      <t>フチュウ</t>
    </rPh>
    <rPh sb="2" eb="4">
      <t>チイキ</t>
    </rPh>
    <rPh sb="5" eb="7">
      <t>ゴウケイ</t>
    </rPh>
    <phoneticPr fontId="3"/>
  </si>
  <si>
    <t>倉垣</t>
    <rPh sb="0" eb="2">
      <t>クラガキ</t>
    </rPh>
    <phoneticPr fontId="3"/>
  </si>
  <si>
    <t>呉羽</t>
    <rPh sb="0" eb="2">
      <t>クレハ</t>
    </rPh>
    <phoneticPr fontId="3"/>
  </si>
  <si>
    <t>山田地域</t>
    <rPh sb="0" eb="4">
      <t>ヤマダチイキ</t>
    </rPh>
    <phoneticPr fontId="3"/>
  </si>
  <si>
    <t>長岡</t>
    <rPh sb="0" eb="2">
      <t>ナガオカ</t>
    </rPh>
    <phoneticPr fontId="3"/>
  </si>
  <si>
    <t>山田南部</t>
    <rPh sb="0" eb="2">
      <t>ヤマダ</t>
    </rPh>
    <rPh sb="2" eb="4">
      <t>ナンブ</t>
    </rPh>
    <phoneticPr fontId="3"/>
  </si>
  <si>
    <t>寒江</t>
    <rPh sb="0" eb="1">
      <t>サム</t>
    </rPh>
    <rPh sb="1" eb="2">
      <t>エ</t>
    </rPh>
    <phoneticPr fontId="3"/>
  </si>
  <si>
    <t>山田中部</t>
    <rPh sb="0" eb="2">
      <t>ヤマダ</t>
    </rPh>
    <rPh sb="2" eb="4">
      <t>チュウブ</t>
    </rPh>
    <phoneticPr fontId="3"/>
  </si>
  <si>
    <t>古沢</t>
    <rPh sb="0" eb="2">
      <t>フルサワ</t>
    </rPh>
    <phoneticPr fontId="3"/>
  </si>
  <si>
    <t>山田西部</t>
    <rPh sb="0" eb="2">
      <t>ヤマダ</t>
    </rPh>
    <rPh sb="2" eb="4">
      <t>セイブ</t>
    </rPh>
    <phoneticPr fontId="3"/>
  </si>
  <si>
    <t>老田</t>
    <rPh sb="0" eb="2">
      <t>オイダ</t>
    </rPh>
    <phoneticPr fontId="3"/>
  </si>
  <si>
    <t>山田東部</t>
    <rPh sb="0" eb="4">
      <t>ヤマダトウブ</t>
    </rPh>
    <phoneticPr fontId="3"/>
  </si>
  <si>
    <t>池多</t>
    <rPh sb="0" eb="2">
      <t>イケダ</t>
    </rPh>
    <phoneticPr fontId="3"/>
  </si>
  <si>
    <t>山田地域（合計）</t>
    <rPh sb="0" eb="4">
      <t>ヤマダチイキ</t>
    </rPh>
    <rPh sb="5" eb="7">
      <t>ゴウケイ</t>
    </rPh>
    <phoneticPr fontId="3"/>
  </si>
  <si>
    <t>水橋中部</t>
    <rPh sb="0" eb="2">
      <t>ミズハシ</t>
    </rPh>
    <rPh sb="2" eb="4">
      <t>チュウブ</t>
    </rPh>
    <phoneticPr fontId="3"/>
  </si>
  <si>
    <t>水橋西部</t>
    <rPh sb="0" eb="2">
      <t>ミズハシ</t>
    </rPh>
    <rPh sb="2" eb="4">
      <t>セイブ</t>
    </rPh>
    <phoneticPr fontId="3"/>
  </si>
  <si>
    <t>細入地域</t>
    <rPh sb="0" eb="2">
      <t>ホソイリ</t>
    </rPh>
    <rPh sb="2" eb="4">
      <t>チイキ</t>
    </rPh>
    <phoneticPr fontId="3"/>
  </si>
  <si>
    <t>水橋東部</t>
    <rPh sb="0" eb="2">
      <t>ミズハシ</t>
    </rPh>
    <rPh sb="2" eb="4">
      <t>トウブ</t>
    </rPh>
    <phoneticPr fontId="3"/>
  </si>
  <si>
    <t>細入北部</t>
    <rPh sb="0" eb="2">
      <t>ホソイリ</t>
    </rPh>
    <rPh sb="2" eb="4">
      <t>ホクブ</t>
    </rPh>
    <phoneticPr fontId="3"/>
  </si>
  <si>
    <t>三郷</t>
    <rPh sb="0" eb="2">
      <t>サンゴウ</t>
    </rPh>
    <phoneticPr fontId="3"/>
  </si>
  <si>
    <t>細入南部</t>
    <rPh sb="0" eb="2">
      <t>ホソイリ</t>
    </rPh>
    <rPh sb="2" eb="4">
      <t>ナンブ</t>
    </rPh>
    <phoneticPr fontId="3"/>
  </si>
  <si>
    <t>上条</t>
    <rPh sb="0" eb="1">
      <t>ウエ</t>
    </rPh>
    <rPh sb="1" eb="2">
      <t>ジョウ</t>
    </rPh>
    <phoneticPr fontId="3"/>
  </si>
  <si>
    <t>細入地域（合計）</t>
    <rPh sb="0" eb="2">
      <t>ホソイリ</t>
    </rPh>
    <rPh sb="2" eb="4">
      <t>チイキ</t>
    </rPh>
    <rPh sb="5" eb="7">
      <t>ゴウケイ</t>
    </rPh>
    <phoneticPr fontId="3"/>
  </si>
  <si>
    <t>光陽</t>
    <rPh sb="0" eb="2">
      <t>コウヨウ</t>
    </rPh>
    <phoneticPr fontId="3"/>
  </si>
  <si>
    <t>新庄北</t>
    <rPh sb="0" eb="3">
      <t>シンジョウキタ</t>
    </rPh>
    <phoneticPr fontId="3"/>
  </si>
  <si>
    <t>富山地域（合計）</t>
    <rPh sb="0" eb="4">
      <t>トヤマチイキ</t>
    </rPh>
    <rPh sb="5" eb="7">
      <t>ゴウケイ</t>
    </rPh>
    <phoneticPr fontId="3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11"/>
  </si>
  <si>
    <t>令和7年11月末</t>
    <rPh sb="0" eb="2">
      <t>レイワ</t>
    </rPh>
    <rPh sb="3" eb="4">
      <t>ネン</t>
    </rPh>
    <rPh sb="6" eb="7">
      <t>ガツ</t>
    </rPh>
    <rPh sb="7" eb="8">
      <t>マツ</t>
    </rPh>
    <phoneticPr fontId="3"/>
  </si>
  <si>
    <t>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明朝"/>
      <family val="1"/>
    </font>
    <font>
      <sz val="11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  <font>
      <sz val="12"/>
      <name val="ＭＳ 明朝"/>
      <family val="1"/>
    </font>
    <font>
      <sz val="14"/>
      <name val="ＭＳ 明朝"/>
      <family val="1"/>
    </font>
    <font>
      <u/>
      <sz val="11"/>
      <color theme="10"/>
      <name val="ＭＳ 明朝"/>
      <family val="1"/>
    </font>
    <font>
      <b/>
      <sz val="14"/>
      <name val="BIZ UD明朝 Medium"/>
      <family val="1"/>
    </font>
    <font>
      <sz val="11"/>
      <name val="BIZ UD明朝 Medium"/>
      <family val="1"/>
    </font>
    <font>
      <b/>
      <sz val="11"/>
      <name val="BIZ UD明朝 Medium"/>
      <family val="1"/>
      <charset val="128"/>
    </font>
    <font>
      <u/>
      <sz val="11"/>
      <color theme="10"/>
      <name val="BIZ UD明朝 Medium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4">
    <border>
      <left/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6" fillId="0" borderId="0" applyNumberFormat="0" applyFill="0" applyBorder="0" applyAlignment="0" applyProtection="0"/>
  </cellStyleXfs>
  <cellXfs count="48">
    <xf numFmtId="0" fontId="0" fillId="0" borderId="0" xfId="0"/>
    <xf numFmtId="38" fontId="0" fillId="0" borderId="1" xfId="1" applyFont="1" applyBorder="1" applyAlignment="1">
      <alignment vertical="center"/>
    </xf>
    <xf numFmtId="38" fontId="0" fillId="0" borderId="2" xfId="1" applyFont="1" applyBorder="1" applyAlignment="1">
      <alignment vertical="center"/>
    </xf>
    <xf numFmtId="38" fontId="0" fillId="0" borderId="3" xfId="1" applyFont="1" applyBorder="1" applyAlignment="1">
      <alignment vertical="center"/>
    </xf>
    <xf numFmtId="38" fontId="0" fillId="0" borderId="4" xfId="1" applyFont="1" applyBorder="1" applyAlignment="1">
      <alignment horizontal="distributed" vertical="center"/>
    </xf>
    <xf numFmtId="38" fontId="0" fillId="0" borderId="5" xfId="1" applyFont="1" applyBorder="1" applyAlignment="1">
      <alignment vertical="center"/>
    </xf>
    <xf numFmtId="38" fontId="0" fillId="0" borderId="6" xfId="1" applyFont="1" applyBorder="1" applyAlignment="1">
      <alignment vertical="center"/>
    </xf>
    <xf numFmtId="38" fontId="0" fillId="0" borderId="7" xfId="1" applyFont="1" applyBorder="1" applyAlignment="1">
      <alignment vertical="center"/>
    </xf>
    <xf numFmtId="38" fontId="0" fillId="0" borderId="8" xfId="1" applyFont="1" applyBorder="1" applyAlignment="1">
      <alignment horizontal="distributed" vertical="center"/>
    </xf>
    <xf numFmtId="38" fontId="0" fillId="0" borderId="8" xfId="1" applyFont="1" applyBorder="1" applyAlignment="1">
      <alignment horizontal="center" vertical="center"/>
    </xf>
    <xf numFmtId="38" fontId="0" fillId="0" borderId="9" xfId="1" applyFont="1" applyBorder="1" applyAlignment="1">
      <alignment vertical="center"/>
    </xf>
    <xf numFmtId="38" fontId="0" fillId="0" borderId="10" xfId="1" applyFont="1" applyBorder="1" applyAlignment="1">
      <alignment vertical="center"/>
    </xf>
    <xf numFmtId="38" fontId="0" fillId="0" borderId="11" xfId="1" applyFont="1" applyBorder="1" applyAlignment="1">
      <alignment vertical="center"/>
    </xf>
    <xf numFmtId="38" fontId="0" fillId="0" borderId="12" xfId="1" applyFont="1" applyBorder="1" applyAlignment="1">
      <alignment horizontal="distributed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38" fontId="0" fillId="0" borderId="17" xfId="1" applyFont="1" applyBorder="1" applyAlignment="1">
      <alignment vertical="center"/>
    </xf>
    <xf numFmtId="38" fontId="0" fillId="0" borderId="18" xfId="1" applyFont="1" applyBorder="1" applyAlignment="1">
      <alignment vertical="center"/>
    </xf>
    <xf numFmtId="38" fontId="0" fillId="0" borderId="19" xfId="1" applyFont="1" applyBorder="1" applyAlignment="1">
      <alignment vertical="center"/>
    </xf>
    <xf numFmtId="0" fontId="4" fillId="0" borderId="20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0" fillId="0" borderId="23" xfId="1" applyFont="1" applyBorder="1" applyAlignment="1">
      <alignment vertical="center"/>
    </xf>
    <xf numFmtId="38" fontId="0" fillId="0" borderId="24" xfId="1" applyFont="1" applyBorder="1" applyAlignment="1">
      <alignment vertical="center"/>
    </xf>
    <xf numFmtId="38" fontId="0" fillId="0" borderId="25" xfId="1" applyFont="1" applyBorder="1" applyAlignment="1">
      <alignment vertical="center"/>
    </xf>
    <xf numFmtId="38" fontId="0" fillId="0" borderId="26" xfId="1" applyFont="1" applyBorder="1" applyAlignment="1">
      <alignment vertical="center"/>
    </xf>
    <xf numFmtId="38" fontId="0" fillId="0" borderId="13" xfId="1" applyFont="1" applyBorder="1" applyAlignment="1">
      <alignment vertical="center"/>
    </xf>
    <xf numFmtId="38" fontId="0" fillId="0" borderId="14" xfId="1" applyFont="1" applyBorder="1" applyAlignment="1">
      <alignment vertical="center"/>
    </xf>
    <xf numFmtId="38" fontId="0" fillId="0" borderId="27" xfId="1" applyFont="1" applyBorder="1" applyAlignment="1">
      <alignment vertical="center"/>
    </xf>
    <xf numFmtId="0" fontId="8" fillId="0" borderId="0" xfId="0" applyFont="1" applyAlignment="1">
      <alignment horizontal="right"/>
    </xf>
    <xf numFmtId="0" fontId="8" fillId="0" borderId="0" xfId="0" applyFont="1"/>
    <xf numFmtId="0" fontId="9" fillId="0" borderId="0" xfId="0" applyFont="1"/>
    <xf numFmtId="0" fontId="8" fillId="0" borderId="30" xfId="0" applyFont="1" applyBorder="1"/>
    <xf numFmtId="0" fontId="10" fillId="0" borderId="31" xfId="2" applyFont="1" applyBorder="1"/>
    <xf numFmtId="0" fontId="8" fillId="0" borderId="32" xfId="0" applyFont="1" applyBorder="1"/>
    <xf numFmtId="0" fontId="10" fillId="0" borderId="33" xfId="2" applyFont="1" applyBorder="1"/>
    <xf numFmtId="0" fontId="8" fillId="2" borderId="28" xfId="0" applyFont="1" applyFill="1" applyBorder="1" applyAlignment="1">
      <alignment horizontal="center"/>
    </xf>
    <xf numFmtId="0" fontId="8" fillId="2" borderId="29" xfId="0" applyFont="1" applyFill="1" applyBorder="1" applyAlignment="1">
      <alignment horizontal="center"/>
    </xf>
    <xf numFmtId="0" fontId="8" fillId="0" borderId="0" xfId="0" applyFont="1" applyAlignment="1">
      <alignment horizontal="left" vertical="center" wrapText="1"/>
    </xf>
    <xf numFmtId="0" fontId="7" fillId="0" borderId="0" xfId="0" applyFont="1" applyAlignment="1">
      <alignment horizont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/>
    <xf numFmtId="0" fontId="4" fillId="0" borderId="0" xfId="0" applyFont="1" applyAlignment="1" applyProtection="1">
      <alignment horizontal="right" vertical="center"/>
      <protection locked="0"/>
    </xf>
  </cellXfs>
  <cellStyles count="3">
    <cellStyle name="ハイパーリンク" xfId="2" builtinId="8"/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7BB549-3F4B-4FF3-AF91-44F22628D332}">
  <dimension ref="B1:H59"/>
  <sheetViews>
    <sheetView tabSelected="1" workbookViewId="0">
      <selection activeCell="B1" sqref="B1:E1"/>
    </sheetView>
  </sheetViews>
  <sheetFormatPr defaultColWidth="8.875" defaultRowHeight="13.5" x14ac:dyDescent="0.15"/>
  <cols>
    <col min="1" max="1" width="1.5" style="34" customWidth="1"/>
    <col min="2" max="2" width="4.625" style="34" customWidth="1"/>
    <col min="3" max="3" width="20.5" style="34" customWidth="1"/>
    <col min="4" max="4" width="8.875" style="34"/>
    <col min="5" max="5" width="4.625" style="34" customWidth="1"/>
    <col min="6" max="6" width="20.5" style="34" bestFit="1" customWidth="1"/>
    <col min="7" max="16384" width="8.875" style="34"/>
  </cols>
  <sheetData>
    <row r="1" spans="2:6" ht="23.45" customHeight="1" x14ac:dyDescent="0.15">
      <c r="B1" s="43" t="s">
        <v>120</v>
      </c>
      <c r="C1" s="43"/>
      <c r="D1" s="43"/>
      <c r="E1" s="43"/>
      <c r="F1" s="33" t="s">
        <v>219</v>
      </c>
    </row>
    <row r="2" spans="2:6" ht="14.25" thickBot="1" x14ac:dyDescent="0.2">
      <c r="B2" s="35"/>
      <c r="C2" s="34" t="s">
        <v>121</v>
      </c>
    </row>
    <row r="3" spans="2:6" x14ac:dyDescent="0.15">
      <c r="B3" s="40" t="s">
        <v>122</v>
      </c>
      <c r="C3" s="41"/>
      <c r="E3" s="40" t="s">
        <v>123</v>
      </c>
      <c r="F3" s="41"/>
    </row>
    <row r="4" spans="2:6" x14ac:dyDescent="0.15">
      <c r="B4" s="36">
        <v>1</v>
      </c>
      <c r="C4" s="37" t="s">
        <v>124</v>
      </c>
      <c r="E4" s="36">
        <v>101</v>
      </c>
      <c r="F4" s="37" t="s">
        <v>125</v>
      </c>
    </row>
    <row r="5" spans="2:6" x14ac:dyDescent="0.15">
      <c r="B5" s="36">
        <v>2</v>
      </c>
      <c r="C5" s="37" t="s">
        <v>126</v>
      </c>
      <c r="E5" s="36">
        <v>102</v>
      </c>
      <c r="F5" s="37" t="s">
        <v>127</v>
      </c>
    </row>
    <row r="6" spans="2:6" x14ac:dyDescent="0.15">
      <c r="B6" s="36">
        <v>3</v>
      </c>
      <c r="C6" s="37" t="s">
        <v>128</v>
      </c>
      <c r="E6" s="36">
        <v>103</v>
      </c>
      <c r="F6" s="37" t="s">
        <v>129</v>
      </c>
    </row>
    <row r="7" spans="2:6" x14ac:dyDescent="0.15">
      <c r="B7" s="36">
        <v>4</v>
      </c>
      <c r="C7" s="37" t="s">
        <v>130</v>
      </c>
      <c r="E7" s="36">
        <v>104</v>
      </c>
      <c r="F7" s="37" t="s">
        <v>131</v>
      </c>
    </row>
    <row r="8" spans="2:6" x14ac:dyDescent="0.15">
      <c r="B8" s="36">
        <v>5</v>
      </c>
      <c r="C8" s="37" t="s">
        <v>132</v>
      </c>
      <c r="E8" s="36">
        <v>105</v>
      </c>
      <c r="F8" s="37" t="s">
        <v>133</v>
      </c>
    </row>
    <row r="9" spans="2:6" ht="14.25" thickBot="1" x14ac:dyDescent="0.2">
      <c r="B9" s="36">
        <v>6</v>
      </c>
      <c r="C9" s="37" t="s">
        <v>134</v>
      </c>
      <c r="E9" s="38">
        <v>199</v>
      </c>
      <c r="F9" s="39" t="s">
        <v>135</v>
      </c>
    </row>
    <row r="10" spans="2:6" ht="14.25" thickBot="1" x14ac:dyDescent="0.2">
      <c r="B10" s="36">
        <v>7</v>
      </c>
      <c r="C10" s="37" t="s">
        <v>136</v>
      </c>
    </row>
    <row r="11" spans="2:6" x14ac:dyDescent="0.15">
      <c r="B11" s="36">
        <v>8</v>
      </c>
      <c r="C11" s="37" t="s">
        <v>137</v>
      </c>
      <c r="E11" s="40" t="s">
        <v>138</v>
      </c>
      <c r="F11" s="41"/>
    </row>
    <row r="12" spans="2:6" x14ac:dyDescent="0.15">
      <c r="B12" s="36">
        <v>9</v>
      </c>
      <c r="C12" s="37" t="s">
        <v>139</v>
      </c>
      <c r="E12" s="36">
        <v>201</v>
      </c>
      <c r="F12" s="37" t="s">
        <v>140</v>
      </c>
    </row>
    <row r="13" spans="2:6" x14ac:dyDescent="0.15">
      <c r="B13" s="36">
        <v>10</v>
      </c>
      <c r="C13" s="37" t="s">
        <v>141</v>
      </c>
      <c r="E13" s="36">
        <v>202</v>
      </c>
      <c r="F13" s="37" t="s">
        <v>142</v>
      </c>
    </row>
    <row r="14" spans="2:6" x14ac:dyDescent="0.15">
      <c r="B14" s="36">
        <v>11</v>
      </c>
      <c r="C14" s="37" t="s">
        <v>143</v>
      </c>
      <c r="E14" s="36">
        <v>203</v>
      </c>
      <c r="F14" s="37" t="s">
        <v>144</v>
      </c>
    </row>
    <row r="15" spans="2:6" x14ac:dyDescent="0.15">
      <c r="B15" s="36">
        <v>12</v>
      </c>
      <c r="C15" s="37" t="s">
        <v>145</v>
      </c>
      <c r="E15" s="36">
        <v>204</v>
      </c>
      <c r="F15" s="37" t="s">
        <v>146</v>
      </c>
    </row>
    <row r="16" spans="2:6" ht="14.25" thickBot="1" x14ac:dyDescent="0.2">
      <c r="B16" s="36">
        <v>13</v>
      </c>
      <c r="C16" s="37" t="s">
        <v>147</v>
      </c>
      <c r="E16" s="38">
        <v>299</v>
      </c>
      <c r="F16" s="39" t="s">
        <v>148</v>
      </c>
    </row>
    <row r="17" spans="2:6" ht="14.25" thickBot="1" x14ac:dyDescent="0.2">
      <c r="B17" s="36">
        <v>14</v>
      </c>
      <c r="C17" s="37" t="s">
        <v>149</v>
      </c>
    </row>
    <row r="18" spans="2:6" x14ac:dyDescent="0.15">
      <c r="B18" s="36">
        <v>15</v>
      </c>
      <c r="C18" s="37" t="s">
        <v>150</v>
      </c>
      <c r="E18" s="40" t="s">
        <v>151</v>
      </c>
      <c r="F18" s="41"/>
    </row>
    <row r="19" spans="2:6" x14ac:dyDescent="0.15">
      <c r="B19" s="36">
        <v>16</v>
      </c>
      <c r="C19" s="37" t="s">
        <v>152</v>
      </c>
      <c r="E19" s="36">
        <v>301</v>
      </c>
      <c r="F19" s="37" t="s">
        <v>153</v>
      </c>
    </row>
    <row r="20" spans="2:6" x14ac:dyDescent="0.15">
      <c r="B20" s="36">
        <v>17</v>
      </c>
      <c r="C20" s="37" t="s">
        <v>154</v>
      </c>
      <c r="E20" s="36">
        <v>302</v>
      </c>
      <c r="F20" s="37" t="s">
        <v>155</v>
      </c>
    </row>
    <row r="21" spans="2:6" x14ac:dyDescent="0.15">
      <c r="B21" s="36">
        <v>18</v>
      </c>
      <c r="C21" s="37" t="s">
        <v>156</v>
      </c>
      <c r="E21" s="36">
        <v>303</v>
      </c>
      <c r="F21" s="37" t="s">
        <v>157</v>
      </c>
    </row>
    <row r="22" spans="2:6" x14ac:dyDescent="0.15">
      <c r="B22" s="36">
        <v>19</v>
      </c>
      <c r="C22" s="37" t="s">
        <v>158</v>
      </c>
      <c r="E22" s="36">
        <v>304</v>
      </c>
      <c r="F22" s="37" t="s">
        <v>159</v>
      </c>
    </row>
    <row r="23" spans="2:6" x14ac:dyDescent="0.15">
      <c r="B23" s="36">
        <v>20</v>
      </c>
      <c r="C23" s="37" t="s">
        <v>160</v>
      </c>
      <c r="E23" s="36">
        <v>305</v>
      </c>
      <c r="F23" s="37" t="s">
        <v>161</v>
      </c>
    </row>
    <row r="24" spans="2:6" x14ac:dyDescent="0.15">
      <c r="B24" s="36">
        <v>21</v>
      </c>
      <c r="C24" s="37" t="s">
        <v>162</v>
      </c>
      <c r="E24" s="36">
        <v>306</v>
      </c>
      <c r="F24" s="37" t="s">
        <v>163</v>
      </c>
    </row>
    <row r="25" spans="2:6" x14ac:dyDescent="0.15">
      <c r="B25" s="36">
        <v>22</v>
      </c>
      <c r="C25" s="37" t="s">
        <v>164</v>
      </c>
      <c r="E25" s="36">
        <v>307</v>
      </c>
      <c r="F25" s="37" t="s">
        <v>165</v>
      </c>
    </row>
    <row r="26" spans="2:6" x14ac:dyDescent="0.15">
      <c r="B26" s="36">
        <v>23</v>
      </c>
      <c r="C26" s="37" t="s">
        <v>166</v>
      </c>
      <c r="E26" s="36">
        <v>308</v>
      </c>
      <c r="F26" s="37" t="s">
        <v>167</v>
      </c>
    </row>
    <row r="27" spans="2:6" x14ac:dyDescent="0.15">
      <c r="B27" s="36">
        <v>24</v>
      </c>
      <c r="C27" s="37" t="s">
        <v>168</v>
      </c>
      <c r="E27" s="36">
        <v>309</v>
      </c>
      <c r="F27" s="37" t="s">
        <v>169</v>
      </c>
    </row>
    <row r="28" spans="2:6" ht="14.25" thickBot="1" x14ac:dyDescent="0.2">
      <c r="B28" s="36">
        <v>25</v>
      </c>
      <c r="C28" s="37" t="s">
        <v>170</v>
      </c>
      <c r="E28" s="38">
        <v>399</v>
      </c>
      <c r="F28" s="39" t="s">
        <v>171</v>
      </c>
    </row>
    <row r="29" spans="2:6" ht="14.25" thickBot="1" x14ac:dyDescent="0.2">
      <c r="B29" s="36">
        <v>26</v>
      </c>
      <c r="C29" s="37" t="s">
        <v>172</v>
      </c>
    </row>
    <row r="30" spans="2:6" x14ac:dyDescent="0.15">
      <c r="B30" s="36">
        <v>27</v>
      </c>
      <c r="C30" s="37" t="s">
        <v>173</v>
      </c>
      <c r="E30" s="40" t="s">
        <v>174</v>
      </c>
      <c r="F30" s="41"/>
    </row>
    <row r="31" spans="2:6" x14ac:dyDescent="0.15">
      <c r="B31" s="36">
        <v>28</v>
      </c>
      <c r="C31" s="37" t="s">
        <v>175</v>
      </c>
      <c r="E31" s="36">
        <v>401</v>
      </c>
      <c r="F31" s="37" t="s">
        <v>176</v>
      </c>
    </row>
    <row r="32" spans="2:6" x14ac:dyDescent="0.15">
      <c r="B32" s="36">
        <v>29</v>
      </c>
      <c r="C32" s="37" t="s">
        <v>177</v>
      </c>
      <c r="E32" s="36">
        <v>402</v>
      </c>
      <c r="F32" s="37" t="s">
        <v>178</v>
      </c>
    </row>
    <row r="33" spans="2:6" x14ac:dyDescent="0.15">
      <c r="B33" s="36">
        <v>30</v>
      </c>
      <c r="C33" s="37" t="s">
        <v>179</v>
      </c>
      <c r="E33" s="36">
        <v>403</v>
      </c>
      <c r="F33" s="37" t="s">
        <v>180</v>
      </c>
    </row>
    <row r="34" spans="2:6" x14ac:dyDescent="0.15">
      <c r="B34" s="36">
        <v>31</v>
      </c>
      <c r="C34" s="37" t="s">
        <v>181</v>
      </c>
      <c r="E34" s="36">
        <v>404</v>
      </c>
      <c r="F34" s="37" t="s">
        <v>182</v>
      </c>
    </row>
    <row r="35" spans="2:6" x14ac:dyDescent="0.15">
      <c r="B35" s="36">
        <v>32</v>
      </c>
      <c r="C35" s="37" t="s">
        <v>183</v>
      </c>
      <c r="E35" s="36">
        <v>405</v>
      </c>
      <c r="F35" s="37" t="s">
        <v>184</v>
      </c>
    </row>
    <row r="36" spans="2:6" x14ac:dyDescent="0.15">
      <c r="B36" s="36">
        <v>33</v>
      </c>
      <c r="C36" s="37" t="s">
        <v>185</v>
      </c>
      <c r="E36" s="36">
        <v>406</v>
      </c>
      <c r="F36" s="37" t="s">
        <v>186</v>
      </c>
    </row>
    <row r="37" spans="2:6" x14ac:dyDescent="0.15">
      <c r="B37" s="36">
        <v>34</v>
      </c>
      <c r="C37" s="37" t="s">
        <v>187</v>
      </c>
      <c r="E37" s="36">
        <v>407</v>
      </c>
      <c r="F37" s="37" t="s">
        <v>188</v>
      </c>
    </row>
    <row r="38" spans="2:6" x14ac:dyDescent="0.15">
      <c r="B38" s="36">
        <v>35</v>
      </c>
      <c r="C38" s="37" t="s">
        <v>189</v>
      </c>
      <c r="E38" s="36">
        <v>408</v>
      </c>
      <c r="F38" s="37" t="s">
        <v>190</v>
      </c>
    </row>
    <row r="39" spans="2:6" ht="14.25" thickBot="1" x14ac:dyDescent="0.2">
      <c r="B39" s="36">
        <v>36</v>
      </c>
      <c r="C39" s="37" t="s">
        <v>191</v>
      </c>
      <c r="E39" s="38">
        <v>499</v>
      </c>
      <c r="F39" s="39" t="s">
        <v>192</v>
      </c>
    </row>
    <row r="40" spans="2:6" ht="14.25" thickBot="1" x14ac:dyDescent="0.2">
      <c r="B40" s="36">
        <v>37</v>
      </c>
      <c r="C40" s="37" t="s">
        <v>193</v>
      </c>
    </row>
    <row r="41" spans="2:6" x14ac:dyDescent="0.15">
      <c r="B41" s="36">
        <v>38</v>
      </c>
      <c r="C41" s="37" t="s">
        <v>194</v>
      </c>
      <c r="E41" s="40" t="s">
        <v>195</v>
      </c>
      <c r="F41" s="41"/>
    </row>
    <row r="42" spans="2:6" x14ac:dyDescent="0.15">
      <c r="B42" s="36">
        <v>39</v>
      </c>
      <c r="C42" s="37" t="s">
        <v>196</v>
      </c>
      <c r="E42" s="36">
        <v>501</v>
      </c>
      <c r="F42" s="37" t="s">
        <v>197</v>
      </c>
    </row>
    <row r="43" spans="2:6" x14ac:dyDescent="0.15">
      <c r="B43" s="36">
        <v>40</v>
      </c>
      <c r="C43" s="37" t="s">
        <v>198</v>
      </c>
      <c r="E43" s="36">
        <v>502</v>
      </c>
      <c r="F43" s="37" t="s">
        <v>199</v>
      </c>
    </row>
    <row r="44" spans="2:6" x14ac:dyDescent="0.15">
      <c r="B44" s="36">
        <v>41</v>
      </c>
      <c r="C44" s="37" t="s">
        <v>200</v>
      </c>
      <c r="E44" s="36">
        <v>503</v>
      </c>
      <c r="F44" s="37" t="s">
        <v>201</v>
      </c>
    </row>
    <row r="45" spans="2:6" x14ac:dyDescent="0.15">
      <c r="B45" s="36">
        <v>42</v>
      </c>
      <c r="C45" s="37" t="s">
        <v>202</v>
      </c>
      <c r="E45" s="36">
        <v>504</v>
      </c>
      <c r="F45" s="37" t="s">
        <v>203</v>
      </c>
    </row>
    <row r="46" spans="2:6" ht="14.25" thickBot="1" x14ac:dyDescent="0.2">
      <c r="B46" s="36">
        <v>43</v>
      </c>
      <c r="C46" s="37" t="s">
        <v>204</v>
      </c>
      <c r="E46" s="38">
        <v>599</v>
      </c>
      <c r="F46" s="39" t="s">
        <v>205</v>
      </c>
    </row>
    <row r="47" spans="2:6" ht="14.25" thickBot="1" x14ac:dyDescent="0.2">
      <c r="B47" s="36">
        <v>44</v>
      </c>
      <c r="C47" s="37" t="s">
        <v>206</v>
      </c>
    </row>
    <row r="48" spans="2:6" x14ac:dyDescent="0.15">
      <c r="B48" s="36">
        <v>45</v>
      </c>
      <c r="C48" s="37" t="s">
        <v>207</v>
      </c>
      <c r="E48" s="40" t="s">
        <v>208</v>
      </c>
      <c r="F48" s="41"/>
    </row>
    <row r="49" spans="2:8" x14ac:dyDescent="0.15">
      <c r="B49" s="36">
        <v>46</v>
      </c>
      <c r="C49" s="37" t="s">
        <v>209</v>
      </c>
      <c r="E49" s="36">
        <v>601</v>
      </c>
      <c r="F49" s="37" t="s">
        <v>210</v>
      </c>
    </row>
    <row r="50" spans="2:8" x14ac:dyDescent="0.15">
      <c r="B50" s="36">
        <v>47</v>
      </c>
      <c r="C50" s="37" t="s">
        <v>211</v>
      </c>
      <c r="E50" s="36">
        <v>602</v>
      </c>
      <c r="F50" s="37" t="s">
        <v>212</v>
      </c>
    </row>
    <row r="51" spans="2:8" ht="14.25" thickBot="1" x14ac:dyDescent="0.2">
      <c r="B51" s="36">
        <v>48</v>
      </c>
      <c r="C51" s="37" t="s">
        <v>213</v>
      </c>
      <c r="E51" s="38">
        <v>699</v>
      </c>
      <c r="F51" s="39" t="s">
        <v>214</v>
      </c>
    </row>
    <row r="52" spans="2:8" x14ac:dyDescent="0.15">
      <c r="B52" s="36">
        <v>49</v>
      </c>
      <c r="C52" s="37" t="s">
        <v>215</v>
      </c>
    </row>
    <row r="53" spans="2:8" x14ac:dyDescent="0.15">
      <c r="B53" s="36">
        <v>50</v>
      </c>
      <c r="C53" s="37" t="s">
        <v>216</v>
      </c>
    </row>
    <row r="54" spans="2:8" ht="14.25" thickBot="1" x14ac:dyDescent="0.2">
      <c r="B54" s="38">
        <v>99</v>
      </c>
      <c r="C54" s="39" t="s">
        <v>217</v>
      </c>
    </row>
    <row r="57" spans="2:8" x14ac:dyDescent="0.15">
      <c r="B57" s="42" t="s">
        <v>218</v>
      </c>
      <c r="C57" s="42"/>
      <c r="D57" s="42"/>
      <c r="E57" s="42"/>
      <c r="F57" s="42"/>
      <c r="G57" s="42"/>
      <c r="H57" s="42"/>
    </row>
    <row r="58" spans="2:8" x14ac:dyDescent="0.15">
      <c r="B58" s="42"/>
      <c r="C58" s="42"/>
      <c r="D58" s="42"/>
      <c r="E58" s="42"/>
      <c r="F58" s="42"/>
      <c r="G58" s="42"/>
      <c r="H58" s="42"/>
    </row>
    <row r="59" spans="2:8" x14ac:dyDescent="0.15">
      <c r="B59" s="42"/>
      <c r="C59" s="42"/>
      <c r="D59" s="42"/>
      <c r="E59" s="42"/>
      <c r="F59" s="42"/>
      <c r="G59" s="42"/>
      <c r="H59" s="42"/>
    </row>
  </sheetData>
  <mergeCells count="9">
    <mergeCell ref="E41:F41"/>
    <mergeCell ref="E48:F48"/>
    <mergeCell ref="B57:H59"/>
    <mergeCell ref="B1:E1"/>
    <mergeCell ref="B3:C3"/>
    <mergeCell ref="E3:F3"/>
    <mergeCell ref="E11:F11"/>
    <mergeCell ref="E18:F18"/>
    <mergeCell ref="E30:F30"/>
  </mergeCells>
  <phoneticPr fontId="2"/>
  <hyperlinks>
    <hyperlink ref="C5" location="'年齢別・性別人口(02愛宕)'!A1" display="愛宕" xr:uid="{8BB6D898-23A2-49D3-A93B-3A336593E6AC}"/>
    <hyperlink ref="C6" location="'年齢別・性別人口(03安野屋)'!A1" display="安野屋" xr:uid="{8BE2D2E6-CE61-441B-B157-1C4E170F7C69}"/>
    <hyperlink ref="C7" location="'年齢別・性別人口(04八人町)'!A1" display="八人町" xr:uid="{FAEB3C59-B850-4371-8464-04144D1F9557}"/>
    <hyperlink ref="C8" location="'年齢別・性別人口(05五番町)'!A1" display="五番町" xr:uid="{4CDE7C49-A808-4A3B-8C23-17BD2AF4AB20}"/>
    <hyperlink ref="C9" location="'年齢別・性別人口(06柳町)'!A1" display="柳町" xr:uid="{2C573B30-40BB-4E59-B288-ADB528CD3361}"/>
    <hyperlink ref="C10" location="'年齢別・性別人口(07清水町)'!A1" display="清水町" xr:uid="{67A5992C-60D1-4F2B-A870-03560EC926C2}"/>
    <hyperlink ref="C11" location="'年齢別・性別人口(08星井町)'!A1" display="星井町" xr:uid="{AFFFA3AF-BD56-4DEA-8E3A-68F42E084C76}"/>
    <hyperlink ref="C12" location="'年齢別・性別人口(09西田地方)'!A1" display="西田地方" xr:uid="{BA7A168F-2D33-4F90-A4DA-D033F6CB8B71}"/>
    <hyperlink ref="C13" location="'年齢別・性別人口(10堀川)'!A1" display="堀川" xr:uid="{0015E19F-6DBE-4644-AB55-DCA2AF9754C3}"/>
    <hyperlink ref="C14" location="'年齢別・性別人口(11堀川南)'!A1" display="堀川南" xr:uid="{81B448F8-1192-4E82-B49E-539B8F11645A}"/>
    <hyperlink ref="C15" location="'年齢別・性別人口(12東部)'!A1" display="東部" xr:uid="{5C179791-F40A-44BC-9B31-FF6977A38486}"/>
    <hyperlink ref="C16" location="'年齢別・性別人口(13奥田)'!A1" display="奥田" xr:uid="{F13194A9-C6A4-427A-B0B6-625B642F627F}"/>
    <hyperlink ref="C17" location="'年齢別・性別人口(14奥田北)'!A1" display="奥田北" xr:uid="{B09F3EF9-FB35-4E44-A75F-7EEA5D8A86AF}"/>
    <hyperlink ref="C19" location="'年齢別・性別人口(16五福)'!A1" display="五福" xr:uid="{EDCDAE7D-4B2F-4959-9B77-C7C312862B8D}"/>
    <hyperlink ref="C20" location="'年齢別・性別人口(17神明)'!A1" display="神明" xr:uid="{33F87EBF-3678-4A49-94C1-3D24B15BC631}"/>
    <hyperlink ref="C21" location="'年齢別・性別人口(18岩瀬)'!A1" display="岩瀬" xr:uid="{E9545B20-063E-4D42-B3CD-48E15FAAD706}"/>
    <hyperlink ref="C22" location="'年齢別・性別人口(19萩浦)'!A1" display="萩浦" xr:uid="{58279ABA-710F-427E-96CA-ABDAC9724046}"/>
    <hyperlink ref="C23" location="'年齢別・性別人口(20大広田)'!A1" display="大広田" xr:uid="{7DCFAC54-F8B2-4838-9F75-5D8DD8F76400}"/>
    <hyperlink ref="C24" location="'年齢別・性別人口(21浜黒崎)'!A1" display="浜黒崎" xr:uid="{80A3AAD5-0896-48DE-B522-77CAD6248F2E}"/>
    <hyperlink ref="C25" location="'年齢別・性別人口(22針原)'!A1" display="針原" xr:uid="{3AF39BBD-790B-432D-95D6-CE18F7844F49}"/>
    <hyperlink ref="C26" location="'年齢別・性別人口(23豊田)'!A1" display="豊田" xr:uid="{636CFEB3-4C3B-42E5-B866-2699B06F0680}"/>
    <hyperlink ref="C27" location="'年齢別・性別人口(24広田)'!A1" display="広田" xr:uid="{EF5A6686-ED23-4786-A02B-077532DEE841}"/>
    <hyperlink ref="C28" location="'年齢別・性別人口(25新庄)'!A1" display="新庄" xr:uid="{419B27E8-F269-4E07-B432-2527DDBE15CA}"/>
    <hyperlink ref="C29" location="'年齢別・性別人口(26藤ノ木)'!A1" display="藤ノ木" xr:uid="{8CBCD16C-4FDB-4A1A-BB92-F9469C8BB1CA}"/>
    <hyperlink ref="C30" location="'年齢別・性別人口(27山室)'!A1" display="山室" xr:uid="{75F7118F-AA73-4A5D-B4B4-C7ECA06B9DD1}"/>
    <hyperlink ref="C31" location="'年齢別・性別人口(28山室中部)'!A1" display="山室中部" xr:uid="{3EADD38A-CC5D-4860-B169-4D86971B2FB3}"/>
    <hyperlink ref="C32" location="'年齢別・性別人口(29太田)'!A1" display="太田" xr:uid="{A56ACB49-70AB-477F-BF16-29C4391DA16B}"/>
    <hyperlink ref="C33" location="'年齢別・性別人口(30蜷川)'!A1" display="蜷川" xr:uid="{D741973B-9555-49DC-8632-9214D845FB7B}"/>
    <hyperlink ref="C34" location="'年齢別・性別人口(31新保)'!A1" display="新保" xr:uid="{504577EB-587F-4368-8C86-40F96D4D252E}"/>
    <hyperlink ref="C35" location="'年齢別・性別人口(32熊野)'!A1" display="熊野" xr:uid="{B2B81D78-1DE1-40DA-844D-0C8EB39C4A3B}"/>
    <hyperlink ref="C36" location="'年齢別・性別人口(33月岡)'!A1" display="月岡" xr:uid="{5FE52491-90AA-4C7C-9305-C26459013CB6}"/>
    <hyperlink ref="C37" location="'年齢別・性別人口(34四方)'!A1" display="四方" xr:uid="{245FD8A5-18F4-41B3-8DC1-52415ABFB926}"/>
    <hyperlink ref="C38" location="'年齢別・性別人口(35八幡)'!A1" display="八幡" xr:uid="{B99B58AB-5D2B-4AFD-A63A-E790EB01E7DC}"/>
    <hyperlink ref="C39" location="'年齢別・性別人口(36草島)'!A1" display="草島" xr:uid="{FAC7C96B-759A-436A-8A9E-7B85AC1B238C}"/>
    <hyperlink ref="C40" location="'年齢別・性別人口(37倉垣)'!A1" display="倉垣" xr:uid="{D7D1FB37-4DB5-4E52-BE7D-44CA6C0B8CB1}"/>
    <hyperlink ref="C41" location="'年齢別・性別人口(38呉羽)'!A1" display="呉羽" xr:uid="{3DEE2CEB-DFFB-4A33-BCEA-433B9012FA0B}"/>
    <hyperlink ref="C42" location="'年齢別・性別人口(39長岡)'!A1" display="長岡" xr:uid="{3CC238FD-9504-4A26-9D6B-ECFC8166DF73}"/>
    <hyperlink ref="C43" location="'年齢別・性別人口(40寒江)'!A1" display="寒江" xr:uid="{70799514-2D9C-4976-B70A-094B3F95D453}"/>
    <hyperlink ref="C44" location="'年齢別・性別人口(41古沢)'!A1" display="古沢" xr:uid="{83A3A2DB-CD2A-40EC-AAA9-41C975A6CACF}"/>
    <hyperlink ref="C45" location="'年齢別・性別人口(42老田)'!A1" display="老田" xr:uid="{D7BC6193-E04D-458D-9F4F-A67190A3915D}"/>
    <hyperlink ref="C46" location="'年齢別・性別人口(43池多)'!A1" display="池多" xr:uid="{9DF3F029-829F-49E4-BACD-E222F1FBC67E}"/>
    <hyperlink ref="C47" location="'年齢別・性別人口(44水橋中部)'!A1" display="水橋中部" xr:uid="{E072D7EF-3339-41D5-BD17-196BFFBC3652}"/>
    <hyperlink ref="C48" location="'年齢別・性別人口(45水橋西部)'!A1" display="水橋西部" xr:uid="{4F24AC81-2069-406E-8F03-0C713F193923}"/>
    <hyperlink ref="C49" location="'年齢別・性別人口(46水橋東部)'!A1" display="水橋東部" xr:uid="{9861CCB1-C4FD-42BB-9269-2D59BD65AB88}"/>
    <hyperlink ref="C50" location="'年齢別・性別人口(47三郷)'!A1" display="三郷" xr:uid="{3DA8A22F-D28F-4AC5-A751-1A254BCD2E84}"/>
    <hyperlink ref="C51" location="'年齢別・性別人口(48上条)'!A1" display="上条" xr:uid="{FDF80EE0-69A1-4655-8E6A-D78A3073C448}"/>
    <hyperlink ref="C52" location="'年齢別・性別人口(49光陽)'!A1" display="光陽" xr:uid="{72A5DBE3-D338-4558-AA62-FAD104739B96}"/>
    <hyperlink ref="C53" location="'年齢別・性別人口(50新庄北）'!A1" display="新庄北" xr:uid="{1841F2CD-DCA5-41BB-AFD8-E4C5E0A27FC2}"/>
    <hyperlink ref="C54" location="'年齢別・性別人口(0099富山地域)'!A1" display="富山地域（合計）" xr:uid="{AA113CE3-CC23-413A-BBD1-C751808DBEEC}"/>
    <hyperlink ref="F4" location="'年齢別・性別人口0101下タ)'!A1" display="下タ" xr:uid="{C9DD02E2-81ED-4F24-B8D2-ED7E499B7E04}"/>
    <hyperlink ref="F5" location="'年齢別・性別人口(0102小羽)'!A1" display="小羽" xr:uid="{916FBB91-44B5-4702-8EC4-340F01944C94}"/>
    <hyperlink ref="F6" location="'年齢別・性別人口(0103船峅)'!A1" display="船峅" xr:uid="{DDF4EEAA-4B91-4DD5-8113-8B120F08A2CA}"/>
    <hyperlink ref="F7" location="'年齢別・性別人口(0104大沢野)'!A1" display="大沢野" xr:uid="{99410348-550C-4BD7-AEE4-115CF0C4AA0E}"/>
    <hyperlink ref="F8" location="'年齢別・性別人口(0105大久保)'!A1" display="大久保" xr:uid="{78D6580B-E777-4167-A60B-27FDAC21FFB4}"/>
    <hyperlink ref="F9" location="'年齢別・性別人口(0199大沢野地域)'!A1" display="大沢野地域（合計）" xr:uid="{F9FF8006-B974-4B0B-B768-0B2B01CFEDA0}"/>
    <hyperlink ref="F12" location="'年齢別・性別人口(0201上滝)'!A1" display="上滝" xr:uid="{C35E514C-4458-48F1-86CC-FF7D742C0A8F}"/>
    <hyperlink ref="F13" location="'年齢別・性別人口(0202大山)'!A1" display="大山" xr:uid="{ADA28A6D-B095-4042-B87B-17866F59D38B}"/>
    <hyperlink ref="F14" location="'年齢別・性別人口(0203大庄)'!A1" display="大庄" xr:uid="{F835FD67-34AF-45D3-8531-07F4CB647187}"/>
    <hyperlink ref="F15" location="'年齢別・性別人口(0204福沢)'!A1" display="福沢" xr:uid="{AE0C8F4B-A6CD-4B2B-8BF8-C42E23370336}"/>
    <hyperlink ref="F16" location="'年齢別・性別人口(0299大山地域)'!A1" display="大山地域（合計）" xr:uid="{74560786-B350-4570-88FF-D19A86736A09}"/>
    <hyperlink ref="F19" location="'年齢別・性別人口(0301八尾)'!A1" display="八尾" xr:uid="{30699B29-E28F-4FBD-B650-AC384EB2E788}"/>
    <hyperlink ref="F20" location="'年齢別・性別人口(0302保内)'!A1" display="保内" xr:uid="{B05AAD8B-7543-474F-A77C-EF8830F3C530}"/>
    <hyperlink ref="F21" location="'年齢別・性別人口(0303杉原)'!A1" display="杉原" xr:uid="{C91FCCBC-F38B-4074-8462-F28D487DBB51}"/>
    <hyperlink ref="F22" location="'年齢別・性別人口(0304卯花)'!A1" display="卯花" xr:uid="{1E3377DC-2008-4C66-9145-3024B5FADFA5}"/>
    <hyperlink ref="F23" location="'年齢別・性別人口(0305室牧)'!A1" display="室牧" xr:uid="{E6BC9F35-18B6-48E3-BD87-EE9E56E3B90E}"/>
    <hyperlink ref="F24" location="'年齢別・性別人口(0306黒瀬谷)'!A1" display="黒瀬谷" xr:uid="{F5BD00D0-BBF9-4FCD-9648-21B300AEE1D0}"/>
    <hyperlink ref="F25" location="'年齢別・性別人口(0307野積)'!A1" display="野積" xr:uid="{F6752F4B-1D31-4362-A61E-82B84046EF86}"/>
    <hyperlink ref="F26" location="'年齢別・性別人口(0308仁歩)'!A1" display="仁歩" xr:uid="{9046FABA-BAD7-40E0-86B9-250865915CFE}"/>
    <hyperlink ref="F27" location="'年齢別・性別人口(0309大長谷)'!A1" display="大長谷" xr:uid="{573535EC-71F6-49CC-85F2-48BD472E9AA8}"/>
    <hyperlink ref="F28" location="'年齢別・性別人口(0399八尾地域)'!A1" display="八尾地域（合計）" xr:uid="{8E9626A4-A884-4B47-8D45-486CC1AE1C1A}"/>
    <hyperlink ref="F31" location="'年齢別・性別人口(0401速星)'!A1" display="速星" xr:uid="{F246767C-76D9-4678-BC6A-70413BA9B99C}"/>
    <hyperlink ref="F32" location="'年齢別・性別人口(0402鵜坂)'!A1" display="鵜坂" xr:uid="{B6FDCE08-C395-419E-834E-CFE5086784FD}"/>
    <hyperlink ref="F33" location="'年齢別・性別人口(0403朝日)'!A1" display="朝日" xr:uid="{C84031E9-337B-486B-A201-6896FF2AFE77}"/>
    <hyperlink ref="F34" location="'年齢別・性別人口(0404宮川)'!A1" display="宮川" xr:uid="{9B511168-0120-4657-B741-F82160B29A3E}"/>
    <hyperlink ref="F35" location="'年齢別・性別人口(0405婦中熊野)'!A1" display="婦中熊野" xr:uid="{C55FEAC0-CC17-42CD-AF4B-F7542BA9B3EF}"/>
    <hyperlink ref="F36" location="'年齢別・性別人口(0406古里)'!A1" display="古里" xr:uid="{36D55245-1801-4185-8078-796D45B0C29D}"/>
    <hyperlink ref="F37" location="'年齢別・性別人口(0407音川)'!A1" display="音川" xr:uid="{34333EC2-D385-452D-8B14-9B173064A123}"/>
    <hyperlink ref="F38" location="'年齢別・性別人口(0408神保)'!A1" display="神保" xr:uid="{FA8F565F-1B19-4180-A360-A4FFB9FCFD47}"/>
    <hyperlink ref="F39" location="'年齢別・性別人口(0499婦中地域)'!A1" display="婦中地域（合計）" xr:uid="{4D3A0F00-7820-4104-966C-963429C5157A}"/>
    <hyperlink ref="F42" location="'年齢別・性別人口(0501山田南部)'!A1" display="山田南部" xr:uid="{9E474512-3FE8-43B9-A48D-1DCF42DD5867}"/>
    <hyperlink ref="F43" location="'年齢別・性別人口(0502山田中部)'!A1" display="山田中部" xr:uid="{FA887B9B-A1E7-4BBD-9DF3-6749AD1A88BD}"/>
    <hyperlink ref="F44" location="'年齢別・性別人口(0503山田西部)'!A1" display="山田西部" xr:uid="{1F1BA953-CAB1-4669-AE3E-046E1C389813}"/>
    <hyperlink ref="F45" location="'年齢別・性別人口(0504山田東部)'!A1" display="山田東部" xr:uid="{A40B5CB6-5B7D-4C88-BBF5-68F06B4436C6}"/>
    <hyperlink ref="F46" location="'年齢別・性別人口(0599山田地域)'!A1" display="山田地域（合計）" xr:uid="{6C9130E4-4ED4-45F3-80F5-8C11BEEC0EEF}"/>
    <hyperlink ref="F49" location="'年齢別・性別人口(0601細入北部)'!A1" display="細入北部" xr:uid="{849B2A5D-7142-432B-9874-8E51B514DA50}"/>
    <hyperlink ref="F50" location="'年齢別・性別人口(0602細入南部)'!A1" display="細入南部" xr:uid="{CEC4DEEC-07ED-4D67-8C05-265008A24C3A}"/>
    <hyperlink ref="F51" location="'年齢別・性別人口(0699細入地域)'!A1" display="細入地域（合計）" xr:uid="{082C4F73-D17E-48E6-8BD9-E98ED55299ED}"/>
    <hyperlink ref="C18" location="'年齢別・性別人口(15桜谷)'!A1" display="桜谷" xr:uid="{CA4D1407-6F70-462E-9D02-D3592ABEA856}"/>
    <hyperlink ref="C4" location="'年齢別・性別人口(01総曲輪)'!A1" display="総曲輪" xr:uid="{C265D5DA-3202-47A9-BBDC-6D29E6B7C656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5C42AA-0639-4CF5-B4AF-F7CF48048042}">
  <sheetPr codeName="Sheet2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6</v>
      </c>
      <c r="C5" s="11">
        <v>19</v>
      </c>
      <c r="D5" s="10">
        <v>35</v>
      </c>
    </row>
    <row r="6" spans="1:4" ht="18" customHeight="1" x14ac:dyDescent="0.15">
      <c r="A6" s="8">
        <v>1</v>
      </c>
      <c r="B6" s="21">
        <v>15</v>
      </c>
      <c r="C6" s="6">
        <v>16</v>
      </c>
      <c r="D6" s="5">
        <v>31</v>
      </c>
    </row>
    <row r="7" spans="1:4" ht="18" customHeight="1" x14ac:dyDescent="0.15">
      <c r="A7" s="8">
        <v>2</v>
      </c>
      <c r="B7" s="21">
        <v>27</v>
      </c>
      <c r="C7" s="6">
        <v>12</v>
      </c>
      <c r="D7" s="5">
        <v>39</v>
      </c>
    </row>
    <row r="8" spans="1:4" ht="18" customHeight="1" x14ac:dyDescent="0.15">
      <c r="A8" s="8">
        <v>3</v>
      </c>
      <c r="B8" s="21">
        <v>17</v>
      </c>
      <c r="C8" s="6">
        <v>21</v>
      </c>
      <c r="D8" s="5">
        <v>38</v>
      </c>
    </row>
    <row r="9" spans="1:4" ht="18" customHeight="1" x14ac:dyDescent="0.15">
      <c r="A9" s="8">
        <v>4</v>
      </c>
      <c r="B9" s="21">
        <v>20</v>
      </c>
      <c r="C9" s="6">
        <v>16</v>
      </c>
      <c r="D9" s="5">
        <v>36</v>
      </c>
    </row>
    <row r="10" spans="1:4" ht="18" customHeight="1" x14ac:dyDescent="0.15">
      <c r="A10" s="8" t="s">
        <v>25</v>
      </c>
      <c r="B10" s="21">
        <v>95</v>
      </c>
      <c r="C10" s="6">
        <v>84</v>
      </c>
      <c r="D10" s="5">
        <v>179</v>
      </c>
    </row>
    <row r="11" spans="1:4" ht="18" customHeight="1" x14ac:dyDescent="0.15">
      <c r="A11" s="8">
        <v>5</v>
      </c>
      <c r="B11" s="21">
        <v>26</v>
      </c>
      <c r="C11" s="6">
        <v>24</v>
      </c>
      <c r="D11" s="5">
        <v>50</v>
      </c>
    </row>
    <row r="12" spans="1:4" ht="18" customHeight="1" x14ac:dyDescent="0.15">
      <c r="A12" s="8">
        <v>6</v>
      </c>
      <c r="B12" s="21">
        <v>31</v>
      </c>
      <c r="C12" s="6">
        <v>26</v>
      </c>
      <c r="D12" s="5">
        <v>57</v>
      </c>
    </row>
    <row r="13" spans="1:4" ht="18" customHeight="1" x14ac:dyDescent="0.15">
      <c r="A13" s="8">
        <v>7</v>
      </c>
      <c r="B13" s="21">
        <v>21</v>
      </c>
      <c r="C13" s="6">
        <v>21</v>
      </c>
      <c r="D13" s="5">
        <v>42</v>
      </c>
    </row>
    <row r="14" spans="1:4" ht="18" customHeight="1" x14ac:dyDescent="0.15">
      <c r="A14" s="8">
        <v>8</v>
      </c>
      <c r="B14" s="21">
        <v>27</v>
      </c>
      <c r="C14" s="6">
        <v>25</v>
      </c>
      <c r="D14" s="5">
        <v>52</v>
      </c>
    </row>
    <row r="15" spans="1:4" ht="18" customHeight="1" x14ac:dyDescent="0.15">
      <c r="A15" s="8">
        <v>9</v>
      </c>
      <c r="B15" s="21">
        <v>28</v>
      </c>
      <c r="C15" s="6">
        <v>26</v>
      </c>
      <c r="D15" s="5">
        <v>54</v>
      </c>
    </row>
    <row r="16" spans="1:4" ht="18" customHeight="1" x14ac:dyDescent="0.15">
      <c r="A16" s="8" t="s">
        <v>24</v>
      </c>
      <c r="B16" s="21">
        <v>133</v>
      </c>
      <c r="C16" s="6">
        <v>122</v>
      </c>
      <c r="D16" s="5">
        <v>255</v>
      </c>
    </row>
    <row r="17" spans="1:4" ht="18" customHeight="1" x14ac:dyDescent="0.15">
      <c r="A17" s="8">
        <v>10</v>
      </c>
      <c r="B17" s="21">
        <v>26</v>
      </c>
      <c r="C17" s="6">
        <v>28</v>
      </c>
      <c r="D17" s="5">
        <v>54</v>
      </c>
    </row>
    <row r="18" spans="1:4" ht="18" customHeight="1" x14ac:dyDescent="0.15">
      <c r="A18" s="8">
        <v>11</v>
      </c>
      <c r="B18" s="21">
        <v>20</v>
      </c>
      <c r="C18" s="6">
        <v>30</v>
      </c>
      <c r="D18" s="5">
        <v>50</v>
      </c>
    </row>
    <row r="19" spans="1:4" ht="18" customHeight="1" x14ac:dyDescent="0.15">
      <c r="A19" s="8">
        <v>12</v>
      </c>
      <c r="B19" s="21">
        <v>33</v>
      </c>
      <c r="C19" s="6">
        <v>25</v>
      </c>
      <c r="D19" s="5">
        <v>58</v>
      </c>
    </row>
    <row r="20" spans="1:4" ht="18" customHeight="1" x14ac:dyDescent="0.15">
      <c r="A20" s="8">
        <v>13</v>
      </c>
      <c r="B20" s="21">
        <v>30</v>
      </c>
      <c r="C20" s="6">
        <v>29</v>
      </c>
      <c r="D20" s="5">
        <v>59</v>
      </c>
    </row>
    <row r="21" spans="1:4" ht="18" customHeight="1" x14ac:dyDescent="0.15">
      <c r="A21" s="8">
        <v>14</v>
      </c>
      <c r="B21" s="21">
        <v>28</v>
      </c>
      <c r="C21" s="6">
        <v>32</v>
      </c>
      <c r="D21" s="5">
        <v>60</v>
      </c>
    </row>
    <row r="22" spans="1:4" ht="18" customHeight="1" x14ac:dyDescent="0.15">
      <c r="A22" s="8" t="s">
        <v>23</v>
      </c>
      <c r="B22" s="21">
        <v>137</v>
      </c>
      <c r="C22" s="6">
        <v>144</v>
      </c>
      <c r="D22" s="5">
        <v>281</v>
      </c>
    </row>
    <row r="23" spans="1:4" ht="18" customHeight="1" x14ac:dyDescent="0.15">
      <c r="A23" s="8" t="s">
        <v>22</v>
      </c>
      <c r="B23" s="21">
        <v>365</v>
      </c>
      <c r="C23" s="6">
        <v>350</v>
      </c>
      <c r="D23" s="5">
        <v>715</v>
      </c>
    </row>
    <row r="24" spans="1:4" ht="18" customHeight="1" x14ac:dyDescent="0.15">
      <c r="A24" s="8">
        <v>15</v>
      </c>
      <c r="B24" s="21">
        <v>31</v>
      </c>
      <c r="C24" s="6">
        <v>21</v>
      </c>
      <c r="D24" s="5">
        <v>52</v>
      </c>
    </row>
    <row r="25" spans="1:4" ht="18" customHeight="1" x14ac:dyDescent="0.15">
      <c r="A25" s="8">
        <v>16</v>
      </c>
      <c r="B25" s="21">
        <v>26</v>
      </c>
      <c r="C25" s="6">
        <v>27</v>
      </c>
      <c r="D25" s="5">
        <v>53</v>
      </c>
    </row>
    <row r="26" spans="1:4" ht="18" customHeight="1" x14ac:dyDescent="0.15">
      <c r="A26" s="8">
        <v>17</v>
      </c>
      <c r="B26" s="21">
        <v>34</v>
      </c>
      <c r="C26" s="6">
        <v>38</v>
      </c>
      <c r="D26" s="5">
        <v>72</v>
      </c>
    </row>
    <row r="27" spans="1:4" ht="18" customHeight="1" x14ac:dyDescent="0.15">
      <c r="A27" s="8">
        <v>18</v>
      </c>
      <c r="B27" s="21">
        <v>26</v>
      </c>
      <c r="C27" s="6">
        <v>31</v>
      </c>
      <c r="D27" s="5">
        <v>57</v>
      </c>
    </row>
    <row r="28" spans="1:4" ht="18" customHeight="1" x14ac:dyDescent="0.15">
      <c r="A28" s="8">
        <v>19</v>
      </c>
      <c r="B28" s="21">
        <v>21</v>
      </c>
      <c r="C28" s="6">
        <v>21</v>
      </c>
      <c r="D28" s="5">
        <v>42</v>
      </c>
    </row>
    <row r="29" spans="1:4" ht="18" customHeight="1" x14ac:dyDescent="0.15">
      <c r="A29" s="8" t="s">
        <v>21</v>
      </c>
      <c r="B29" s="21">
        <v>138</v>
      </c>
      <c r="C29" s="6">
        <v>138</v>
      </c>
      <c r="D29" s="5">
        <v>276</v>
      </c>
    </row>
    <row r="30" spans="1:4" ht="18" customHeight="1" x14ac:dyDescent="0.15">
      <c r="A30" s="8">
        <v>20</v>
      </c>
      <c r="B30" s="21">
        <v>14</v>
      </c>
      <c r="C30" s="6">
        <v>27</v>
      </c>
      <c r="D30" s="5">
        <v>41</v>
      </c>
    </row>
    <row r="31" spans="1:4" ht="18" customHeight="1" x14ac:dyDescent="0.15">
      <c r="A31" s="8">
        <v>21</v>
      </c>
      <c r="B31" s="21">
        <v>18</v>
      </c>
      <c r="C31" s="6">
        <v>24</v>
      </c>
      <c r="D31" s="5">
        <v>42</v>
      </c>
    </row>
    <row r="32" spans="1:4" ht="18" customHeight="1" x14ac:dyDescent="0.15">
      <c r="A32" s="8">
        <v>22</v>
      </c>
      <c r="B32" s="21">
        <v>29</v>
      </c>
      <c r="C32" s="6">
        <v>20</v>
      </c>
      <c r="D32" s="5">
        <v>49</v>
      </c>
    </row>
    <row r="33" spans="1:4" ht="18" customHeight="1" x14ac:dyDescent="0.15">
      <c r="A33" s="8">
        <v>23</v>
      </c>
      <c r="B33" s="21">
        <v>21</v>
      </c>
      <c r="C33" s="6">
        <v>22</v>
      </c>
      <c r="D33" s="5">
        <v>43</v>
      </c>
    </row>
    <row r="34" spans="1:4" ht="18" customHeight="1" x14ac:dyDescent="0.15">
      <c r="A34" s="8">
        <v>24</v>
      </c>
      <c r="B34" s="21">
        <v>28</v>
      </c>
      <c r="C34" s="6">
        <v>23</v>
      </c>
      <c r="D34" s="5">
        <v>51</v>
      </c>
    </row>
    <row r="35" spans="1:4" ht="18" customHeight="1" x14ac:dyDescent="0.15">
      <c r="A35" s="8" t="s">
        <v>20</v>
      </c>
      <c r="B35" s="21">
        <v>110</v>
      </c>
      <c r="C35" s="6">
        <v>116</v>
      </c>
      <c r="D35" s="5">
        <v>226</v>
      </c>
    </row>
    <row r="36" spans="1:4" ht="18" customHeight="1" x14ac:dyDescent="0.15">
      <c r="A36" s="8">
        <v>25</v>
      </c>
      <c r="B36" s="21">
        <v>23</v>
      </c>
      <c r="C36" s="6">
        <v>18</v>
      </c>
      <c r="D36" s="5">
        <v>41</v>
      </c>
    </row>
    <row r="37" spans="1:4" ht="18" customHeight="1" x14ac:dyDescent="0.15">
      <c r="A37" s="8">
        <v>26</v>
      </c>
      <c r="B37" s="21">
        <v>26</v>
      </c>
      <c r="C37" s="6">
        <v>34</v>
      </c>
      <c r="D37" s="5">
        <v>60</v>
      </c>
    </row>
    <row r="38" spans="1:4" ht="18" customHeight="1" x14ac:dyDescent="0.15">
      <c r="A38" s="8">
        <v>27</v>
      </c>
      <c r="B38" s="21">
        <v>23</v>
      </c>
      <c r="C38" s="6">
        <v>31</v>
      </c>
      <c r="D38" s="5">
        <v>54</v>
      </c>
    </row>
    <row r="39" spans="1:4" ht="18" customHeight="1" x14ac:dyDescent="0.15">
      <c r="A39" s="8">
        <v>28</v>
      </c>
      <c r="B39" s="21">
        <v>43</v>
      </c>
      <c r="C39" s="6">
        <v>30</v>
      </c>
      <c r="D39" s="5">
        <v>73</v>
      </c>
    </row>
    <row r="40" spans="1:4" ht="18" customHeight="1" x14ac:dyDescent="0.15">
      <c r="A40" s="8">
        <v>29</v>
      </c>
      <c r="B40" s="21">
        <v>30</v>
      </c>
      <c r="C40" s="6">
        <v>40</v>
      </c>
      <c r="D40" s="5">
        <v>70</v>
      </c>
    </row>
    <row r="41" spans="1:4" ht="18" customHeight="1" x14ac:dyDescent="0.15">
      <c r="A41" s="8" t="s">
        <v>19</v>
      </c>
      <c r="B41" s="21">
        <v>145</v>
      </c>
      <c r="C41" s="6">
        <v>153</v>
      </c>
      <c r="D41" s="5">
        <v>298</v>
      </c>
    </row>
    <row r="42" spans="1:4" ht="18" customHeight="1" x14ac:dyDescent="0.15">
      <c r="A42" s="8">
        <v>30</v>
      </c>
      <c r="B42" s="21">
        <v>31</v>
      </c>
      <c r="C42" s="6">
        <v>21</v>
      </c>
      <c r="D42" s="5">
        <v>52</v>
      </c>
    </row>
    <row r="43" spans="1:4" ht="18" customHeight="1" x14ac:dyDescent="0.15">
      <c r="A43" s="8">
        <v>31</v>
      </c>
      <c r="B43" s="21">
        <v>25</v>
      </c>
      <c r="C43" s="6">
        <v>26</v>
      </c>
      <c r="D43" s="5">
        <v>51</v>
      </c>
    </row>
    <row r="44" spans="1:4" ht="18" customHeight="1" x14ac:dyDescent="0.15">
      <c r="A44" s="8">
        <v>32</v>
      </c>
      <c r="B44" s="21">
        <v>37</v>
      </c>
      <c r="C44" s="6">
        <v>17</v>
      </c>
      <c r="D44" s="5">
        <v>54</v>
      </c>
    </row>
    <row r="45" spans="1:4" ht="18" customHeight="1" x14ac:dyDescent="0.15">
      <c r="A45" s="8">
        <v>33</v>
      </c>
      <c r="B45" s="21">
        <v>28</v>
      </c>
      <c r="C45" s="6">
        <v>28</v>
      </c>
      <c r="D45" s="5">
        <v>56</v>
      </c>
    </row>
    <row r="46" spans="1:4" ht="18" customHeight="1" x14ac:dyDescent="0.15">
      <c r="A46" s="8">
        <v>34</v>
      </c>
      <c r="B46" s="21">
        <v>47</v>
      </c>
      <c r="C46" s="6">
        <v>38</v>
      </c>
      <c r="D46" s="5">
        <v>85</v>
      </c>
    </row>
    <row r="47" spans="1:4" ht="18" customHeight="1" x14ac:dyDescent="0.15">
      <c r="A47" s="8" t="s">
        <v>18</v>
      </c>
      <c r="B47" s="21">
        <v>168</v>
      </c>
      <c r="C47" s="6">
        <v>130</v>
      </c>
      <c r="D47" s="5">
        <v>298</v>
      </c>
    </row>
    <row r="48" spans="1:4" ht="18" customHeight="1" x14ac:dyDescent="0.15">
      <c r="A48" s="8">
        <v>35</v>
      </c>
      <c r="B48" s="21">
        <v>29</v>
      </c>
      <c r="C48" s="6">
        <v>30</v>
      </c>
      <c r="D48" s="5">
        <v>59</v>
      </c>
    </row>
    <row r="49" spans="1:4" ht="18" customHeight="1" x14ac:dyDescent="0.15">
      <c r="A49" s="8">
        <v>36</v>
      </c>
      <c r="B49" s="21">
        <v>34</v>
      </c>
      <c r="C49" s="6">
        <v>33</v>
      </c>
      <c r="D49" s="5">
        <v>67</v>
      </c>
    </row>
    <row r="50" spans="1:4" ht="18" customHeight="1" x14ac:dyDescent="0.15">
      <c r="A50" s="8">
        <v>37</v>
      </c>
      <c r="B50" s="21">
        <v>35</v>
      </c>
      <c r="C50" s="6">
        <v>39</v>
      </c>
      <c r="D50" s="5">
        <v>74</v>
      </c>
    </row>
    <row r="51" spans="1:4" ht="18" customHeight="1" x14ac:dyDescent="0.15">
      <c r="A51" s="8">
        <v>38</v>
      </c>
      <c r="B51" s="21">
        <v>38</v>
      </c>
      <c r="C51" s="6">
        <v>33</v>
      </c>
      <c r="D51" s="5">
        <v>71</v>
      </c>
    </row>
    <row r="52" spans="1:4" ht="18" customHeight="1" x14ac:dyDescent="0.15">
      <c r="A52" s="8">
        <v>39</v>
      </c>
      <c r="B52" s="21">
        <v>41</v>
      </c>
      <c r="C52" s="6">
        <v>43</v>
      </c>
      <c r="D52" s="5">
        <v>84</v>
      </c>
    </row>
    <row r="53" spans="1:4" ht="18" customHeight="1" x14ac:dyDescent="0.15">
      <c r="A53" s="8" t="s">
        <v>17</v>
      </c>
      <c r="B53" s="21">
        <v>177</v>
      </c>
      <c r="C53" s="6">
        <v>178</v>
      </c>
      <c r="D53" s="5">
        <v>355</v>
      </c>
    </row>
    <row r="54" spans="1:4" ht="18" customHeight="1" x14ac:dyDescent="0.15">
      <c r="A54" s="8">
        <v>40</v>
      </c>
      <c r="B54" s="21">
        <v>35</v>
      </c>
      <c r="C54" s="6">
        <v>36</v>
      </c>
      <c r="D54" s="5">
        <v>71</v>
      </c>
    </row>
    <row r="55" spans="1:4" ht="18" customHeight="1" x14ac:dyDescent="0.15">
      <c r="A55" s="8">
        <v>41</v>
      </c>
      <c r="B55" s="21">
        <v>53</v>
      </c>
      <c r="C55" s="6">
        <v>40</v>
      </c>
      <c r="D55" s="5">
        <v>93</v>
      </c>
    </row>
    <row r="56" spans="1:4" ht="18" customHeight="1" x14ac:dyDescent="0.15">
      <c r="A56" s="8">
        <v>42</v>
      </c>
      <c r="B56" s="21">
        <v>36</v>
      </c>
      <c r="C56" s="6">
        <v>27</v>
      </c>
      <c r="D56" s="5">
        <v>63</v>
      </c>
    </row>
    <row r="57" spans="1:4" ht="18" customHeight="1" x14ac:dyDescent="0.15">
      <c r="A57" s="8">
        <v>43</v>
      </c>
      <c r="B57" s="21">
        <v>37</v>
      </c>
      <c r="C57" s="6">
        <v>32</v>
      </c>
      <c r="D57" s="5">
        <v>69</v>
      </c>
    </row>
    <row r="58" spans="1:4" ht="18" customHeight="1" x14ac:dyDescent="0.15">
      <c r="A58" s="8">
        <v>44</v>
      </c>
      <c r="B58" s="21">
        <v>33</v>
      </c>
      <c r="C58" s="6">
        <v>37</v>
      </c>
      <c r="D58" s="5">
        <v>70</v>
      </c>
    </row>
    <row r="59" spans="1:4" ht="18" customHeight="1" x14ac:dyDescent="0.15">
      <c r="A59" s="8" t="s">
        <v>16</v>
      </c>
      <c r="B59" s="21">
        <v>194</v>
      </c>
      <c r="C59" s="6">
        <v>172</v>
      </c>
      <c r="D59" s="5">
        <v>366</v>
      </c>
    </row>
    <row r="60" spans="1:4" ht="18" customHeight="1" x14ac:dyDescent="0.15">
      <c r="A60" s="8">
        <v>45</v>
      </c>
      <c r="B60" s="21">
        <v>46</v>
      </c>
      <c r="C60" s="6">
        <v>39</v>
      </c>
      <c r="D60" s="5">
        <v>85</v>
      </c>
    </row>
    <row r="61" spans="1:4" ht="18" customHeight="1" x14ac:dyDescent="0.15">
      <c r="A61" s="8">
        <v>46</v>
      </c>
      <c r="B61" s="21">
        <v>37</v>
      </c>
      <c r="C61" s="6">
        <v>34</v>
      </c>
      <c r="D61" s="5">
        <v>71</v>
      </c>
    </row>
    <row r="62" spans="1:4" ht="18" customHeight="1" x14ac:dyDescent="0.15">
      <c r="A62" s="8">
        <v>47</v>
      </c>
      <c r="B62" s="21">
        <v>45</v>
      </c>
      <c r="C62" s="6">
        <v>43</v>
      </c>
      <c r="D62" s="5">
        <v>88</v>
      </c>
    </row>
    <row r="63" spans="1:4" ht="18" customHeight="1" x14ac:dyDescent="0.15">
      <c r="A63" s="8">
        <v>48</v>
      </c>
      <c r="B63" s="21">
        <v>47</v>
      </c>
      <c r="C63" s="6">
        <v>39</v>
      </c>
      <c r="D63" s="5">
        <v>86</v>
      </c>
    </row>
    <row r="64" spans="1:4" ht="18" customHeight="1" x14ac:dyDescent="0.15">
      <c r="A64" s="8">
        <v>49</v>
      </c>
      <c r="B64" s="21">
        <v>39</v>
      </c>
      <c r="C64" s="6">
        <v>50</v>
      </c>
      <c r="D64" s="5">
        <v>89</v>
      </c>
    </row>
    <row r="65" spans="1:4" ht="18" customHeight="1" x14ac:dyDescent="0.15">
      <c r="A65" s="8" t="s">
        <v>15</v>
      </c>
      <c r="B65" s="21">
        <v>214</v>
      </c>
      <c r="C65" s="6">
        <v>205</v>
      </c>
      <c r="D65" s="5">
        <v>419</v>
      </c>
    </row>
    <row r="66" spans="1:4" ht="18" customHeight="1" x14ac:dyDescent="0.15">
      <c r="A66" s="8">
        <v>50</v>
      </c>
      <c r="B66" s="21">
        <v>42</v>
      </c>
      <c r="C66" s="6">
        <v>50</v>
      </c>
      <c r="D66" s="5">
        <v>92</v>
      </c>
    </row>
    <row r="67" spans="1:4" ht="18" customHeight="1" x14ac:dyDescent="0.15">
      <c r="A67" s="8">
        <v>51</v>
      </c>
      <c r="B67" s="21">
        <v>64</v>
      </c>
      <c r="C67" s="6">
        <v>72</v>
      </c>
      <c r="D67" s="5">
        <v>136</v>
      </c>
    </row>
    <row r="68" spans="1:4" ht="18" customHeight="1" x14ac:dyDescent="0.15">
      <c r="A68" s="8">
        <v>52</v>
      </c>
      <c r="B68" s="21">
        <v>61</v>
      </c>
      <c r="C68" s="6">
        <v>60</v>
      </c>
      <c r="D68" s="5">
        <v>121</v>
      </c>
    </row>
    <row r="69" spans="1:4" ht="18" customHeight="1" x14ac:dyDescent="0.15">
      <c r="A69" s="8">
        <v>53</v>
      </c>
      <c r="B69" s="21">
        <v>55</v>
      </c>
      <c r="C69" s="6">
        <v>65</v>
      </c>
      <c r="D69" s="5">
        <v>120</v>
      </c>
    </row>
    <row r="70" spans="1:4" ht="18" customHeight="1" x14ac:dyDescent="0.15">
      <c r="A70" s="8">
        <v>54</v>
      </c>
      <c r="B70" s="21">
        <v>61</v>
      </c>
      <c r="C70" s="6">
        <v>58</v>
      </c>
      <c r="D70" s="5">
        <v>119</v>
      </c>
    </row>
    <row r="71" spans="1:4" ht="18" customHeight="1" x14ac:dyDescent="0.15">
      <c r="A71" s="8" t="s">
        <v>14</v>
      </c>
      <c r="B71" s="21">
        <v>283</v>
      </c>
      <c r="C71" s="6">
        <v>305</v>
      </c>
      <c r="D71" s="5">
        <v>588</v>
      </c>
    </row>
    <row r="72" spans="1:4" ht="18" customHeight="1" x14ac:dyDescent="0.15">
      <c r="A72" s="8">
        <v>55</v>
      </c>
      <c r="B72" s="21">
        <v>51</v>
      </c>
      <c r="C72" s="6">
        <v>44</v>
      </c>
      <c r="D72" s="5">
        <v>95</v>
      </c>
    </row>
    <row r="73" spans="1:4" ht="18" customHeight="1" x14ac:dyDescent="0.15">
      <c r="A73" s="8">
        <v>56</v>
      </c>
      <c r="B73" s="21">
        <v>71</v>
      </c>
      <c r="C73" s="6">
        <v>35</v>
      </c>
      <c r="D73" s="5">
        <v>106</v>
      </c>
    </row>
    <row r="74" spans="1:4" ht="18" customHeight="1" x14ac:dyDescent="0.15">
      <c r="A74" s="8">
        <v>57</v>
      </c>
      <c r="B74" s="21">
        <v>54</v>
      </c>
      <c r="C74" s="6">
        <v>51</v>
      </c>
      <c r="D74" s="5">
        <v>105</v>
      </c>
    </row>
    <row r="75" spans="1:4" ht="18" customHeight="1" x14ac:dyDescent="0.15">
      <c r="A75" s="8">
        <v>58</v>
      </c>
      <c r="B75" s="21">
        <v>55</v>
      </c>
      <c r="C75" s="6">
        <v>50</v>
      </c>
      <c r="D75" s="5">
        <v>105</v>
      </c>
    </row>
    <row r="76" spans="1:4" ht="18" customHeight="1" x14ac:dyDescent="0.15">
      <c r="A76" s="8">
        <v>59</v>
      </c>
      <c r="B76" s="21">
        <v>21</v>
      </c>
      <c r="C76" s="6">
        <v>34</v>
      </c>
      <c r="D76" s="5">
        <v>55</v>
      </c>
    </row>
    <row r="77" spans="1:4" ht="18" customHeight="1" x14ac:dyDescent="0.15">
      <c r="A77" s="8" t="s">
        <v>13</v>
      </c>
      <c r="B77" s="21">
        <v>252</v>
      </c>
      <c r="C77" s="6">
        <v>214</v>
      </c>
      <c r="D77" s="5">
        <v>466</v>
      </c>
    </row>
    <row r="78" spans="1:4" ht="18" customHeight="1" x14ac:dyDescent="0.15">
      <c r="A78" s="8">
        <v>60</v>
      </c>
      <c r="B78" s="21">
        <v>29</v>
      </c>
      <c r="C78" s="6">
        <v>40</v>
      </c>
      <c r="D78" s="5">
        <v>69</v>
      </c>
    </row>
    <row r="79" spans="1:4" ht="18" customHeight="1" x14ac:dyDescent="0.15">
      <c r="A79" s="8">
        <v>61</v>
      </c>
      <c r="B79" s="21">
        <v>44</v>
      </c>
      <c r="C79" s="6">
        <v>39</v>
      </c>
      <c r="D79" s="5">
        <v>83</v>
      </c>
    </row>
    <row r="80" spans="1:4" ht="18" customHeight="1" x14ac:dyDescent="0.15">
      <c r="A80" s="8">
        <v>62</v>
      </c>
      <c r="B80" s="21">
        <v>31</v>
      </c>
      <c r="C80" s="6">
        <v>39</v>
      </c>
      <c r="D80" s="5">
        <v>70</v>
      </c>
    </row>
    <row r="81" spans="1:4" ht="18" customHeight="1" x14ac:dyDescent="0.15">
      <c r="A81" s="8">
        <v>63</v>
      </c>
      <c r="B81" s="21">
        <v>44</v>
      </c>
      <c r="C81" s="6">
        <v>31</v>
      </c>
      <c r="D81" s="5">
        <v>75</v>
      </c>
    </row>
    <row r="82" spans="1:4" ht="18" customHeight="1" x14ac:dyDescent="0.15">
      <c r="A82" s="8">
        <v>64</v>
      </c>
      <c r="B82" s="21">
        <v>42</v>
      </c>
      <c r="C82" s="6">
        <v>46</v>
      </c>
      <c r="D82" s="5">
        <v>88</v>
      </c>
    </row>
    <row r="83" spans="1:4" ht="18" customHeight="1" x14ac:dyDescent="0.15">
      <c r="A83" s="8" t="s">
        <v>12</v>
      </c>
      <c r="B83" s="21">
        <v>190</v>
      </c>
      <c r="C83" s="6">
        <v>195</v>
      </c>
      <c r="D83" s="5">
        <v>385</v>
      </c>
    </row>
    <row r="84" spans="1:4" ht="18" customHeight="1" x14ac:dyDescent="0.15">
      <c r="A84" s="8" t="s">
        <v>11</v>
      </c>
      <c r="B84" s="21">
        <v>1871</v>
      </c>
      <c r="C84" s="6">
        <v>1806</v>
      </c>
      <c r="D84" s="5">
        <v>3677</v>
      </c>
    </row>
    <row r="85" spans="1:4" ht="18" customHeight="1" x14ac:dyDescent="0.15">
      <c r="A85" s="8">
        <v>65</v>
      </c>
      <c r="B85" s="21">
        <v>41</v>
      </c>
      <c r="C85" s="6">
        <v>37</v>
      </c>
      <c r="D85" s="5">
        <v>78</v>
      </c>
    </row>
    <row r="86" spans="1:4" ht="18" customHeight="1" x14ac:dyDescent="0.15">
      <c r="A86" s="8">
        <v>66</v>
      </c>
      <c r="B86" s="21">
        <v>30</v>
      </c>
      <c r="C86" s="6">
        <v>35</v>
      </c>
      <c r="D86" s="5">
        <v>65</v>
      </c>
    </row>
    <row r="87" spans="1:4" ht="18" customHeight="1" x14ac:dyDescent="0.15">
      <c r="A87" s="8">
        <v>67</v>
      </c>
      <c r="B87" s="21">
        <v>36</v>
      </c>
      <c r="C87" s="6">
        <v>45</v>
      </c>
      <c r="D87" s="5">
        <v>81</v>
      </c>
    </row>
    <row r="88" spans="1:4" ht="18" customHeight="1" x14ac:dyDescent="0.15">
      <c r="A88" s="8">
        <v>68</v>
      </c>
      <c r="B88" s="21">
        <v>43</v>
      </c>
      <c r="C88" s="6">
        <v>37</v>
      </c>
      <c r="D88" s="5">
        <v>80</v>
      </c>
    </row>
    <row r="89" spans="1:4" ht="18" customHeight="1" x14ac:dyDescent="0.15">
      <c r="A89" s="8">
        <v>69</v>
      </c>
      <c r="B89" s="21">
        <v>28</v>
      </c>
      <c r="C89" s="6">
        <v>28</v>
      </c>
      <c r="D89" s="5">
        <v>56</v>
      </c>
    </row>
    <row r="90" spans="1:4" ht="18" customHeight="1" x14ac:dyDescent="0.15">
      <c r="A90" s="8" t="s">
        <v>10</v>
      </c>
      <c r="B90" s="21">
        <v>178</v>
      </c>
      <c r="C90" s="6">
        <v>182</v>
      </c>
      <c r="D90" s="5">
        <v>360</v>
      </c>
    </row>
    <row r="91" spans="1:4" ht="18" customHeight="1" x14ac:dyDescent="0.15">
      <c r="A91" s="8">
        <v>70</v>
      </c>
      <c r="B91" s="21">
        <v>36</v>
      </c>
      <c r="C91" s="6">
        <v>33</v>
      </c>
      <c r="D91" s="5">
        <v>69</v>
      </c>
    </row>
    <row r="92" spans="1:4" ht="18" customHeight="1" x14ac:dyDescent="0.15">
      <c r="A92" s="8">
        <v>71</v>
      </c>
      <c r="B92" s="21">
        <v>29</v>
      </c>
      <c r="C92" s="6">
        <v>38</v>
      </c>
      <c r="D92" s="5">
        <v>67</v>
      </c>
    </row>
    <row r="93" spans="1:4" ht="18" customHeight="1" x14ac:dyDescent="0.15">
      <c r="A93" s="8">
        <v>72</v>
      </c>
      <c r="B93" s="21">
        <v>38</v>
      </c>
      <c r="C93" s="6">
        <v>45</v>
      </c>
      <c r="D93" s="5">
        <v>83</v>
      </c>
    </row>
    <row r="94" spans="1:4" ht="18" customHeight="1" x14ac:dyDescent="0.15">
      <c r="A94" s="8">
        <v>73</v>
      </c>
      <c r="B94" s="21">
        <v>28</v>
      </c>
      <c r="C94" s="6">
        <v>37</v>
      </c>
      <c r="D94" s="5">
        <v>65</v>
      </c>
    </row>
    <row r="95" spans="1:4" ht="18" customHeight="1" x14ac:dyDescent="0.15">
      <c r="A95" s="8">
        <v>74</v>
      </c>
      <c r="B95" s="21">
        <v>37</v>
      </c>
      <c r="C95" s="6">
        <v>39</v>
      </c>
      <c r="D95" s="5">
        <v>76</v>
      </c>
    </row>
    <row r="96" spans="1:4" ht="18" customHeight="1" x14ac:dyDescent="0.15">
      <c r="A96" s="8" t="s">
        <v>9</v>
      </c>
      <c r="B96" s="21">
        <v>168</v>
      </c>
      <c r="C96" s="6">
        <v>192</v>
      </c>
      <c r="D96" s="5">
        <v>360</v>
      </c>
    </row>
    <row r="97" spans="1:4" ht="18" customHeight="1" x14ac:dyDescent="0.15">
      <c r="A97" s="8">
        <v>75</v>
      </c>
      <c r="B97" s="21">
        <v>40</v>
      </c>
      <c r="C97" s="6">
        <v>48</v>
      </c>
      <c r="D97" s="5">
        <v>88</v>
      </c>
    </row>
    <row r="98" spans="1:4" ht="18" customHeight="1" x14ac:dyDescent="0.15">
      <c r="A98" s="8">
        <v>76</v>
      </c>
      <c r="B98" s="21">
        <v>35</v>
      </c>
      <c r="C98" s="6">
        <v>47</v>
      </c>
      <c r="D98" s="5">
        <v>82</v>
      </c>
    </row>
    <row r="99" spans="1:4" ht="18" customHeight="1" x14ac:dyDescent="0.15">
      <c r="A99" s="8">
        <v>77</v>
      </c>
      <c r="B99" s="21">
        <v>40</v>
      </c>
      <c r="C99" s="6">
        <v>58</v>
      </c>
      <c r="D99" s="5">
        <v>98</v>
      </c>
    </row>
    <row r="100" spans="1:4" ht="18" customHeight="1" x14ac:dyDescent="0.15">
      <c r="A100" s="8">
        <v>78</v>
      </c>
      <c r="B100" s="21">
        <v>54</v>
      </c>
      <c r="C100" s="6">
        <v>72</v>
      </c>
      <c r="D100" s="5">
        <v>126</v>
      </c>
    </row>
    <row r="101" spans="1:4" ht="18" customHeight="1" x14ac:dyDescent="0.15">
      <c r="A101" s="8">
        <v>79</v>
      </c>
      <c r="B101" s="21">
        <v>15</v>
      </c>
      <c r="C101" s="6">
        <v>32</v>
      </c>
      <c r="D101" s="5">
        <v>47</v>
      </c>
    </row>
    <row r="102" spans="1:4" ht="18" customHeight="1" x14ac:dyDescent="0.15">
      <c r="A102" s="8" t="s">
        <v>8</v>
      </c>
      <c r="B102" s="21">
        <v>184</v>
      </c>
      <c r="C102" s="6">
        <v>257</v>
      </c>
      <c r="D102" s="5">
        <v>441</v>
      </c>
    </row>
    <row r="103" spans="1:4" ht="18" customHeight="1" x14ac:dyDescent="0.15">
      <c r="A103" s="8">
        <v>80</v>
      </c>
      <c r="B103" s="21">
        <v>29</v>
      </c>
      <c r="C103" s="6">
        <v>31</v>
      </c>
      <c r="D103" s="5">
        <v>60</v>
      </c>
    </row>
    <row r="104" spans="1:4" ht="18" customHeight="1" x14ac:dyDescent="0.15">
      <c r="A104" s="8">
        <v>81</v>
      </c>
      <c r="B104" s="21">
        <v>27</v>
      </c>
      <c r="C104" s="6">
        <v>50</v>
      </c>
      <c r="D104" s="5">
        <v>77</v>
      </c>
    </row>
    <row r="105" spans="1:4" ht="18" customHeight="1" x14ac:dyDescent="0.15">
      <c r="A105" s="8">
        <v>82</v>
      </c>
      <c r="B105" s="21">
        <v>25</v>
      </c>
      <c r="C105" s="6">
        <v>37</v>
      </c>
      <c r="D105" s="5">
        <v>62</v>
      </c>
    </row>
    <row r="106" spans="1:4" ht="18" customHeight="1" x14ac:dyDescent="0.15">
      <c r="A106" s="8">
        <v>83</v>
      </c>
      <c r="B106" s="21">
        <v>34</v>
      </c>
      <c r="C106" s="6">
        <v>52</v>
      </c>
      <c r="D106" s="5">
        <v>86</v>
      </c>
    </row>
    <row r="107" spans="1:4" ht="18" customHeight="1" x14ac:dyDescent="0.15">
      <c r="A107" s="8">
        <v>84</v>
      </c>
      <c r="B107" s="21">
        <v>25</v>
      </c>
      <c r="C107" s="6">
        <v>49</v>
      </c>
      <c r="D107" s="5">
        <v>74</v>
      </c>
    </row>
    <row r="108" spans="1:4" ht="18" customHeight="1" x14ac:dyDescent="0.15">
      <c r="A108" s="8" t="s">
        <v>7</v>
      </c>
      <c r="B108" s="21">
        <v>140</v>
      </c>
      <c r="C108" s="6">
        <v>219</v>
      </c>
      <c r="D108" s="5">
        <v>359</v>
      </c>
    </row>
    <row r="109" spans="1:4" ht="18" customHeight="1" x14ac:dyDescent="0.15">
      <c r="A109" s="8">
        <v>85</v>
      </c>
      <c r="B109" s="21">
        <v>26</v>
      </c>
      <c r="C109" s="6">
        <v>28</v>
      </c>
      <c r="D109" s="5">
        <v>54</v>
      </c>
    </row>
    <row r="110" spans="1:4" ht="18" customHeight="1" x14ac:dyDescent="0.15">
      <c r="A110" s="8">
        <v>86</v>
      </c>
      <c r="B110" s="21">
        <v>15</v>
      </c>
      <c r="C110" s="6">
        <v>35</v>
      </c>
      <c r="D110" s="5">
        <v>50</v>
      </c>
    </row>
    <row r="111" spans="1:4" ht="18" customHeight="1" x14ac:dyDescent="0.15">
      <c r="A111" s="8">
        <v>87</v>
      </c>
      <c r="B111" s="21">
        <v>17</v>
      </c>
      <c r="C111" s="6">
        <v>33</v>
      </c>
      <c r="D111" s="5">
        <v>50</v>
      </c>
    </row>
    <row r="112" spans="1:4" ht="18" customHeight="1" x14ac:dyDescent="0.15">
      <c r="A112" s="8">
        <v>88</v>
      </c>
      <c r="B112" s="21">
        <v>7</v>
      </c>
      <c r="C112" s="6">
        <v>38</v>
      </c>
      <c r="D112" s="5">
        <v>45</v>
      </c>
    </row>
    <row r="113" spans="1:4" ht="18" customHeight="1" x14ac:dyDescent="0.15">
      <c r="A113" s="8">
        <v>89</v>
      </c>
      <c r="B113" s="21">
        <v>10</v>
      </c>
      <c r="C113" s="6">
        <v>23</v>
      </c>
      <c r="D113" s="5">
        <v>33</v>
      </c>
    </row>
    <row r="114" spans="1:4" ht="18" customHeight="1" x14ac:dyDescent="0.15">
      <c r="A114" s="8" t="s">
        <v>6</v>
      </c>
      <c r="B114" s="21">
        <v>75</v>
      </c>
      <c r="C114" s="6">
        <v>157</v>
      </c>
      <c r="D114" s="5">
        <v>232</v>
      </c>
    </row>
    <row r="115" spans="1:4" ht="18" customHeight="1" x14ac:dyDescent="0.15">
      <c r="A115" s="8">
        <v>90</v>
      </c>
      <c r="B115" s="21">
        <v>7</v>
      </c>
      <c r="C115" s="6">
        <v>20</v>
      </c>
      <c r="D115" s="5">
        <v>27</v>
      </c>
    </row>
    <row r="116" spans="1:4" ht="18" customHeight="1" x14ac:dyDescent="0.15">
      <c r="A116" s="8">
        <v>91</v>
      </c>
      <c r="B116" s="21">
        <v>8</v>
      </c>
      <c r="C116" s="6">
        <v>19</v>
      </c>
      <c r="D116" s="5">
        <v>27</v>
      </c>
    </row>
    <row r="117" spans="1:4" ht="18" customHeight="1" x14ac:dyDescent="0.15">
      <c r="A117" s="8">
        <v>92</v>
      </c>
      <c r="B117" s="21">
        <v>4</v>
      </c>
      <c r="C117" s="6">
        <v>25</v>
      </c>
      <c r="D117" s="5">
        <v>29</v>
      </c>
    </row>
    <row r="118" spans="1:4" ht="18" customHeight="1" x14ac:dyDescent="0.15">
      <c r="A118" s="8">
        <v>93</v>
      </c>
      <c r="B118" s="21">
        <v>2</v>
      </c>
      <c r="C118" s="6">
        <v>23</v>
      </c>
      <c r="D118" s="5">
        <v>25</v>
      </c>
    </row>
    <row r="119" spans="1:4" ht="18" customHeight="1" x14ac:dyDescent="0.15">
      <c r="A119" s="8">
        <v>94</v>
      </c>
      <c r="B119" s="21">
        <v>2</v>
      </c>
      <c r="C119" s="6">
        <v>15</v>
      </c>
      <c r="D119" s="5">
        <v>17</v>
      </c>
    </row>
    <row r="120" spans="1:4" ht="18" customHeight="1" x14ac:dyDescent="0.15">
      <c r="A120" s="8" t="s">
        <v>5</v>
      </c>
      <c r="B120" s="21">
        <v>23</v>
      </c>
      <c r="C120" s="6">
        <v>102</v>
      </c>
      <c r="D120" s="5">
        <v>125</v>
      </c>
    </row>
    <row r="121" spans="1:4" ht="18" customHeight="1" x14ac:dyDescent="0.15">
      <c r="A121" s="8">
        <v>95</v>
      </c>
      <c r="B121" s="21">
        <v>0</v>
      </c>
      <c r="C121" s="6">
        <v>9</v>
      </c>
      <c r="D121" s="5">
        <v>9</v>
      </c>
    </row>
    <row r="122" spans="1:4" ht="18" customHeight="1" x14ac:dyDescent="0.15">
      <c r="A122" s="8">
        <v>96</v>
      </c>
      <c r="B122" s="21">
        <v>1</v>
      </c>
      <c r="C122" s="6">
        <v>8</v>
      </c>
      <c r="D122" s="5">
        <v>9</v>
      </c>
    </row>
    <row r="123" spans="1:4" ht="18" customHeight="1" x14ac:dyDescent="0.15">
      <c r="A123" s="8">
        <v>97</v>
      </c>
      <c r="B123" s="21">
        <v>2</v>
      </c>
      <c r="C123" s="6">
        <v>4</v>
      </c>
      <c r="D123" s="5">
        <v>6</v>
      </c>
    </row>
    <row r="124" spans="1:4" ht="18" customHeight="1" x14ac:dyDescent="0.15">
      <c r="A124" s="8">
        <v>98</v>
      </c>
      <c r="B124" s="21">
        <v>2</v>
      </c>
      <c r="C124" s="6">
        <v>6</v>
      </c>
      <c r="D124" s="5">
        <v>8</v>
      </c>
    </row>
    <row r="125" spans="1:4" ht="18" customHeight="1" x14ac:dyDescent="0.15">
      <c r="A125" s="8">
        <v>99</v>
      </c>
      <c r="B125" s="21">
        <v>0</v>
      </c>
      <c r="C125" s="6">
        <v>6</v>
      </c>
      <c r="D125" s="5">
        <v>6</v>
      </c>
    </row>
    <row r="126" spans="1:4" ht="18" customHeight="1" x14ac:dyDescent="0.15">
      <c r="A126" s="8" t="s">
        <v>4</v>
      </c>
      <c r="B126" s="21">
        <v>5</v>
      </c>
      <c r="C126" s="6">
        <v>33</v>
      </c>
      <c r="D126" s="5">
        <v>38</v>
      </c>
    </row>
    <row r="127" spans="1:4" ht="18" customHeight="1" x14ac:dyDescent="0.15">
      <c r="A127" s="8">
        <v>100</v>
      </c>
      <c r="B127" s="21">
        <v>1</v>
      </c>
      <c r="C127" s="6">
        <v>2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6</v>
      </c>
      <c r="D128" s="5">
        <v>7</v>
      </c>
    </row>
    <row r="129" spans="1:4" ht="18" customHeight="1" x14ac:dyDescent="0.15">
      <c r="A129" s="8" t="s">
        <v>2</v>
      </c>
      <c r="B129" s="21">
        <v>2</v>
      </c>
      <c r="C129" s="6">
        <v>8</v>
      </c>
      <c r="D129" s="5">
        <v>10</v>
      </c>
    </row>
    <row r="130" spans="1:4" ht="18" customHeight="1" x14ac:dyDescent="0.15">
      <c r="A130" s="8" t="s">
        <v>1</v>
      </c>
      <c r="B130" s="21">
        <v>775</v>
      </c>
      <c r="C130" s="6">
        <v>1150</v>
      </c>
      <c r="D130" s="5">
        <v>1925</v>
      </c>
    </row>
    <row r="131" spans="1:4" ht="18" customHeight="1" x14ac:dyDescent="0.15">
      <c r="A131" s="4" t="s">
        <v>0</v>
      </c>
      <c r="B131" s="20">
        <v>3011</v>
      </c>
      <c r="C131" s="2">
        <v>3306</v>
      </c>
      <c r="D131" s="1">
        <v>63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038B12-E9BD-4BF6-AD92-9AAA899D0749}">
  <sheetPr codeName="Sheet2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1</v>
      </c>
      <c r="C5" s="11">
        <v>32</v>
      </c>
      <c r="D5" s="10">
        <v>73</v>
      </c>
    </row>
    <row r="6" spans="1:4" ht="18" customHeight="1" x14ac:dyDescent="0.15">
      <c r="A6" s="8">
        <v>1</v>
      </c>
      <c r="B6" s="21">
        <v>33</v>
      </c>
      <c r="C6" s="6">
        <v>30</v>
      </c>
      <c r="D6" s="5">
        <v>63</v>
      </c>
    </row>
    <row r="7" spans="1:4" ht="18" customHeight="1" x14ac:dyDescent="0.15">
      <c r="A7" s="8">
        <v>2</v>
      </c>
      <c r="B7" s="21">
        <v>32</v>
      </c>
      <c r="C7" s="6">
        <v>36</v>
      </c>
      <c r="D7" s="5">
        <v>68</v>
      </c>
    </row>
    <row r="8" spans="1:4" ht="18" customHeight="1" x14ac:dyDescent="0.15">
      <c r="A8" s="8">
        <v>3</v>
      </c>
      <c r="B8" s="21">
        <v>37</v>
      </c>
      <c r="C8" s="6">
        <v>36</v>
      </c>
      <c r="D8" s="5">
        <v>73</v>
      </c>
    </row>
    <row r="9" spans="1:4" ht="18" customHeight="1" x14ac:dyDescent="0.15">
      <c r="A9" s="8">
        <v>4</v>
      </c>
      <c r="B9" s="21">
        <v>35</v>
      </c>
      <c r="C9" s="6">
        <v>32</v>
      </c>
      <c r="D9" s="5">
        <v>67</v>
      </c>
    </row>
    <row r="10" spans="1:4" ht="18" customHeight="1" x14ac:dyDescent="0.15">
      <c r="A10" s="8" t="s">
        <v>25</v>
      </c>
      <c r="B10" s="21">
        <v>178</v>
      </c>
      <c r="C10" s="6">
        <v>166</v>
      </c>
      <c r="D10" s="5">
        <v>344</v>
      </c>
    </row>
    <row r="11" spans="1:4" ht="18" customHeight="1" x14ac:dyDescent="0.15">
      <c r="A11" s="8">
        <v>5</v>
      </c>
      <c r="B11" s="21">
        <v>59</v>
      </c>
      <c r="C11" s="6">
        <v>38</v>
      </c>
      <c r="D11" s="5">
        <v>97</v>
      </c>
    </row>
    <row r="12" spans="1:4" ht="18" customHeight="1" x14ac:dyDescent="0.15">
      <c r="A12" s="8">
        <v>6</v>
      </c>
      <c r="B12" s="21">
        <v>41</v>
      </c>
      <c r="C12" s="6">
        <v>39</v>
      </c>
      <c r="D12" s="5">
        <v>80</v>
      </c>
    </row>
    <row r="13" spans="1:4" ht="18" customHeight="1" x14ac:dyDescent="0.15">
      <c r="A13" s="8">
        <v>7</v>
      </c>
      <c r="B13" s="21">
        <v>54</v>
      </c>
      <c r="C13" s="6">
        <v>44</v>
      </c>
      <c r="D13" s="5">
        <v>98</v>
      </c>
    </row>
    <row r="14" spans="1:4" ht="18" customHeight="1" x14ac:dyDescent="0.15">
      <c r="A14" s="8">
        <v>8</v>
      </c>
      <c r="B14" s="21">
        <v>43</v>
      </c>
      <c r="C14" s="6">
        <v>36</v>
      </c>
      <c r="D14" s="5">
        <v>79</v>
      </c>
    </row>
    <row r="15" spans="1:4" ht="18" customHeight="1" x14ac:dyDescent="0.15">
      <c r="A15" s="8">
        <v>9</v>
      </c>
      <c r="B15" s="21">
        <v>61</v>
      </c>
      <c r="C15" s="6">
        <v>58</v>
      </c>
      <c r="D15" s="5">
        <v>119</v>
      </c>
    </row>
    <row r="16" spans="1:4" ht="18" customHeight="1" x14ac:dyDescent="0.15">
      <c r="A16" s="8" t="s">
        <v>24</v>
      </c>
      <c r="B16" s="21">
        <v>258</v>
      </c>
      <c r="C16" s="6">
        <v>215</v>
      </c>
      <c r="D16" s="5">
        <v>473</v>
      </c>
    </row>
    <row r="17" spans="1:4" ht="18" customHeight="1" x14ac:dyDescent="0.15">
      <c r="A17" s="8">
        <v>10</v>
      </c>
      <c r="B17" s="21">
        <v>47</v>
      </c>
      <c r="C17" s="6">
        <v>39</v>
      </c>
      <c r="D17" s="5">
        <v>86</v>
      </c>
    </row>
    <row r="18" spans="1:4" ht="18" customHeight="1" x14ac:dyDescent="0.15">
      <c r="A18" s="8">
        <v>11</v>
      </c>
      <c r="B18" s="21">
        <v>40</v>
      </c>
      <c r="C18" s="6">
        <v>48</v>
      </c>
      <c r="D18" s="5">
        <v>88</v>
      </c>
    </row>
    <row r="19" spans="1:4" ht="18" customHeight="1" x14ac:dyDescent="0.15">
      <c r="A19" s="8">
        <v>12</v>
      </c>
      <c r="B19" s="21">
        <v>63</v>
      </c>
      <c r="C19" s="6">
        <v>55</v>
      </c>
      <c r="D19" s="5">
        <v>118</v>
      </c>
    </row>
    <row r="20" spans="1:4" ht="18" customHeight="1" x14ac:dyDescent="0.15">
      <c r="A20" s="8">
        <v>13</v>
      </c>
      <c r="B20" s="21">
        <v>52</v>
      </c>
      <c r="C20" s="6">
        <v>53</v>
      </c>
      <c r="D20" s="5">
        <v>105</v>
      </c>
    </row>
    <row r="21" spans="1:4" ht="18" customHeight="1" x14ac:dyDescent="0.15">
      <c r="A21" s="8">
        <v>14</v>
      </c>
      <c r="B21" s="21">
        <v>49</v>
      </c>
      <c r="C21" s="6">
        <v>47</v>
      </c>
      <c r="D21" s="5">
        <v>96</v>
      </c>
    </row>
    <row r="22" spans="1:4" ht="18" customHeight="1" x14ac:dyDescent="0.15">
      <c r="A22" s="8" t="s">
        <v>23</v>
      </c>
      <c r="B22" s="21">
        <v>251</v>
      </c>
      <c r="C22" s="6">
        <v>242</v>
      </c>
      <c r="D22" s="5">
        <v>493</v>
      </c>
    </row>
    <row r="23" spans="1:4" ht="18" customHeight="1" x14ac:dyDescent="0.15">
      <c r="A23" s="8" t="s">
        <v>22</v>
      </c>
      <c r="B23" s="21">
        <v>687</v>
      </c>
      <c r="C23" s="6">
        <v>623</v>
      </c>
      <c r="D23" s="5">
        <v>1310</v>
      </c>
    </row>
    <row r="24" spans="1:4" ht="18" customHeight="1" x14ac:dyDescent="0.15">
      <c r="A24" s="8">
        <v>15</v>
      </c>
      <c r="B24" s="21">
        <v>69</v>
      </c>
      <c r="C24" s="6">
        <v>42</v>
      </c>
      <c r="D24" s="5">
        <v>111</v>
      </c>
    </row>
    <row r="25" spans="1:4" ht="18" customHeight="1" x14ac:dyDescent="0.15">
      <c r="A25" s="8">
        <v>16</v>
      </c>
      <c r="B25" s="21">
        <v>45</v>
      </c>
      <c r="C25" s="6">
        <v>37</v>
      </c>
      <c r="D25" s="5">
        <v>82</v>
      </c>
    </row>
    <row r="26" spans="1:4" ht="18" customHeight="1" x14ac:dyDescent="0.15">
      <c r="A26" s="8">
        <v>17</v>
      </c>
      <c r="B26" s="21">
        <v>33</v>
      </c>
      <c r="C26" s="6">
        <v>61</v>
      </c>
      <c r="D26" s="5">
        <v>94</v>
      </c>
    </row>
    <row r="27" spans="1:4" ht="18" customHeight="1" x14ac:dyDescent="0.15">
      <c r="A27" s="8">
        <v>18</v>
      </c>
      <c r="B27" s="21">
        <v>51</v>
      </c>
      <c r="C27" s="6">
        <v>49</v>
      </c>
      <c r="D27" s="5">
        <v>100</v>
      </c>
    </row>
    <row r="28" spans="1:4" ht="18" customHeight="1" x14ac:dyDescent="0.15">
      <c r="A28" s="8">
        <v>19</v>
      </c>
      <c r="B28" s="21">
        <v>48</v>
      </c>
      <c r="C28" s="6">
        <v>36</v>
      </c>
      <c r="D28" s="5">
        <v>84</v>
      </c>
    </row>
    <row r="29" spans="1:4" ht="18" customHeight="1" x14ac:dyDescent="0.15">
      <c r="A29" s="8" t="s">
        <v>21</v>
      </c>
      <c r="B29" s="21">
        <v>246</v>
      </c>
      <c r="C29" s="6">
        <v>225</v>
      </c>
      <c r="D29" s="5">
        <v>471</v>
      </c>
    </row>
    <row r="30" spans="1:4" ht="18" customHeight="1" x14ac:dyDescent="0.15">
      <c r="A30" s="8">
        <v>20</v>
      </c>
      <c r="B30" s="21">
        <v>48</v>
      </c>
      <c r="C30" s="6">
        <v>39</v>
      </c>
      <c r="D30" s="5">
        <v>87</v>
      </c>
    </row>
    <row r="31" spans="1:4" ht="18" customHeight="1" x14ac:dyDescent="0.15">
      <c r="A31" s="8">
        <v>21</v>
      </c>
      <c r="B31" s="21">
        <v>42</v>
      </c>
      <c r="C31" s="6">
        <v>53</v>
      </c>
      <c r="D31" s="5">
        <v>95</v>
      </c>
    </row>
    <row r="32" spans="1:4" ht="18" customHeight="1" x14ac:dyDescent="0.15">
      <c r="A32" s="8">
        <v>22</v>
      </c>
      <c r="B32" s="21">
        <v>55</v>
      </c>
      <c r="C32" s="6">
        <v>40</v>
      </c>
      <c r="D32" s="5">
        <v>95</v>
      </c>
    </row>
    <row r="33" spans="1:4" ht="18" customHeight="1" x14ac:dyDescent="0.15">
      <c r="A33" s="8">
        <v>23</v>
      </c>
      <c r="B33" s="21">
        <v>57</v>
      </c>
      <c r="C33" s="6">
        <v>53</v>
      </c>
      <c r="D33" s="5">
        <v>110</v>
      </c>
    </row>
    <row r="34" spans="1:4" ht="18" customHeight="1" x14ac:dyDescent="0.15">
      <c r="A34" s="8">
        <v>24</v>
      </c>
      <c r="B34" s="21">
        <v>69</v>
      </c>
      <c r="C34" s="6">
        <v>49</v>
      </c>
      <c r="D34" s="5">
        <v>118</v>
      </c>
    </row>
    <row r="35" spans="1:4" ht="18" customHeight="1" x14ac:dyDescent="0.15">
      <c r="A35" s="8" t="s">
        <v>20</v>
      </c>
      <c r="B35" s="21">
        <v>271</v>
      </c>
      <c r="C35" s="6">
        <v>234</v>
      </c>
      <c r="D35" s="5">
        <v>505</v>
      </c>
    </row>
    <row r="36" spans="1:4" ht="18" customHeight="1" x14ac:dyDescent="0.15">
      <c r="A36" s="8">
        <v>25</v>
      </c>
      <c r="B36" s="21">
        <v>56</v>
      </c>
      <c r="C36" s="6">
        <v>50</v>
      </c>
      <c r="D36" s="5">
        <v>106</v>
      </c>
    </row>
    <row r="37" spans="1:4" ht="18" customHeight="1" x14ac:dyDescent="0.15">
      <c r="A37" s="8">
        <v>26</v>
      </c>
      <c r="B37" s="21">
        <v>60</v>
      </c>
      <c r="C37" s="6">
        <v>59</v>
      </c>
      <c r="D37" s="5">
        <v>119</v>
      </c>
    </row>
    <row r="38" spans="1:4" ht="18" customHeight="1" x14ac:dyDescent="0.15">
      <c r="A38" s="8">
        <v>27</v>
      </c>
      <c r="B38" s="21">
        <v>65</v>
      </c>
      <c r="C38" s="6">
        <v>52</v>
      </c>
      <c r="D38" s="5">
        <v>117</v>
      </c>
    </row>
    <row r="39" spans="1:4" ht="18" customHeight="1" x14ac:dyDescent="0.15">
      <c r="A39" s="8">
        <v>28</v>
      </c>
      <c r="B39" s="21">
        <v>70</v>
      </c>
      <c r="C39" s="6">
        <v>72</v>
      </c>
      <c r="D39" s="5">
        <v>142</v>
      </c>
    </row>
    <row r="40" spans="1:4" ht="18" customHeight="1" x14ac:dyDescent="0.15">
      <c r="A40" s="8">
        <v>29</v>
      </c>
      <c r="B40" s="21">
        <v>52</v>
      </c>
      <c r="C40" s="6">
        <v>57</v>
      </c>
      <c r="D40" s="5">
        <v>109</v>
      </c>
    </row>
    <row r="41" spans="1:4" ht="18" customHeight="1" x14ac:dyDescent="0.15">
      <c r="A41" s="8" t="s">
        <v>19</v>
      </c>
      <c r="B41" s="21">
        <v>303</v>
      </c>
      <c r="C41" s="6">
        <v>290</v>
      </c>
      <c r="D41" s="5">
        <v>593</v>
      </c>
    </row>
    <row r="42" spans="1:4" ht="18" customHeight="1" x14ac:dyDescent="0.15">
      <c r="A42" s="8">
        <v>30</v>
      </c>
      <c r="B42" s="21">
        <v>66</v>
      </c>
      <c r="C42" s="6">
        <v>57</v>
      </c>
      <c r="D42" s="5">
        <v>123</v>
      </c>
    </row>
    <row r="43" spans="1:4" ht="18" customHeight="1" x14ac:dyDescent="0.15">
      <c r="A43" s="8">
        <v>31</v>
      </c>
      <c r="B43" s="21">
        <v>57</v>
      </c>
      <c r="C43" s="6">
        <v>60</v>
      </c>
      <c r="D43" s="5">
        <v>117</v>
      </c>
    </row>
    <row r="44" spans="1:4" ht="18" customHeight="1" x14ac:dyDescent="0.15">
      <c r="A44" s="8">
        <v>32</v>
      </c>
      <c r="B44" s="21">
        <v>75</v>
      </c>
      <c r="C44" s="6">
        <v>54</v>
      </c>
      <c r="D44" s="5">
        <v>129</v>
      </c>
    </row>
    <row r="45" spans="1:4" ht="18" customHeight="1" x14ac:dyDescent="0.15">
      <c r="A45" s="8">
        <v>33</v>
      </c>
      <c r="B45" s="21">
        <v>71</v>
      </c>
      <c r="C45" s="6">
        <v>57</v>
      </c>
      <c r="D45" s="5">
        <v>128</v>
      </c>
    </row>
    <row r="46" spans="1:4" ht="18" customHeight="1" x14ac:dyDescent="0.15">
      <c r="A46" s="8">
        <v>34</v>
      </c>
      <c r="B46" s="21">
        <v>59</v>
      </c>
      <c r="C46" s="6">
        <v>59</v>
      </c>
      <c r="D46" s="5">
        <v>118</v>
      </c>
    </row>
    <row r="47" spans="1:4" ht="18" customHeight="1" x14ac:dyDescent="0.15">
      <c r="A47" s="8" t="s">
        <v>18</v>
      </c>
      <c r="B47" s="21">
        <v>328</v>
      </c>
      <c r="C47" s="6">
        <v>287</v>
      </c>
      <c r="D47" s="5">
        <v>615</v>
      </c>
    </row>
    <row r="48" spans="1:4" ht="18" customHeight="1" x14ac:dyDescent="0.15">
      <c r="A48" s="8">
        <v>35</v>
      </c>
      <c r="B48" s="21">
        <v>55</v>
      </c>
      <c r="C48" s="6">
        <v>48</v>
      </c>
      <c r="D48" s="5">
        <v>103</v>
      </c>
    </row>
    <row r="49" spans="1:4" ht="18" customHeight="1" x14ac:dyDescent="0.15">
      <c r="A49" s="8">
        <v>36</v>
      </c>
      <c r="B49" s="21">
        <v>61</v>
      </c>
      <c r="C49" s="6">
        <v>69</v>
      </c>
      <c r="D49" s="5">
        <v>130</v>
      </c>
    </row>
    <row r="50" spans="1:4" ht="18" customHeight="1" x14ac:dyDescent="0.15">
      <c r="A50" s="8">
        <v>37</v>
      </c>
      <c r="B50" s="21">
        <v>72</v>
      </c>
      <c r="C50" s="6">
        <v>45</v>
      </c>
      <c r="D50" s="5">
        <v>117</v>
      </c>
    </row>
    <row r="51" spans="1:4" ht="18" customHeight="1" x14ac:dyDescent="0.15">
      <c r="A51" s="8">
        <v>38</v>
      </c>
      <c r="B51" s="21">
        <v>61</v>
      </c>
      <c r="C51" s="6">
        <v>52</v>
      </c>
      <c r="D51" s="5">
        <v>113</v>
      </c>
    </row>
    <row r="52" spans="1:4" ht="18" customHeight="1" x14ac:dyDescent="0.15">
      <c r="A52" s="8">
        <v>39</v>
      </c>
      <c r="B52" s="21">
        <v>65</v>
      </c>
      <c r="C52" s="6">
        <v>70</v>
      </c>
      <c r="D52" s="5">
        <v>135</v>
      </c>
    </row>
    <row r="53" spans="1:4" ht="18" customHeight="1" x14ac:dyDescent="0.15">
      <c r="A53" s="8" t="s">
        <v>17</v>
      </c>
      <c r="B53" s="21">
        <v>314</v>
      </c>
      <c r="C53" s="6">
        <v>284</v>
      </c>
      <c r="D53" s="5">
        <v>598</v>
      </c>
    </row>
    <row r="54" spans="1:4" ht="18" customHeight="1" x14ac:dyDescent="0.15">
      <c r="A54" s="8">
        <v>40</v>
      </c>
      <c r="B54" s="21">
        <v>52</v>
      </c>
      <c r="C54" s="6">
        <v>66</v>
      </c>
      <c r="D54" s="5">
        <v>118</v>
      </c>
    </row>
    <row r="55" spans="1:4" ht="18" customHeight="1" x14ac:dyDescent="0.15">
      <c r="A55" s="8">
        <v>41</v>
      </c>
      <c r="B55" s="21">
        <v>77</v>
      </c>
      <c r="C55" s="6">
        <v>75</v>
      </c>
      <c r="D55" s="5">
        <v>152</v>
      </c>
    </row>
    <row r="56" spans="1:4" ht="18" customHeight="1" x14ac:dyDescent="0.15">
      <c r="A56" s="8">
        <v>42</v>
      </c>
      <c r="B56" s="21">
        <v>71</v>
      </c>
      <c r="C56" s="6">
        <v>66</v>
      </c>
      <c r="D56" s="5">
        <v>137</v>
      </c>
    </row>
    <row r="57" spans="1:4" ht="18" customHeight="1" x14ac:dyDescent="0.15">
      <c r="A57" s="8">
        <v>43</v>
      </c>
      <c r="B57" s="21">
        <v>63</v>
      </c>
      <c r="C57" s="6">
        <v>69</v>
      </c>
      <c r="D57" s="5">
        <v>132</v>
      </c>
    </row>
    <row r="58" spans="1:4" ht="18" customHeight="1" x14ac:dyDescent="0.15">
      <c r="A58" s="8">
        <v>44</v>
      </c>
      <c r="B58" s="21">
        <v>63</v>
      </c>
      <c r="C58" s="6">
        <v>87</v>
      </c>
      <c r="D58" s="5">
        <v>150</v>
      </c>
    </row>
    <row r="59" spans="1:4" ht="18" customHeight="1" x14ac:dyDescent="0.15">
      <c r="A59" s="8" t="s">
        <v>16</v>
      </c>
      <c r="B59" s="21">
        <v>326</v>
      </c>
      <c r="C59" s="6">
        <v>363</v>
      </c>
      <c r="D59" s="5">
        <v>689</v>
      </c>
    </row>
    <row r="60" spans="1:4" ht="18" customHeight="1" x14ac:dyDescent="0.15">
      <c r="A60" s="8">
        <v>45</v>
      </c>
      <c r="B60" s="21">
        <v>73</v>
      </c>
      <c r="C60" s="6">
        <v>67</v>
      </c>
      <c r="D60" s="5">
        <v>140</v>
      </c>
    </row>
    <row r="61" spans="1:4" ht="18" customHeight="1" x14ac:dyDescent="0.15">
      <c r="A61" s="8">
        <v>46</v>
      </c>
      <c r="B61" s="21">
        <v>68</v>
      </c>
      <c r="C61" s="6">
        <v>66</v>
      </c>
      <c r="D61" s="5">
        <v>134</v>
      </c>
    </row>
    <row r="62" spans="1:4" ht="18" customHeight="1" x14ac:dyDescent="0.15">
      <c r="A62" s="8">
        <v>47</v>
      </c>
      <c r="B62" s="21">
        <v>80</v>
      </c>
      <c r="C62" s="6">
        <v>80</v>
      </c>
      <c r="D62" s="5">
        <v>160</v>
      </c>
    </row>
    <row r="63" spans="1:4" ht="18" customHeight="1" x14ac:dyDescent="0.15">
      <c r="A63" s="8">
        <v>48</v>
      </c>
      <c r="B63" s="21">
        <v>70</v>
      </c>
      <c r="C63" s="6">
        <v>80</v>
      </c>
      <c r="D63" s="5">
        <v>150</v>
      </c>
    </row>
    <row r="64" spans="1:4" ht="18" customHeight="1" x14ac:dyDescent="0.15">
      <c r="A64" s="8">
        <v>49</v>
      </c>
      <c r="B64" s="21">
        <v>102</v>
      </c>
      <c r="C64" s="6">
        <v>88</v>
      </c>
      <c r="D64" s="5">
        <v>190</v>
      </c>
    </row>
    <row r="65" spans="1:4" ht="18" customHeight="1" x14ac:dyDescent="0.15">
      <c r="A65" s="8" t="s">
        <v>15</v>
      </c>
      <c r="B65" s="21">
        <v>393</v>
      </c>
      <c r="C65" s="6">
        <v>381</v>
      </c>
      <c r="D65" s="5">
        <v>774</v>
      </c>
    </row>
    <row r="66" spans="1:4" ht="18" customHeight="1" x14ac:dyDescent="0.15">
      <c r="A66" s="8">
        <v>50</v>
      </c>
      <c r="B66" s="21">
        <v>75</v>
      </c>
      <c r="C66" s="6">
        <v>98</v>
      </c>
      <c r="D66" s="5">
        <v>173</v>
      </c>
    </row>
    <row r="67" spans="1:4" ht="18" customHeight="1" x14ac:dyDescent="0.15">
      <c r="A67" s="8">
        <v>51</v>
      </c>
      <c r="B67" s="21">
        <v>94</v>
      </c>
      <c r="C67" s="6">
        <v>100</v>
      </c>
      <c r="D67" s="5">
        <v>194</v>
      </c>
    </row>
    <row r="68" spans="1:4" ht="18" customHeight="1" x14ac:dyDescent="0.15">
      <c r="A68" s="8">
        <v>52</v>
      </c>
      <c r="B68" s="21">
        <v>101</v>
      </c>
      <c r="C68" s="6">
        <v>102</v>
      </c>
      <c r="D68" s="5">
        <v>203</v>
      </c>
    </row>
    <row r="69" spans="1:4" ht="18" customHeight="1" x14ac:dyDescent="0.15">
      <c r="A69" s="8">
        <v>53</v>
      </c>
      <c r="B69" s="21">
        <v>131</v>
      </c>
      <c r="C69" s="6">
        <v>108</v>
      </c>
      <c r="D69" s="5">
        <v>239</v>
      </c>
    </row>
    <row r="70" spans="1:4" ht="18" customHeight="1" x14ac:dyDescent="0.15">
      <c r="A70" s="8">
        <v>54</v>
      </c>
      <c r="B70" s="21">
        <v>112</v>
      </c>
      <c r="C70" s="6">
        <v>109</v>
      </c>
      <c r="D70" s="5">
        <v>221</v>
      </c>
    </row>
    <row r="71" spans="1:4" ht="18" customHeight="1" x14ac:dyDescent="0.15">
      <c r="A71" s="8" t="s">
        <v>14</v>
      </c>
      <c r="B71" s="21">
        <v>513</v>
      </c>
      <c r="C71" s="6">
        <v>517</v>
      </c>
      <c r="D71" s="5">
        <v>1030</v>
      </c>
    </row>
    <row r="72" spans="1:4" ht="18" customHeight="1" x14ac:dyDescent="0.15">
      <c r="A72" s="8">
        <v>55</v>
      </c>
      <c r="B72" s="21">
        <v>95</v>
      </c>
      <c r="C72" s="6">
        <v>115</v>
      </c>
      <c r="D72" s="5">
        <v>210</v>
      </c>
    </row>
    <row r="73" spans="1:4" ht="18" customHeight="1" x14ac:dyDescent="0.15">
      <c r="A73" s="8">
        <v>56</v>
      </c>
      <c r="B73" s="21">
        <v>85</v>
      </c>
      <c r="C73" s="6">
        <v>100</v>
      </c>
      <c r="D73" s="5">
        <v>185</v>
      </c>
    </row>
    <row r="74" spans="1:4" ht="18" customHeight="1" x14ac:dyDescent="0.15">
      <c r="A74" s="8">
        <v>57</v>
      </c>
      <c r="B74" s="21">
        <v>97</v>
      </c>
      <c r="C74" s="6">
        <v>100</v>
      </c>
      <c r="D74" s="5">
        <v>197</v>
      </c>
    </row>
    <row r="75" spans="1:4" ht="18" customHeight="1" x14ac:dyDescent="0.15">
      <c r="A75" s="8">
        <v>58</v>
      </c>
      <c r="B75" s="21">
        <v>100</v>
      </c>
      <c r="C75" s="6">
        <v>100</v>
      </c>
      <c r="D75" s="5">
        <v>200</v>
      </c>
    </row>
    <row r="76" spans="1:4" ht="18" customHeight="1" x14ac:dyDescent="0.15">
      <c r="A76" s="8">
        <v>59</v>
      </c>
      <c r="B76" s="21">
        <v>59</v>
      </c>
      <c r="C76" s="6">
        <v>58</v>
      </c>
      <c r="D76" s="5">
        <v>117</v>
      </c>
    </row>
    <row r="77" spans="1:4" ht="18" customHeight="1" x14ac:dyDescent="0.15">
      <c r="A77" s="8" t="s">
        <v>13</v>
      </c>
      <c r="B77" s="21">
        <v>436</v>
      </c>
      <c r="C77" s="6">
        <v>473</v>
      </c>
      <c r="D77" s="5">
        <v>909</v>
      </c>
    </row>
    <row r="78" spans="1:4" ht="18" customHeight="1" x14ac:dyDescent="0.15">
      <c r="A78" s="8">
        <v>60</v>
      </c>
      <c r="B78" s="21">
        <v>91</v>
      </c>
      <c r="C78" s="6">
        <v>102</v>
      </c>
      <c r="D78" s="5">
        <v>193</v>
      </c>
    </row>
    <row r="79" spans="1:4" ht="18" customHeight="1" x14ac:dyDescent="0.15">
      <c r="A79" s="8">
        <v>61</v>
      </c>
      <c r="B79" s="21">
        <v>83</v>
      </c>
      <c r="C79" s="6">
        <v>85</v>
      </c>
      <c r="D79" s="5">
        <v>168</v>
      </c>
    </row>
    <row r="80" spans="1:4" ht="18" customHeight="1" x14ac:dyDescent="0.15">
      <c r="A80" s="8">
        <v>62</v>
      </c>
      <c r="B80" s="21">
        <v>91</v>
      </c>
      <c r="C80" s="6">
        <v>83</v>
      </c>
      <c r="D80" s="5">
        <v>174</v>
      </c>
    </row>
    <row r="81" spans="1:4" ht="18" customHeight="1" x14ac:dyDescent="0.15">
      <c r="A81" s="8">
        <v>63</v>
      </c>
      <c r="B81" s="21">
        <v>73</v>
      </c>
      <c r="C81" s="6">
        <v>84</v>
      </c>
      <c r="D81" s="5">
        <v>157</v>
      </c>
    </row>
    <row r="82" spans="1:4" ht="18" customHeight="1" x14ac:dyDescent="0.15">
      <c r="A82" s="8">
        <v>64</v>
      </c>
      <c r="B82" s="21">
        <v>75</v>
      </c>
      <c r="C82" s="6">
        <v>81</v>
      </c>
      <c r="D82" s="5">
        <v>156</v>
      </c>
    </row>
    <row r="83" spans="1:4" ht="18" customHeight="1" x14ac:dyDescent="0.15">
      <c r="A83" s="8" t="s">
        <v>12</v>
      </c>
      <c r="B83" s="21">
        <v>413</v>
      </c>
      <c r="C83" s="6">
        <v>435</v>
      </c>
      <c r="D83" s="5">
        <v>848</v>
      </c>
    </row>
    <row r="84" spans="1:4" ht="18" customHeight="1" x14ac:dyDescent="0.15">
      <c r="A84" s="8" t="s">
        <v>11</v>
      </c>
      <c r="B84" s="21">
        <v>3543</v>
      </c>
      <c r="C84" s="6">
        <v>3489</v>
      </c>
      <c r="D84" s="5">
        <v>7032</v>
      </c>
    </row>
    <row r="85" spans="1:4" ht="18" customHeight="1" x14ac:dyDescent="0.15">
      <c r="A85" s="8">
        <v>65</v>
      </c>
      <c r="B85" s="21">
        <v>83</v>
      </c>
      <c r="C85" s="6">
        <v>72</v>
      </c>
      <c r="D85" s="5">
        <v>155</v>
      </c>
    </row>
    <row r="86" spans="1:4" ht="18" customHeight="1" x14ac:dyDescent="0.15">
      <c r="A86" s="8">
        <v>66</v>
      </c>
      <c r="B86" s="21">
        <v>66</v>
      </c>
      <c r="C86" s="6">
        <v>73</v>
      </c>
      <c r="D86" s="5">
        <v>139</v>
      </c>
    </row>
    <row r="87" spans="1:4" ht="18" customHeight="1" x14ac:dyDescent="0.15">
      <c r="A87" s="8">
        <v>67</v>
      </c>
      <c r="B87" s="21">
        <v>61</v>
      </c>
      <c r="C87" s="6">
        <v>70</v>
      </c>
      <c r="D87" s="5">
        <v>131</v>
      </c>
    </row>
    <row r="88" spans="1:4" ht="18" customHeight="1" x14ac:dyDescent="0.15">
      <c r="A88" s="8">
        <v>68</v>
      </c>
      <c r="B88" s="21">
        <v>76</v>
      </c>
      <c r="C88" s="6">
        <v>56</v>
      </c>
      <c r="D88" s="5">
        <v>132</v>
      </c>
    </row>
    <row r="89" spans="1:4" ht="18" customHeight="1" x14ac:dyDescent="0.15">
      <c r="A89" s="8">
        <v>69</v>
      </c>
      <c r="B89" s="21">
        <v>56</v>
      </c>
      <c r="C89" s="6">
        <v>76</v>
      </c>
      <c r="D89" s="5">
        <v>132</v>
      </c>
    </row>
    <row r="90" spans="1:4" ht="18" customHeight="1" x14ac:dyDescent="0.15">
      <c r="A90" s="8" t="s">
        <v>10</v>
      </c>
      <c r="B90" s="21">
        <v>342</v>
      </c>
      <c r="C90" s="6">
        <v>347</v>
      </c>
      <c r="D90" s="5">
        <v>689</v>
      </c>
    </row>
    <row r="91" spans="1:4" ht="18" customHeight="1" x14ac:dyDescent="0.15">
      <c r="A91" s="8">
        <v>70</v>
      </c>
      <c r="B91" s="21">
        <v>72</v>
      </c>
      <c r="C91" s="6">
        <v>69</v>
      </c>
      <c r="D91" s="5">
        <v>141</v>
      </c>
    </row>
    <row r="92" spans="1:4" ht="18" customHeight="1" x14ac:dyDescent="0.15">
      <c r="A92" s="8">
        <v>71</v>
      </c>
      <c r="B92" s="21">
        <v>63</v>
      </c>
      <c r="C92" s="6">
        <v>63</v>
      </c>
      <c r="D92" s="5">
        <v>126</v>
      </c>
    </row>
    <row r="93" spans="1:4" ht="18" customHeight="1" x14ac:dyDescent="0.15">
      <c r="A93" s="8">
        <v>72</v>
      </c>
      <c r="B93" s="21">
        <v>57</v>
      </c>
      <c r="C93" s="6">
        <v>59</v>
      </c>
      <c r="D93" s="5">
        <v>116</v>
      </c>
    </row>
    <row r="94" spans="1:4" ht="18" customHeight="1" x14ac:dyDescent="0.15">
      <c r="A94" s="8">
        <v>73</v>
      </c>
      <c r="B94" s="21">
        <v>70</v>
      </c>
      <c r="C94" s="6">
        <v>59</v>
      </c>
      <c r="D94" s="5">
        <v>129</v>
      </c>
    </row>
    <row r="95" spans="1:4" ht="18" customHeight="1" x14ac:dyDescent="0.15">
      <c r="A95" s="8">
        <v>74</v>
      </c>
      <c r="B95" s="21">
        <v>56</v>
      </c>
      <c r="C95" s="6">
        <v>77</v>
      </c>
      <c r="D95" s="5">
        <v>133</v>
      </c>
    </row>
    <row r="96" spans="1:4" ht="18" customHeight="1" x14ac:dyDescent="0.15">
      <c r="A96" s="8" t="s">
        <v>9</v>
      </c>
      <c r="B96" s="21">
        <v>318</v>
      </c>
      <c r="C96" s="6">
        <v>327</v>
      </c>
      <c r="D96" s="5">
        <v>645</v>
      </c>
    </row>
    <row r="97" spans="1:4" ht="18" customHeight="1" x14ac:dyDescent="0.15">
      <c r="A97" s="8">
        <v>75</v>
      </c>
      <c r="B97" s="21">
        <v>51</v>
      </c>
      <c r="C97" s="6">
        <v>87</v>
      </c>
      <c r="D97" s="5">
        <v>138</v>
      </c>
    </row>
    <row r="98" spans="1:4" ht="18" customHeight="1" x14ac:dyDescent="0.15">
      <c r="A98" s="8">
        <v>76</v>
      </c>
      <c r="B98" s="21">
        <v>82</v>
      </c>
      <c r="C98" s="6">
        <v>92</v>
      </c>
      <c r="D98" s="5">
        <v>174</v>
      </c>
    </row>
    <row r="99" spans="1:4" ht="18" customHeight="1" x14ac:dyDescent="0.15">
      <c r="A99" s="8">
        <v>77</v>
      </c>
      <c r="B99" s="21">
        <v>90</v>
      </c>
      <c r="C99" s="6">
        <v>93</v>
      </c>
      <c r="D99" s="5">
        <v>183</v>
      </c>
    </row>
    <row r="100" spans="1:4" ht="18" customHeight="1" x14ac:dyDescent="0.15">
      <c r="A100" s="8">
        <v>78</v>
      </c>
      <c r="B100" s="21">
        <v>75</v>
      </c>
      <c r="C100" s="6">
        <v>95</v>
      </c>
      <c r="D100" s="5">
        <v>170</v>
      </c>
    </row>
    <row r="101" spans="1:4" ht="18" customHeight="1" x14ac:dyDescent="0.15">
      <c r="A101" s="8">
        <v>79</v>
      </c>
      <c r="B101" s="21">
        <v>41</v>
      </c>
      <c r="C101" s="6">
        <v>41</v>
      </c>
      <c r="D101" s="5">
        <v>82</v>
      </c>
    </row>
    <row r="102" spans="1:4" ht="18" customHeight="1" x14ac:dyDescent="0.15">
      <c r="A102" s="8" t="s">
        <v>8</v>
      </c>
      <c r="B102" s="21">
        <v>339</v>
      </c>
      <c r="C102" s="6">
        <v>408</v>
      </c>
      <c r="D102" s="5">
        <v>747</v>
      </c>
    </row>
    <row r="103" spans="1:4" ht="18" customHeight="1" x14ac:dyDescent="0.15">
      <c r="A103" s="8">
        <v>80</v>
      </c>
      <c r="B103" s="21">
        <v>36</v>
      </c>
      <c r="C103" s="6">
        <v>56</v>
      </c>
      <c r="D103" s="5">
        <v>92</v>
      </c>
    </row>
    <row r="104" spans="1:4" ht="18" customHeight="1" x14ac:dyDescent="0.15">
      <c r="A104" s="8">
        <v>81</v>
      </c>
      <c r="B104" s="21">
        <v>53</v>
      </c>
      <c r="C104" s="6">
        <v>84</v>
      </c>
      <c r="D104" s="5">
        <v>137</v>
      </c>
    </row>
    <row r="105" spans="1:4" ht="18" customHeight="1" x14ac:dyDescent="0.15">
      <c r="A105" s="8">
        <v>82</v>
      </c>
      <c r="B105" s="21">
        <v>43</v>
      </c>
      <c r="C105" s="6">
        <v>69</v>
      </c>
      <c r="D105" s="5">
        <v>112</v>
      </c>
    </row>
    <row r="106" spans="1:4" ht="18" customHeight="1" x14ac:dyDescent="0.15">
      <c r="A106" s="8">
        <v>83</v>
      </c>
      <c r="B106" s="21">
        <v>58</v>
      </c>
      <c r="C106" s="6">
        <v>83</v>
      </c>
      <c r="D106" s="5">
        <v>141</v>
      </c>
    </row>
    <row r="107" spans="1:4" ht="18" customHeight="1" x14ac:dyDescent="0.15">
      <c r="A107" s="8">
        <v>84</v>
      </c>
      <c r="B107" s="21">
        <v>30</v>
      </c>
      <c r="C107" s="6">
        <v>66</v>
      </c>
      <c r="D107" s="5">
        <v>96</v>
      </c>
    </row>
    <row r="108" spans="1:4" ht="18" customHeight="1" x14ac:dyDescent="0.15">
      <c r="A108" s="8" t="s">
        <v>7</v>
      </c>
      <c r="B108" s="21">
        <v>220</v>
      </c>
      <c r="C108" s="6">
        <v>358</v>
      </c>
      <c r="D108" s="5">
        <v>578</v>
      </c>
    </row>
    <row r="109" spans="1:4" ht="18" customHeight="1" x14ac:dyDescent="0.15">
      <c r="A109" s="8">
        <v>85</v>
      </c>
      <c r="B109" s="21">
        <v>30</v>
      </c>
      <c r="C109" s="6">
        <v>72</v>
      </c>
      <c r="D109" s="5">
        <v>102</v>
      </c>
    </row>
    <row r="110" spans="1:4" ht="18" customHeight="1" x14ac:dyDescent="0.15">
      <c r="A110" s="8">
        <v>86</v>
      </c>
      <c r="B110" s="21">
        <v>27</v>
      </c>
      <c r="C110" s="6">
        <v>50</v>
      </c>
      <c r="D110" s="5">
        <v>77</v>
      </c>
    </row>
    <row r="111" spans="1:4" ht="18" customHeight="1" x14ac:dyDescent="0.15">
      <c r="A111" s="8">
        <v>87</v>
      </c>
      <c r="B111" s="21">
        <v>29</v>
      </c>
      <c r="C111" s="6">
        <v>37</v>
      </c>
      <c r="D111" s="5">
        <v>66</v>
      </c>
    </row>
    <row r="112" spans="1:4" ht="18" customHeight="1" x14ac:dyDescent="0.15">
      <c r="A112" s="8">
        <v>88</v>
      </c>
      <c r="B112" s="21">
        <v>18</v>
      </c>
      <c r="C112" s="6">
        <v>52</v>
      </c>
      <c r="D112" s="5">
        <v>70</v>
      </c>
    </row>
    <row r="113" spans="1:4" ht="18" customHeight="1" x14ac:dyDescent="0.15">
      <c r="A113" s="8">
        <v>89</v>
      </c>
      <c r="B113" s="21">
        <v>27</v>
      </c>
      <c r="C113" s="6">
        <v>52</v>
      </c>
      <c r="D113" s="5">
        <v>79</v>
      </c>
    </row>
    <row r="114" spans="1:4" ht="18" customHeight="1" x14ac:dyDescent="0.15">
      <c r="A114" s="8" t="s">
        <v>6</v>
      </c>
      <c r="B114" s="21">
        <v>131</v>
      </c>
      <c r="C114" s="6">
        <v>263</v>
      </c>
      <c r="D114" s="5">
        <v>394</v>
      </c>
    </row>
    <row r="115" spans="1:4" ht="18" customHeight="1" x14ac:dyDescent="0.15">
      <c r="A115" s="8">
        <v>90</v>
      </c>
      <c r="B115" s="21">
        <v>10</v>
      </c>
      <c r="C115" s="6">
        <v>40</v>
      </c>
      <c r="D115" s="5">
        <v>50</v>
      </c>
    </row>
    <row r="116" spans="1:4" ht="18" customHeight="1" x14ac:dyDescent="0.15">
      <c r="A116" s="8">
        <v>91</v>
      </c>
      <c r="B116" s="21">
        <v>14</v>
      </c>
      <c r="C116" s="6">
        <v>44</v>
      </c>
      <c r="D116" s="5">
        <v>58</v>
      </c>
    </row>
    <row r="117" spans="1:4" ht="18" customHeight="1" x14ac:dyDescent="0.15">
      <c r="A117" s="8">
        <v>92</v>
      </c>
      <c r="B117" s="21">
        <v>18</v>
      </c>
      <c r="C117" s="6">
        <v>45</v>
      </c>
      <c r="D117" s="5">
        <v>63</v>
      </c>
    </row>
    <row r="118" spans="1:4" ht="18" customHeight="1" x14ac:dyDescent="0.15">
      <c r="A118" s="8">
        <v>93</v>
      </c>
      <c r="B118" s="21">
        <v>10</v>
      </c>
      <c r="C118" s="6">
        <v>30</v>
      </c>
      <c r="D118" s="5">
        <v>40</v>
      </c>
    </row>
    <row r="119" spans="1:4" ht="18" customHeight="1" x14ac:dyDescent="0.15">
      <c r="A119" s="8">
        <v>94</v>
      </c>
      <c r="B119" s="21">
        <v>6</v>
      </c>
      <c r="C119" s="6">
        <v>26</v>
      </c>
      <c r="D119" s="5">
        <v>32</v>
      </c>
    </row>
    <row r="120" spans="1:4" ht="18" customHeight="1" x14ac:dyDescent="0.15">
      <c r="A120" s="8" t="s">
        <v>5</v>
      </c>
      <c r="B120" s="21">
        <v>58</v>
      </c>
      <c r="C120" s="6">
        <v>185</v>
      </c>
      <c r="D120" s="5">
        <v>243</v>
      </c>
    </row>
    <row r="121" spans="1:4" ht="18" customHeight="1" x14ac:dyDescent="0.15">
      <c r="A121" s="8">
        <v>95</v>
      </c>
      <c r="B121" s="21">
        <v>5</v>
      </c>
      <c r="C121" s="6">
        <v>21</v>
      </c>
      <c r="D121" s="5">
        <v>26</v>
      </c>
    </row>
    <row r="122" spans="1:4" ht="18" customHeight="1" x14ac:dyDescent="0.15">
      <c r="A122" s="8">
        <v>96</v>
      </c>
      <c r="B122" s="21">
        <v>3</v>
      </c>
      <c r="C122" s="6">
        <v>17</v>
      </c>
      <c r="D122" s="5">
        <v>20</v>
      </c>
    </row>
    <row r="123" spans="1:4" ht="18" customHeight="1" x14ac:dyDescent="0.15">
      <c r="A123" s="8">
        <v>97</v>
      </c>
      <c r="B123" s="21">
        <v>2</v>
      </c>
      <c r="C123" s="6">
        <v>12</v>
      </c>
      <c r="D123" s="5">
        <v>14</v>
      </c>
    </row>
    <row r="124" spans="1:4" ht="18" customHeight="1" x14ac:dyDescent="0.15">
      <c r="A124" s="8">
        <v>98</v>
      </c>
      <c r="B124" s="21">
        <v>3</v>
      </c>
      <c r="C124" s="6">
        <v>15</v>
      </c>
      <c r="D124" s="5">
        <v>18</v>
      </c>
    </row>
    <row r="125" spans="1:4" ht="18" customHeight="1" x14ac:dyDescent="0.15">
      <c r="A125" s="8">
        <v>99</v>
      </c>
      <c r="B125" s="21">
        <v>3</v>
      </c>
      <c r="C125" s="6">
        <v>14</v>
      </c>
      <c r="D125" s="5">
        <v>17</v>
      </c>
    </row>
    <row r="126" spans="1:4" ht="18" customHeight="1" x14ac:dyDescent="0.15">
      <c r="A126" s="8" t="s">
        <v>4</v>
      </c>
      <c r="B126" s="21">
        <v>16</v>
      </c>
      <c r="C126" s="6">
        <v>79</v>
      </c>
      <c r="D126" s="5">
        <v>95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11</v>
      </c>
      <c r="D128" s="5">
        <v>11</v>
      </c>
    </row>
    <row r="129" spans="1:4" ht="18" customHeight="1" x14ac:dyDescent="0.15">
      <c r="A129" s="8" t="s">
        <v>2</v>
      </c>
      <c r="B129" s="21">
        <v>0</v>
      </c>
      <c r="C129" s="6">
        <v>16</v>
      </c>
      <c r="D129" s="5">
        <v>16</v>
      </c>
    </row>
    <row r="130" spans="1:4" ht="18" customHeight="1" x14ac:dyDescent="0.15">
      <c r="A130" s="8" t="s">
        <v>1</v>
      </c>
      <c r="B130" s="21">
        <v>1424</v>
      </c>
      <c r="C130" s="6">
        <v>1983</v>
      </c>
      <c r="D130" s="5">
        <v>3407</v>
      </c>
    </row>
    <row r="131" spans="1:4" ht="18" customHeight="1" x14ac:dyDescent="0.15">
      <c r="A131" s="4" t="s">
        <v>0</v>
      </c>
      <c r="B131" s="20">
        <v>5654</v>
      </c>
      <c r="C131" s="2">
        <v>6095</v>
      </c>
      <c r="D131" s="1">
        <v>117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2A4965-F23B-48E7-AFBA-7EE7B28C13E5}">
  <sheetPr codeName="Sheet2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9</v>
      </c>
      <c r="C5" s="11">
        <v>57</v>
      </c>
      <c r="D5" s="10">
        <v>106</v>
      </c>
    </row>
    <row r="6" spans="1:4" ht="18" customHeight="1" x14ac:dyDescent="0.15">
      <c r="A6" s="8">
        <v>1</v>
      </c>
      <c r="B6" s="21">
        <v>73</v>
      </c>
      <c r="C6" s="6">
        <v>58</v>
      </c>
      <c r="D6" s="5">
        <v>131</v>
      </c>
    </row>
    <row r="7" spans="1:4" ht="18" customHeight="1" x14ac:dyDescent="0.15">
      <c r="A7" s="8">
        <v>2</v>
      </c>
      <c r="B7" s="21">
        <v>60</v>
      </c>
      <c r="C7" s="6">
        <v>43</v>
      </c>
      <c r="D7" s="5">
        <v>103</v>
      </c>
    </row>
    <row r="8" spans="1:4" ht="18" customHeight="1" x14ac:dyDescent="0.15">
      <c r="A8" s="8">
        <v>3</v>
      </c>
      <c r="B8" s="21">
        <v>65</v>
      </c>
      <c r="C8" s="6">
        <v>60</v>
      </c>
      <c r="D8" s="5">
        <v>125</v>
      </c>
    </row>
    <row r="9" spans="1:4" ht="18" customHeight="1" x14ac:dyDescent="0.15">
      <c r="A9" s="8">
        <v>4</v>
      </c>
      <c r="B9" s="21">
        <v>79</v>
      </c>
      <c r="C9" s="6">
        <v>65</v>
      </c>
      <c r="D9" s="5">
        <v>144</v>
      </c>
    </row>
    <row r="10" spans="1:4" ht="18" customHeight="1" x14ac:dyDescent="0.15">
      <c r="A10" s="8" t="s">
        <v>25</v>
      </c>
      <c r="B10" s="21">
        <v>326</v>
      </c>
      <c r="C10" s="6">
        <v>283</v>
      </c>
      <c r="D10" s="5">
        <v>609</v>
      </c>
    </row>
    <row r="11" spans="1:4" ht="18" customHeight="1" x14ac:dyDescent="0.15">
      <c r="A11" s="8">
        <v>5</v>
      </c>
      <c r="B11" s="21">
        <v>56</v>
      </c>
      <c r="C11" s="6">
        <v>60</v>
      </c>
      <c r="D11" s="5">
        <v>116</v>
      </c>
    </row>
    <row r="12" spans="1:4" ht="18" customHeight="1" x14ac:dyDescent="0.15">
      <c r="A12" s="8">
        <v>6</v>
      </c>
      <c r="B12" s="21">
        <v>64</v>
      </c>
      <c r="C12" s="6">
        <v>56</v>
      </c>
      <c r="D12" s="5">
        <v>120</v>
      </c>
    </row>
    <row r="13" spans="1:4" ht="18" customHeight="1" x14ac:dyDescent="0.15">
      <c r="A13" s="8">
        <v>7</v>
      </c>
      <c r="B13" s="21">
        <v>71</v>
      </c>
      <c r="C13" s="6">
        <v>66</v>
      </c>
      <c r="D13" s="5">
        <v>137</v>
      </c>
    </row>
    <row r="14" spans="1:4" ht="18" customHeight="1" x14ac:dyDescent="0.15">
      <c r="A14" s="8">
        <v>8</v>
      </c>
      <c r="B14" s="21">
        <v>69</v>
      </c>
      <c r="C14" s="6">
        <v>69</v>
      </c>
      <c r="D14" s="5">
        <v>138</v>
      </c>
    </row>
    <row r="15" spans="1:4" ht="18" customHeight="1" x14ac:dyDescent="0.15">
      <c r="A15" s="8">
        <v>9</v>
      </c>
      <c r="B15" s="21">
        <v>78</v>
      </c>
      <c r="C15" s="6">
        <v>65</v>
      </c>
      <c r="D15" s="5">
        <v>143</v>
      </c>
    </row>
    <row r="16" spans="1:4" ht="18" customHeight="1" x14ac:dyDescent="0.15">
      <c r="A16" s="8" t="s">
        <v>24</v>
      </c>
      <c r="B16" s="21">
        <v>338</v>
      </c>
      <c r="C16" s="6">
        <v>316</v>
      </c>
      <c r="D16" s="5">
        <v>654</v>
      </c>
    </row>
    <row r="17" spans="1:4" ht="18" customHeight="1" x14ac:dyDescent="0.15">
      <c r="A17" s="8">
        <v>10</v>
      </c>
      <c r="B17" s="21">
        <v>72</v>
      </c>
      <c r="C17" s="6">
        <v>73</v>
      </c>
      <c r="D17" s="5">
        <v>145</v>
      </c>
    </row>
    <row r="18" spans="1:4" ht="18" customHeight="1" x14ac:dyDescent="0.15">
      <c r="A18" s="8">
        <v>11</v>
      </c>
      <c r="B18" s="21">
        <v>78</v>
      </c>
      <c r="C18" s="6">
        <v>66</v>
      </c>
      <c r="D18" s="5">
        <v>144</v>
      </c>
    </row>
    <row r="19" spans="1:4" ht="18" customHeight="1" x14ac:dyDescent="0.15">
      <c r="A19" s="8">
        <v>12</v>
      </c>
      <c r="B19" s="21">
        <v>86</v>
      </c>
      <c r="C19" s="6">
        <v>70</v>
      </c>
      <c r="D19" s="5">
        <v>156</v>
      </c>
    </row>
    <row r="20" spans="1:4" ht="18" customHeight="1" x14ac:dyDescent="0.15">
      <c r="A20" s="8">
        <v>13</v>
      </c>
      <c r="B20" s="21">
        <v>74</v>
      </c>
      <c r="C20" s="6">
        <v>66</v>
      </c>
      <c r="D20" s="5">
        <v>140</v>
      </c>
    </row>
    <row r="21" spans="1:4" ht="18" customHeight="1" x14ac:dyDescent="0.15">
      <c r="A21" s="8">
        <v>14</v>
      </c>
      <c r="B21" s="21">
        <v>67</v>
      </c>
      <c r="C21" s="6">
        <v>87</v>
      </c>
      <c r="D21" s="5">
        <v>154</v>
      </c>
    </row>
    <row r="22" spans="1:4" ht="18" customHeight="1" x14ac:dyDescent="0.15">
      <c r="A22" s="8" t="s">
        <v>23</v>
      </c>
      <c r="B22" s="21">
        <v>377</v>
      </c>
      <c r="C22" s="6">
        <v>362</v>
      </c>
      <c r="D22" s="5">
        <v>739</v>
      </c>
    </row>
    <row r="23" spans="1:4" ht="18" customHeight="1" x14ac:dyDescent="0.15">
      <c r="A23" s="8" t="s">
        <v>22</v>
      </c>
      <c r="B23" s="21">
        <v>1041</v>
      </c>
      <c r="C23" s="6">
        <v>961</v>
      </c>
      <c r="D23" s="5">
        <v>2002</v>
      </c>
    </row>
    <row r="24" spans="1:4" ht="18" customHeight="1" x14ac:dyDescent="0.15">
      <c r="A24" s="8">
        <v>15</v>
      </c>
      <c r="B24" s="21">
        <v>76</v>
      </c>
      <c r="C24" s="6">
        <v>67</v>
      </c>
      <c r="D24" s="5">
        <v>143</v>
      </c>
    </row>
    <row r="25" spans="1:4" ht="18" customHeight="1" x14ac:dyDescent="0.15">
      <c r="A25" s="8">
        <v>16</v>
      </c>
      <c r="B25" s="21">
        <v>68</v>
      </c>
      <c r="C25" s="6">
        <v>73</v>
      </c>
      <c r="D25" s="5">
        <v>141</v>
      </c>
    </row>
    <row r="26" spans="1:4" ht="18" customHeight="1" x14ac:dyDescent="0.15">
      <c r="A26" s="8">
        <v>17</v>
      </c>
      <c r="B26" s="21">
        <v>73</v>
      </c>
      <c r="C26" s="6">
        <v>67</v>
      </c>
      <c r="D26" s="5">
        <v>140</v>
      </c>
    </row>
    <row r="27" spans="1:4" ht="18" customHeight="1" x14ac:dyDescent="0.15">
      <c r="A27" s="8">
        <v>18</v>
      </c>
      <c r="B27" s="21">
        <v>80</v>
      </c>
      <c r="C27" s="6">
        <v>81</v>
      </c>
      <c r="D27" s="5">
        <v>161</v>
      </c>
    </row>
    <row r="28" spans="1:4" ht="18" customHeight="1" x14ac:dyDescent="0.15">
      <c r="A28" s="8">
        <v>19</v>
      </c>
      <c r="B28" s="21">
        <v>72</v>
      </c>
      <c r="C28" s="6">
        <v>72</v>
      </c>
      <c r="D28" s="5">
        <v>144</v>
      </c>
    </row>
    <row r="29" spans="1:4" ht="18" customHeight="1" x14ac:dyDescent="0.15">
      <c r="A29" s="8" t="s">
        <v>21</v>
      </c>
      <c r="B29" s="21">
        <v>369</v>
      </c>
      <c r="C29" s="6">
        <v>360</v>
      </c>
      <c r="D29" s="5">
        <v>729</v>
      </c>
    </row>
    <row r="30" spans="1:4" ht="18" customHeight="1" x14ac:dyDescent="0.15">
      <c r="A30" s="8">
        <v>20</v>
      </c>
      <c r="B30" s="21">
        <v>64</v>
      </c>
      <c r="C30" s="6">
        <v>57</v>
      </c>
      <c r="D30" s="5">
        <v>121</v>
      </c>
    </row>
    <row r="31" spans="1:4" ht="18" customHeight="1" x14ac:dyDescent="0.15">
      <c r="A31" s="8">
        <v>21</v>
      </c>
      <c r="B31" s="21">
        <v>80</v>
      </c>
      <c r="C31" s="6">
        <v>64</v>
      </c>
      <c r="D31" s="5">
        <v>144</v>
      </c>
    </row>
    <row r="32" spans="1:4" ht="18" customHeight="1" x14ac:dyDescent="0.15">
      <c r="A32" s="8">
        <v>22</v>
      </c>
      <c r="B32" s="21">
        <v>55</v>
      </c>
      <c r="C32" s="6">
        <v>67</v>
      </c>
      <c r="D32" s="5">
        <v>122</v>
      </c>
    </row>
    <row r="33" spans="1:4" ht="18" customHeight="1" x14ac:dyDescent="0.15">
      <c r="A33" s="8">
        <v>23</v>
      </c>
      <c r="B33" s="21">
        <v>66</v>
      </c>
      <c r="C33" s="6">
        <v>71</v>
      </c>
      <c r="D33" s="5">
        <v>137</v>
      </c>
    </row>
    <row r="34" spans="1:4" ht="18" customHeight="1" x14ac:dyDescent="0.15">
      <c r="A34" s="8">
        <v>24</v>
      </c>
      <c r="B34" s="21">
        <v>67</v>
      </c>
      <c r="C34" s="6">
        <v>62</v>
      </c>
      <c r="D34" s="5">
        <v>129</v>
      </c>
    </row>
    <row r="35" spans="1:4" ht="18" customHeight="1" x14ac:dyDescent="0.15">
      <c r="A35" s="8" t="s">
        <v>20</v>
      </c>
      <c r="B35" s="21">
        <v>332</v>
      </c>
      <c r="C35" s="6">
        <v>321</v>
      </c>
      <c r="D35" s="5">
        <v>653</v>
      </c>
    </row>
    <row r="36" spans="1:4" ht="18" customHeight="1" x14ac:dyDescent="0.15">
      <c r="A36" s="8">
        <v>25</v>
      </c>
      <c r="B36" s="21">
        <v>75</v>
      </c>
      <c r="C36" s="6">
        <v>89</v>
      </c>
      <c r="D36" s="5">
        <v>164</v>
      </c>
    </row>
    <row r="37" spans="1:4" ht="18" customHeight="1" x14ac:dyDescent="0.15">
      <c r="A37" s="8">
        <v>26</v>
      </c>
      <c r="B37" s="21">
        <v>81</v>
      </c>
      <c r="C37" s="6">
        <v>76</v>
      </c>
      <c r="D37" s="5">
        <v>157</v>
      </c>
    </row>
    <row r="38" spans="1:4" ht="18" customHeight="1" x14ac:dyDescent="0.15">
      <c r="A38" s="8">
        <v>27</v>
      </c>
      <c r="B38" s="21">
        <v>67</v>
      </c>
      <c r="C38" s="6">
        <v>68</v>
      </c>
      <c r="D38" s="5">
        <v>135</v>
      </c>
    </row>
    <row r="39" spans="1:4" ht="18" customHeight="1" x14ac:dyDescent="0.15">
      <c r="A39" s="8">
        <v>28</v>
      </c>
      <c r="B39" s="21">
        <v>90</v>
      </c>
      <c r="C39" s="6">
        <v>75</v>
      </c>
      <c r="D39" s="5">
        <v>165</v>
      </c>
    </row>
    <row r="40" spans="1:4" ht="18" customHeight="1" x14ac:dyDescent="0.15">
      <c r="A40" s="8">
        <v>29</v>
      </c>
      <c r="B40" s="21">
        <v>83</v>
      </c>
      <c r="C40" s="6">
        <v>100</v>
      </c>
      <c r="D40" s="5">
        <v>183</v>
      </c>
    </row>
    <row r="41" spans="1:4" ht="18" customHeight="1" x14ac:dyDescent="0.15">
      <c r="A41" s="8" t="s">
        <v>19</v>
      </c>
      <c r="B41" s="21">
        <v>396</v>
      </c>
      <c r="C41" s="6">
        <v>408</v>
      </c>
      <c r="D41" s="5">
        <v>804</v>
      </c>
    </row>
    <row r="42" spans="1:4" ht="18" customHeight="1" x14ac:dyDescent="0.15">
      <c r="A42" s="8">
        <v>30</v>
      </c>
      <c r="B42" s="21">
        <v>106</v>
      </c>
      <c r="C42" s="6">
        <v>68</v>
      </c>
      <c r="D42" s="5">
        <v>174</v>
      </c>
    </row>
    <row r="43" spans="1:4" ht="18" customHeight="1" x14ac:dyDescent="0.15">
      <c r="A43" s="8">
        <v>31</v>
      </c>
      <c r="B43" s="21">
        <v>87</v>
      </c>
      <c r="C43" s="6">
        <v>87</v>
      </c>
      <c r="D43" s="5">
        <v>174</v>
      </c>
    </row>
    <row r="44" spans="1:4" ht="18" customHeight="1" x14ac:dyDescent="0.15">
      <c r="A44" s="8">
        <v>32</v>
      </c>
      <c r="B44" s="21">
        <v>74</v>
      </c>
      <c r="C44" s="6">
        <v>80</v>
      </c>
      <c r="D44" s="5">
        <v>154</v>
      </c>
    </row>
    <row r="45" spans="1:4" ht="18" customHeight="1" x14ac:dyDescent="0.15">
      <c r="A45" s="8">
        <v>33</v>
      </c>
      <c r="B45" s="21">
        <v>68</v>
      </c>
      <c r="C45" s="6">
        <v>79</v>
      </c>
      <c r="D45" s="5">
        <v>147</v>
      </c>
    </row>
    <row r="46" spans="1:4" ht="18" customHeight="1" x14ac:dyDescent="0.15">
      <c r="A46" s="8">
        <v>34</v>
      </c>
      <c r="B46" s="21">
        <v>84</v>
      </c>
      <c r="C46" s="6">
        <v>97</v>
      </c>
      <c r="D46" s="5">
        <v>181</v>
      </c>
    </row>
    <row r="47" spans="1:4" ht="18" customHeight="1" x14ac:dyDescent="0.15">
      <c r="A47" s="8" t="s">
        <v>18</v>
      </c>
      <c r="B47" s="21">
        <v>419</v>
      </c>
      <c r="C47" s="6">
        <v>411</v>
      </c>
      <c r="D47" s="5">
        <v>830</v>
      </c>
    </row>
    <row r="48" spans="1:4" ht="18" customHeight="1" x14ac:dyDescent="0.15">
      <c r="A48" s="8">
        <v>35</v>
      </c>
      <c r="B48" s="21">
        <v>106</v>
      </c>
      <c r="C48" s="6">
        <v>85</v>
      </c>
      <c r="D48" s="5">
        <v>191</v>
      </c>
    </row>
    <row r="49" spans="1:4" ht="18" customHeight="1" x14ac:dyDescent="0.15">
      <c r="A49" s="8">
        <v>36</v>
      </c>
      <c r="B49" s="21">
        <v>76</v>
      </c>
      <c r="C49" s="6">
        <v>79</v>
      </c>
      <c r="D49" s="5">
        <v>155</v>
      </c>
    </row>
    <row r="50" spans="1:4" ht="18" customHeight="1" x14ac:dyDescent="0.15">
      <c r="A50" s="8">
        <v>37</v>
      </c>
      <c r="B50" s="21">
        <v>80</v>
      </c>
      <c r="C50" s="6">
        <v>83</v>
      </c>
      <c r="D50" s="5">
        <v>163</v>
      </c>
    </row>
    <row r="51" spans="1:4" ht="18" customHeight="1" x14ac:dyDescent="0.15">
      <c r="A51" s="8">
        <v>38</v>
      </c>
      <c r="B51" s="21">
        <v>78</v>
      </c>
      <c r="C51" s="6">
        <v>93</v>
      </c>
      <c r="D51" s="5">
        <v>171</v>
      </c>
    </row>
    <row r="52" spans="1:4" ht="18" customHeight="1" x14ac:dyDescent="0.15">
      <c r="A52" s="8">
        <v>39</v>
      </c>
      <c r="B52" s="21">
        <v>81</v>
      </c>
      <c r="C52" s="6">
        <v>77</v>
      </c>
      <c r="D52" s="5">
        <v>158</v>
      </c>
    </row>
    <row r="53" spans="1:4" ht="18" customHeight="1" x14ac:dyDescent="0.15">
      <c r="A53" s="8" t="s">
        <v>17</v>
      </c>
      <c r="B53" s="21">
        <v>421</v>
      </c>
      <c r="C53" s="6">
        <v>417</v>
      </c>
      <c r="D53" s="5">
        <v>838</v>
      </c>
    </row>
    <row r="54" spans="1:4" ht="18" customHeight="1" x14ac:dyDescent="0.15">
      <c r="A54" s="8">
        <v>40</v>
      </c>
      <c r="B54" s="21">
        <v>91</v>
      </c>
      <c r="C54" s="6">
        <v>100</v>
      </c>
      <c r="D54" s="5">
        <v>191</v>
      </c>
    </row>
    <row r="55" spans="1:4" ht="18" customHeight="1" x14ac:dyDescent="0.15">
      <c r="A55" s="8">
        <v>41</v>
      </c>
      <c r="B55" s="21">
        <v>94</v>
      </c>
      <c r="C55" s="6">
        <v>91</v>
      </c>
      <c r="D55" s="5">
        <v>185</v>
      </c>
    </row>
    <row r="56" spans="1:4" ht="18" customHeight="1" x14ac:dyDescent="0.15">
      <c r="A56" s="8">
        <v>42</v>
      </c>
      <c r="B56" s="21">
        <v>105</v>
      </c>
      <c r="C56" s="6">
        <v>96</v>
      </c>
      <c r="D56" s="5">
        <v>201</v>
      </c>
    </row>
    <row r="57" spans="1:4" ht="18" customHeight="1" x14ac:dyDescent="0.15">
      <c r="A57" s="8">
        <v>43</v>
      </c>
      <c r="B57" s="21">
        <v>101</v>
      </c>
      <c r="C57" s="6">
        <v>105</v>
      </c>
      <c r="D57" s="5">
        <v>206</v>
      </c>
    </row>
    <row r="58" spans="1:4" ht="18" customHeight="1" x14ac:dyDescent="0.15">
      <c r="A58" s="8">
        <v>44</v>
      </c>
      <c r="B58" s="21">
        <v>112</v>
      </c>
      <c r="C58" s="6">
        <v>113</v>
      </c>
      <c r="D58" s="5">
        <v>225</v>
      </c>
    </row>
    <row r="59" spans="1:4" ht="18" customHeight="1" x14ac:dyDescent="0.15">
      <c r="A59" s="8" t="s">
        <v>16</v>
      </c>
      <c r="B59" s="21">
        <v>503</v>
      </c>
      <c r="C59" s="6">
        <v>505</v>
      </c>
      <c r="D59" s="5">
        <v>1008</v>
      </c>
    </row>
    <row r="60" spans="1:4" ht="18" customHeight="1" x14ac:dyDescent="0.15">
      <c r="A60" s="8">
        <v>45</v>
      </c>
      <c r="B60" s="21">
        <v>97</v>
      </c>
      <c r="C60" s="6">
        <v>112</v>
      </c>
      <c r="D60" s="5">
        <v>209</v>
      </c>
    </row>
    <row r="61" spans="1:4" ht="18" customHeight="1" x14ac:dyDescent="0.15">
      <c r="A61" s="8">
        <v>46</v>
      </c>
      <c r="B61" s="21">
        <v>98</v>
      </c>
      <c r="C61" s="6">
        <v>113</v>
      </c>
      <c r="D61" s="5">
        <v>211</v>
      </c>
    </row>
    <row r="62" spans="1:4" ht="18" customHeight="1" x14ac:dyDescent="0.15">
      <c r="A62" s="8">
        <v>47</v>
      </c>
      <c r="B62" s="21">
        <v>135</v>
      </c>
      <c r="C62" s="6">
        <v>117</v>
      </c>
      <c r="D62" s="5">
        <v>252</v>
      </c>
    </row>
    <row r="63" spans="1:4" ht="18" customHeight="1" x14ac:dyDescent="0.15">
      <c r="A63" s="8">
        <v>48</v>
      </c>
      <c r="B63" s="21">
        <v>123</v>
      </c>
      <c r="C63" s="6">
        <v>117</v>
      </c>
      <c r="D63" s="5">
        <v>240</v>
      </c>
    </row>
    <row r="64" spans="1:4" ht="18" customHeight="1" x14ac:dyDescent="0.15">
      <c r="A64" s="8">
        <v>49</v>
      </c>
      <c r="B64" s="21">
        <v>121</v>
      </c>
      <c r="C64" s="6">
        <v>120</v>
      </c>
      <c r="D64" s="5">
        <v>241</v>
      </c>
    </row>
    <row r="65" spans="1:4" ht="18" customHeight="1" x14ac:dyDescent="0.15">
      <c r="A65" s="8" t="s">
        <v>15</v>
      </c>
      <c r="B65" s="21">
        <v>574</v>
      </c>
      <c r="C65" s="6">
        <v>579</v>
      </c>
      <c r="D65" s="5">
        <v>1153</v>
      </c>
    </row>
    <row r="66" spans="1:4" ht="18" customHeight="1" x14ac:dyDescent="0.15">
      <c r="A66" s="8">
        <v>50</v>
      </c>
      <c r="B66" s="21">
        <v>166</v>
      </c>
      <c r="C66" s="6">
        <v>143</v>
      </c>
      <c r="D66" s="5">
        <v>309</v>
      </c>
    </row>
    <row r="67" spans="1:4" ht="18" customHeight="1" x14ac:dyDescent="0.15">
      <c r="A67" s="8">
        <v>51</v>
      </c>
      <c r="B67" s="21">
        <v>141</v>
      </c>
      <c r="C67" s="6">
        <v>132</v>
      </c>
      <c r="D67" s="5">
        <v>273</v>
      </c>
    </row>
    <row r="68" spans="1:4" ht="18" customHeight="1" x14ac:dyDescent="0.15">
      <c r="A68" s="8">
        <v>52</v>
      </c>
      <c r="B68" s="21">
        <v>137</v>
      </c>
      <c r="C68" s="6">
        <v>118</v>
      </c>
      <c r="D68" s="5">
        <v>255</v>
      </c>
    </row>
    <row r="69" spans="1:4" ht="18" customHeight="1" x14ac:dyDescent="0.15">
      <c r="A69" s="8">
        <v>53</v>
      </c>
      <c r="B69" s="21">
        <v>118</v>
      </c>
      <c r="C69" s="6">
        <v>133</v>
      </c>
      <c r="D69" s="5">
        <v>251</v>
      </c>
    </row>
    <row r="70" spans="1:4" ht="18" customHeight="1" x14ac:dyDescent="0.15">
      <c r="A70" s="8">
        <v>54</v>
      </c>
      <c r="B70" s="21">
        <v>120</v>
      </c>
      <c r="C70" s="6">
        <v>127</v>
      </c>
      <c r="D70" s="5">
        <v>247</v>
      </c>
    </row>
    <row r="71" spans="1:4" ht="18" customHeight="1" x14ac:dyDescent="0.15">
      <c r="A71" s="8" t="s">
        <v>14</v>
      </c>
      <c r="B71" s="21">
        <v>682</v>
      </c>
      <c r="C71" s="6">
        <v>653</v>
      </c>
      <c r="D71" s="5">
        <v>1335</v>
      </c>
    </row>
    <row r="72" spans="1:4" ht="18" customHeight="1" x14ac:dyDescent="0.15">
      <c r="A72" s="8">
        <v>55</v>
      </c>
      <c r="B72" s="21">
        <v>124</v>
      </c>
      <c r="C72" s="6">
        <v>122</v>
      </c>
      <c r="D72" s="5">
        <v>246</v>
      </c>
    </row>
    <row r="73" spans="1:4" ht="18" customHeight="1" x14ac:dyDescent="0.15">
      <c r="A73" s="8">
        <v>56</v>
      </c>
      <c r="B73" s="21">
        <v>94</v>
      </c>
      <c r="C73" s="6">
        <v>88</v>
      </c>
      <c r="D73" s="5">
        <v>182</v>
      </c>
    </row>
    <row r="74" spans="1:4" ht="18" customHeight="1" x14ac:dyDescent="0.15">
      <c r="A74" s="8">
        <v>57</v>
      </c>
      <c r="B74" s="21">
        <v>106</v>
      </c>
      <c r="C74" s="6">
        <v>100</v>
      </c>
      <c r="D74" s="5">
        <v>206</v>
      </c>
    </row>
    <row r="75" spans="1:4" ht="18" customHeight="1" x14ac:dyDescent="0.15">
      <c r="A75" s="8">
        <v>58</v>
      </c>
      <c r="B75" s="21">
        <v>119</v>
      </c>
      <c r="C75" s="6">
        <v>114</v>
      </c>
      <c r="D75" s="5">
        <v>233</v>
      </c>
    </row>
    <row r="76" spans="1:4" ht="18" customHeight="1" x14ac:dyDescent="0.15">
      <c r="A76" s="8">
        <v>59</v>
      </c>
      <c r="B76" s="21">
        <v>74</v>
      </c>
      <c r="C76" s="6">
        <v>87</v>
      </c>
      <c r="D76" s="5">
        <v>161</v>
      </c>
    </row>
    <row r="77" spans="1:4" ht="18" customHeight="1" x14ac:dyDescent="0.15">
      <c r="A77" s="8" t="s">
        <v>13</v>
      </c>
      <c r="B77" s="21">
        <v>517</v>
      </c>
      <c r="C77" s="6">
        <v>511</v>
      </c>
      <c r="D77" s="5">
        <v>1028</v>
      </c>
    </row>
    <row r="78" spans="1:4" ht="18" customHeight="1" x14ac:dyDescent="0.15">
      <c r="A78" s="8">
        <v>60</v>
      </c>
      <c r="B78" s="21">
        <v>96</v>
      </c>
      <c r="C78" s="6">
        <v>105</v>
      </c>
      <c r="D78" s="5">
        <v>201</v>
      </c>
    </row>
    <row r="79" spans="1:4" ht="18" customHeight="1" x14ac:dyDescent="0.15">
      <c r="A79" s="8">
        <v>61</v>
      </c>
      <c r="B79" s="21">
        <v>92</v>
      </c>
      <c r="C79" s="6">
        <v>101</v>
      </c>
      <c r="D79" s="5">
        <v>193</v>
      </c>
    </row>
    <row r="80" spans="1:4" ht="18" customHeight="1" x14ac:dyDescent="0.15">
      <c r="A80" s="8">
        <v>62</v>
      </c>
      <c r="B80" s="21">
        <v>77</v>
      </c>
      <c r="C80" s="6">
        <v>88</v>
      </c>
      <c r="D80" s="5">
        <v>165</v>
      </c>
    </row>
    <row r="81" spans="1:4" ht="18" customHeight="1" x14ac:dyDescent="0.15">
      <c r="A81" s="8">
        <v>63</v>
      </c>
      <c r="B81" s="21">
        <v>84</v>
      </c>
      <c r="C81" s="6">
        <v>73</v>
      </c>
      <c r="D81" s="5">
        <v>157</v>
      </c>
    </row>
    <row r="82" spans="1:4" ht="18" customHeight="1" x14ac:dyDescent="0.15">
      <c r="A82" s="8">
        <v>64</v>
      </c>
      <c r="B82" s="21">
        <v>77</v>
      </c>
      <c r="C82" s="6">
        <v>91</v>
      </c>
      <c r="D82" s="5">
        <v>168</v>
      </c>
    </row>
    <row r="83" spans="1:4" ht="18" customHeight="1" x14ac:dyDescent="0.15">
      <c r="A83" s="8" t="s">
        <v>12</v>
      </c>
      <c r="B83" s="21">
        <v>426</v>
      </c>
      <c r="C83" s="6">
        <v>458</v>
      </c>
      <c r="D83" s="5">
        <v>884</v>
      </c>
    </row>
    <row r="84" spans="1:4" ht="18" customHeight="1" x14ac:dyDescent="0.15">
      <c r="A84" s="8" t="s">
        <v>11</v>
      </c>
      <c r="B84" s="21">
        <v>4639</v>
      </c>
      <c r="C84" s="6">
        <v>4623</v>
      </c>
      <c r="D84" s="5">
        <v>9262</v>
      </c>
    </row>
    <row r="85" spans="1:4" ht="18" customHeight="1" x14ac:dyDescent="0.15">
      <c r="A85" s="8">
        <v>65</v>
      </c>
      <c r="B85" s="21">
        <v>71</v>
      </c>
      <c r="C85" s="6">
        <v>83</v>
      </c>
      <c r="D85" s="5">
        <v>154</v>
      </c>
    </row>
    <row r="86" spans="1:4" ht="18" customHeight="1" x14ac:dyDescent="0.15">
      <c r="A86" s="8">
        <v>66</v>
      </c>
      <c r="B86" s="21">
        <v>73</v>
      </c>
      <c r="C86" s="6">
        <v>100</v>
      </c>
      <c r="D86" s="5">
        <v>173</v>
      </c>
    </row>
    <row r="87" spans="1:4" ht="18" customHeight="1" x14ac:dyDescent="0.15">
      <c r="A87" s="8">
        <v>67</v>
      </c>
      <c r="B87" s="21">
        <v>71</v>
      </c>
      <c r="C87" s="6">
        <v>67</v>
      </c>
      <c r="D87" s="5">
        <v>138</v>
      </c>
    </row>
    <row r="88" spans="1:4" ht="18" customHeight="1" x14ac:dyDescent="0.15">
      <c r="A88" s="8">
        <v>68</v>
      </c>
      <c r="B88" s="21">
        <v>63</v>
      </c>
      <c r="C88" s="6">
        <v>65</v>
      </c>
      <c r="D88" s="5">
        <v>128</v>
      </c>
    </row>
    <row r="89" spans="1:4" ht="18" customHeight="1" x14ac:dyDescent="0.15">
      <c r="A89" s="8">
        <v>69</v>
      </c>
      <c r="B89" s="21">
        <v>76</v>
      </c>
      <c r="C89" s="6">
        <v>67</v>
      </c>
      <c r="D89" s="5">
        <v>143</v>
      </c>
    </row>
    <row r="90" spans="1:4" ht="18" customHeight="1" x14ac:dyDescent="0.15">
      <c r="A90" s="8" t="s">
        <v>10</v>
      </c>
      <c r="B90" s="21">
        <v>354</v>
      </c>
      <c r="C90" s="6">
        <v>382</v>
      </c>
      <c r="D90" s="5">
        <v>736</v>
      </c>
    </row>
    <row r="91" spans="1:4" ht="18" customHeight="1" x14ac:dyDescent="0.15">
      <c r="A91" s="8">
        <v>70</v>
      </c>
      <c r="B91" s="21">
        <v>74</v>
      </c>
      <c r="C91" s="6">
        <v>81</v>
      </c>
      <c r="D91" s="5">
        <v>155</v>
      </c>
    </row>
    <row r="92" spans="1:4" ht="18" customHeight="1" x14ac:dyDescent="0.15">
      <c r="A92" s="8">
        <v>71</v>
      </c>
      <c r="B92" s="21">
        <v>83</v>
      </c>
      <c r="C92" s="6">
        <v>84</v>
      </c>
      <c r="D92" s="5">
        <v>167</v>
      </c>
    </row>
    <row r="93" spans="1:4" ht="18" customHeight="1" x14ac:dyDescent="0.15">
      <c r="A93" s="8">
        <v>72</v>
      </c>
      <c r="B93" s="21">
        <v>79</v>
      </c>
      <c r="C93" s="6">
        <v>86</v>
      </c>
      <c r="D93" s="5">
        <v>165</v>
      </c>
    </row>
    <row r="94" spans="1:4" ht="18" customHeight="1" x14ac:dyDescent="0.15">
      <c r="A94" s="8">
        <v>73</v>
      </c>
      <c r="B94" s="21">
        <v>78</v>
      </c>
      <c r="C94" s="6">
        <v>79</v>
      </c>
      <c r="D94" s="5">
        <v>157</v>
      </c>
    </row>
    <row r="95" spans="1:4" ht="18" customHeight="1" x14ac:dyDescent="0.15">
      <c r="A95" s="8">
        <v>74</v>
      </c>
      <c r="B95" s="21">
        <v>65</v>
      </c>
      <c r="C95" s="6">
        <v>96</v>
      </c>
      <c r="D95" s="5">
        <v>161</v>
      </c>
    </row>
    <row r="96" spans="1:4" ht="18" customHeight="1" x14ac:dyDescent="0.15">
      <c r="A96" s="8" t="s">
        <v>9</v>
      </c>
      <c r="B96" s="21">
        <v>379</v>
      </c>
      <c r="C96" s="6">
        <v>426</v>
      </c>
      <c r="D96" s="5">
        <v>805</v>
      </c>
    </row>
    <row r="97" spans="1:4" ht="18" customHeight="1" x14ac:dyDescent="0.15">
      <c r="A97" s="8">
        <v>75</v>
      </c>
      <c r="B97" s="21">
        <v>80</v>
      </c>
      <c r="C97" s="6">
        <v>106</v>
      </c>
      <c r="D97" s="5">
        <v>186</v>
      </c>
    </row>
    <row r="98" spans="1:4" ht="18" customHeight="1" x14ac:dyDescent="0.15">
      <c r="A98" s="8">
        <v>76</v>
      </c>
      <c r="B98" s="21">
        <v>83</v>
      </c>
      <c r="C98" s="6">
        <v>123</v>
      </c>
      <c r="D98" s="5">
        <v>206</v>
      </c>
    </row>
    <row r="99" spans="1:4" ht="18" customHeight="1" x14ac:dyDescent="0.15">
      <c r="A99" s="8">
        <v>77</v>
      </c>
      <c r="B99" s="21">
        <v>89</v>
      </c>
      <c r="C99" s="6">
        <v>101</v>
      </c>
      <c r="D99" s="5">
        <v>190</v>
      </c>
    </row>
    <row r="100" spans="1:4" ht="18" customHeight="1" x14ac:dyDescent="0.15">
      <c r="A100" s="8">
        <v>78</v>
      </c>
      <c r="B100" s="21">
        <v>95</v>
      </c>
      <c r="C100" s="6">
        <v>116</v>
      </c>
      <c r="D100" s="5">
        <v>211</v>
      </c>
    </row>
    <row r="101" spans="1:4" ht="18" customHeight="1" x14ac:dyDescent="0.15">
      <c r="A101" s="8">
        <v>79</v>
      </c>
      <c r="B101" s="21">
        <v>68</v>
      </c>
      <c r="C101" s="6">
        <v>63</v>
      </c>
      <c r="D101" s="5">
        <v>131</v>
      </c>
    </row>
    <row r="102" spans="1:4" ht="18" customHeight="1" x14ac:dyDescent="0.15">
      <c r="A102" s="8" t="s">
        <v>8</v>
      </c>
      <c r="B102" s="21">
        <v>415</v>
      </c>
      <c r="C102" s="6">
        <v>509</v>
      </c>
      <c r="D102" s="5">
        <v>924</v>
      </c>
    </row>
    <row r="103" spans="1:4" ht="18" customHeight="1" x14ac:dyDescent="0.15">
      <c r="A103" s="8">
        <v>80</v>
      </c>
      <c r="B103" s="21">
        <v>44</v>
      </c>
      <c r="C103" s="6">
        <v>73</v>
      </c>
      <c r="D103" s="5">
        <v>117</v>
      </c>
    </row>
    <row r="104" spans="1:4" ht="18" customHeight="1" x14ac:dyDescent="0.15">
      <c r="A104" s="8">
        <v>81</v>
      </c>
      <c r="B104" s="21">
        <v>63</v>
      </c>
      <c r="C104" s="6">
        <v>97</v>
      </c>
      <c r="D104" s="5">
        <v>160</v>
      </c>
    </row>
    <row r="105" spans="1:4" ht="18" customHeight="1" x14ac:dyDescent="0.15">
      <c r="A105" s="8">
        <v>82</v>
      </c>
      <c r="B105" s="21">
        <v>57</v>
      </c>
      <c r="C105" s="6">
        <v>81</v>
      </c>
      <c r="D105" s="5">
        <v>138</v>
      </c>
    </row>
    <row r="106" spans="1:4" ht="18" customHeight="1" x14ac:dyDescent="0.15">
      <c r="A106" s="8">
        <v>83</v>
      </c>
      <c r="B106" s="21">
        <v>46</v>
      </c>
      <c r="C106" s="6">
        <v>77</v>
      </c>
      <c r="D106" s="5">
        <v>123</v>
      </c>
    </row>
    <row r="107" spans="1:4" ht="18" customHeight="1" x14ac:dyDescent="0.15">
      <c r="A107" s="8">
        <v>84</v>
      </c>
      <c r="B107" s="21">
        <v>51</v>
      </c>
      <c r="C107" s="6">
        <v>82</v>
      </c>
      <c r="D107" s="5">
        <v>133</v>
      </c>
    </row>
    <row r="108" spans="1:4" ht="18" customHeight="1" x14ac:dyDescent="0.15">
      <c r="A108" s="8" t="s">
        <v>7</v>
      </c>
      <c r="B108" s="21">
        <v>261</v>
      </c>
      <c r="C108" s="6">
        <v>410</v>
      </c>
      <c r="D108" s="5">
        <v>671</v>
      </c>
    </row>
    <row r="109" spans="1:4" ht="18" customHeight="1" x14ac:dyDescent="0.15">
      <c r="A109" s="8">
        <v>85</v>
      </c>
      <c r="B109" s="21">
        <v>49</v>
      </c>
      <c r="C109" s="6">
        <v>59</v>
      </c>
      <c r="D109" s="5">
        <v>108</v>
      </c>
    </row>
    <row r="110" spans="1:4" ht="18" customHeight="1" x14ac:dyDescent="0.15">
      <c r="A110" s="8">
        <v>86</v>
      </c>
      <c r="B110" s="21">
        <v>40</v>
      </c>
      <c r="C110" s="6">
        <v>54</v>
      </c>
      <c r="D110" s="5">
        <v>94</v>
      </c>
    </row>
    <row r="111" spans="1:4" ht="18" customHeight="1" x14ac:dyDescent="0.15">
      <c r="A111" s="8">
        <v>87</v>
      </c>
      <c r="B111" s="21">
        <v>21</v>
      </c>
      <c r="C111" s="6">
        <v>40</v>
      </c>
      <c r="D111" s="5">
        <v>61</v>
      </c>
    </row>
    <row r="112" spans="1:4" ht="18" customHeight="1" x14ac:dyDescent="0.15">
      <c r="A112" s="8">
        <v>88</v>
      </c>
      <c r="B112" s="21">
        <v>28</v>
      </c>
      <c r="C112" s="6">
        <v>51</v>
      </c>
      <c r="D112" s="5">
        <v>79</v>
      </c>
    </row>
    <row r="113" spans="1:4" ht="18" customHeight="1" x14ac:dyDescent="0.15">
      <c r="A113" s="8">
        <v>89</v>
      </c>
      <c r="B113" s="21">
        <v>31</v>
      </c>
      <c r="C113" s="6">
        <v>47</v>
      </c>
      <c r="D113" s="5">
        <v>78</v>
      </c>
    </row>
    <row r="114" spans="1:4" ht="18" customHeight="1" x14ac:dyDescent="0.15">
      <c r="A114" s="8" t="s">
        <v>6</v>
      </c>
      <c r="B114" s="21">
        <v>169</v>
      </c>
      <c r="C114" s="6">
        <v>251</v>
      </c>
      <c r="D114" s="5">
        <v>420</v>
      </c>
    </row>
    <row r="115" spans="1:4" ht="18" customHeight="1" x14ac:dyDescent="0.15">
      <c r="A115" s="8">
        <v>90</v>
      </c>
      <c r="B115" s="21">
        <v>23</v>
      </c>
      <c r="C115" s="6">
        <v>43</v>
      </c>
      <c r="D115" s="5">
        <v>66</v>
      </c>
    </row>
    <row r="116" spans="1:4" ht="18" customHeight="1" x14ac:dyDescent="0.15">
      <c r="A116" s="8">
        <v>91</v>
      </c>
      <c r="B116" s="21">
        <v>13</v>
      </c>
      <c r="C116" s="6">
        <v>39</v>
      </c>
      <c r="D116" s="5">
        <v>52</v>
      </c>
    </row>
    <row r="117" spans="1:4" ht="18" customHeight="1" x14ac:dyDescent="0.15">
      <c r="A117" s="8">
        <v>92</v>
      </c>
      <c r="B117" s="21">
        <v>15</v>
      </c>
      <c r="C117" s="6">
        <v>39</v>
      </c>
      <c r="D117" s="5">
        <v>54</v>
      </c>
    </row>
    <row r="118" spans="1:4" ht="18" customHeight="1" x14ac:dyDescent="0.15">
      <c r="A118" s="8">
        <v>93</v>
      </c>
      <c r="B118" s="21">
        <v>4</v>
      </c>
      <c r="C118" s="6">
        <v>34</v>
      </c>
      <c r="D118" s="5">
        <v>38</v>
      </c>
    </row>
    <row r="119" spans="1:4" ht="18" customHeight="1" x14ac:dyDescent="0.15">
      <c r="A119" s="8">
        <v>94</v>
      </c>
      <c r="B119" s="21">
        <v>6</v>
      </c>
      <c r="C119" s="6">
        <v>25</v>
      </c>
      <c r="D119" s="5">
        <v>31</v>
      </c>
    </row>
    <row r="120" spans="1:4" ht="18" customHeight="1" x14ac:dyDescent="0.15">
      <c r="A120" s="8" t="s">
        <v>5</v>
      </c>
      <c r="B120" s="21">
        <v>61</v>
      </c>
      <c r="C120" s="6">
        <v>180</v>
      </c>
      <c r="D120" s="5">
        <v>241</v>
      </c>
    </row>
    <row r="121" spans="1:4" ht="18" customHeight="1" x14ac:dyDescent="0.15">
      <c r="A121" s="8">
        <v>95</v>
      </c>
      <c r="B121" s="21">
        <v>6</v>
      </c>
      <c r="C121" s="6">
        <v>18</v>
      </c>
      <c r="D121" s="5">
        <v>24</v>
      </c>
    </row>
    <row r="122" spans="1:4" ht="18" customHeight="1" x14ac:dyDescent="0.15">
      <c r="A122" s="8">
        <v>96</v>
      </c>
      <c r="B122" s="21">
        <v>3</v>
      </c>
      <c r="C122" s="6">
        <v>11</v>
      </c>
      <c r="D122" s="5">
        <v>14</v>
      </c>
    </row>
    <row r="123" spans="1:4" ht="18" customHeight="1" x14ac:dyDescent="0.15">
      <c r="A123" s="8">
        <v>97</v>
      </c>
      <c r="B123" s="21">
        <v>1</v>
      </c>
      <c r="C123" s="6">
        <v>7</v>
      </c>
      <c r="D123" s="5">
        <v>8</v>
      </c>
    </row>
    <row r="124" spans="1:4" ht="18" customHeight="1" x14ac:dyDescent="0.15">
      <c r="A124" s="8">
        <v>98</v>
      </c>
      <c r="B124" s="21">
        <v>2</v>
      </c>
      <c r="C124" s="6">
        <v>5</v>
      </c>
      <c r="D124" s="5">
        <v>7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13</v>
      </c>
      <c r="C126" s="6">
        <v>45</v>
      </c>
      <c r="D126" s="5">
        <v>58</v>
      </c>
    </row>
    <row r="127" spans="1:4" ht="18" customHeight="1" x14ac:dyDescent="0.15">
      <c r="A127" s="8">
        <v>100</v>
      </c>
      <c r="B127" s="21">
        <v>1</v>
      </c>
      <c r="C127" s="6">
        <v>5</v>
      </c>
      <c r="D127" s="5">
        <v>6</v>
      </c>
    </row>
    <row r="128" spans="1:4" ht="18" customHeight="1" x14ac:dyDescent="0.15">
      <c r="A128" s="9" t="s">
        <v>3</v>
      </c>
      <c r="B128" s="21">
        <v>0</v>
      </c>
      <c r="C128" s="6">
        <v>6</v>
      </c>
      <c r="D128" s="5">
        <v>6</v>
      </c>
    </row>
    <row r="129" spans="1:4" ht="18" customHeight="1" x14ac:dyDescent="0.15">
      <c r="A129" s="8" t="s">
        <v>2</v>
      </c>
      <c r="B129" s="21">
        <v>1</v>
      </c>
      <c r="C129" s="6">
        <v>11</v>
      </c>
      <c r="D129" s="5">
        <v>12</v>
      </c>
    </row>
    <row r="130" spans="1:4" ht="18" customHeight="1" x14ac:dyDescent="0.15">
      <c r="A130" s="8" t="s">
        <v>1</v>
      </c>
      <c r="B130" s="21">
        <v>1653</v>
      </c>
      <c r="C130" s="6">
        <v>2214</v>
      </c>
      <c r="D130" s="5">
        <v>3867</v>
      </c>
    </row>
    <row r="131" spans="1:4" ht="18" customHeight="1" x14ac:dyDescent="0.15">
      <c r="A131" s="4" t="s">
        <v>0</v>
      </c>
      <c r="B131" s="20">
        <v>7333</v>
      </c>
      <c r="C131" s="2">
        <v>7798</v>
      </c>
      <c r="D131" s="1">
        <v>1513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7DAC01-B8F4-4D73-9335-B1408091FBC9}">
  <sheetPr codeName="Sheet2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5</v>
      </c>
      <c r="C5" s="11">
        <v>16</v>
      </c>
      <c r="D5" s="10">
        <v>31</v>
      </c>
    </row>
    <row r="6" spans="1:4" ht="18" customHeight="1" x14ac:dyDescent="0.15">
      <c r="A6" s="8">
        <v>1</v>
      </c>
      <c r="B6" s="21">
        <v>24</v>
      </c>
      <c r="C6" s="6">
        <v>20</v>
      </c>
      <c r="D6" s="5">
        <v>44</v>
      </c>
    </row>
    <row r="7" spans="1:4" ht="18" customHeight="1" x14ac:dyDescent="0.15">
      <c r="A7" s="8">
        <v>2</v>
      </c>
      <c r="B7" s="21">
        <v>19</v>
      </c>
      <c r="C7" s="6">
        <v>18</v>
      </c>
      <c r="D7" s="5">
        <v>37</v>
      </c>
    </row>
    <row r="8" spans="1:4" ht="18" customHeight="1" x14ac:dyDescent="0.15">
      <c r="A8" s="8">
        <v>3</v>
      </c>
      <c r="B8" s="21">
        <v>26</v>
      </c>
      <c r="C8" s="6">
        <v>19</v>
      </c>
      <c r="D8" s="5">
        <v>45</v>
      </c>
    </row>
    <row r="9" spans="1:4" ht="18" customHeight="1" x14ac:dyDescent="0.15">
      <c r="A9" s="8">
        <v>4</v>
      </c>
      <c r="B9" s="21">
        <v>19</v>
      </c>
      <c r="C9" s="6">
        <v>21</v>
      </c>
      <c r="D9" s="5">
        <v>40</v>
      </c>
    </row>
    <row r="10" spans="1:4" ht="18" customHeight="1" x14ac:dyDescent="0.15">
      <c r="A10" s="8" t="s">
        <v>25</v>
      </c>
      <c r="B10" s="21">
        <v>103</v>
      </c>
      <c r="C10" s="6">
        <v>94</v>
      </c>
      <c r="D10" s="5">
        <v>197</v>
      </c>
    </row>
    <row r="11" spans="1:4" ht="18" customHeight="1" x14ac:dyDescent="0.15">
      <c r="A11" s="8">
        <v>5</v>
      </c>
      <c r="B11" s="21">
        <v>29</v>
      </c>
      <c r="C11" s="6">
        <v>17</v>
      </c>
      <c r="D11" s="5">
        <v>46</v>
      </c>
    </row>
    <row r="12" spans="1:4" ht="18" customHeight="1" x14ac:dyDescent="0.15">
      <c r="A12" s="8">
        <v>6</v>
      </c>
      <c r="B12" s="21">
        <v>30</v>
      </c>
      <c r="C12" s="6">
        <v>26</v>
      </c>
      <c r="D12" s="5">
        <v>56</v>
      </c>
    </row>
    <row r="13" spans="1:4" ht="18" customHeight="1" x14ac:dyDescent="0.15">
      <c r="A13" s="8">
        <v>7</v>
      </c>
      <c r="B13" s="21">
        <v>20</v>
      </c>
      <c r="C13" s="6">
        <v>27</v>
      </c>
      <c r="D13" s="5">
        <v>47</v>
      </c>
    </row>
    <row r="14" spans="1:4" ht="18" customHeight="1" x14ac:dyDescent="0.15">
      <c r="A14" s="8">
        <v>8</v>
      </c>
      <c r="B14" s="21">
        <v>26</v>
      </c>
      <c r="C14" s="6">
        <v>36</v>
      </c>
      <c r="D14" s="5">
        <v>62</v>
      </c>
    </row>
    <row r="15" spans="1:4" ht="18" customHeight="1" x14ac:dyDescent="0.15">
      <c r="A15" s="8">
        <v>9</v>
      </c>
      <c r="B15" s="21">
        <v>21</v>
      </c>
      <c r="C15" s="6">
        <v>32</v>
      </c>
      <c r="D15" s="5">
        <v>53</v>
      </c>
    </row>
    <row r="16" spans="1:4" ht="18" customHeight="1" x14ac:dyDescent="0.15">
      <c r="A16" s="8" t="s">
        <v>24</v>
      </c>
      <c r="B16" s="21">
        <v>126</v>
      </c>
      <c r="C16" s="6">
        <v>138</v>
      </c>
      <c r="D16" s="5">
        <v>264</v>
      </c>
    </row>
    <row r="17" spans="1:4" ht="18" customHeight="1" x14ac:dyDescent="0.15">
      <c r="A17" s="8">
        <v>10</v>
      </c>
      <c r="B17" s="21">
        <v>34</v>
      </c>
      <c r="C17" s="6">
        <v>30</v>
      </c>
      <c r="D17" s="5">
        <v>64</v>
      </c>
    </row>
    <row r="18" spans="1:4" ht="18" customHeight="1" x14ac:dyDescent="0.15">
      <c r="A18" s="8">
        <v>11</v>
      </c>
      <c r="B18" s="21">
        <v>30</v>
      </c>
      <c r="C18" s="6">
        <v>31</v>
      </c>
      <c r="D18" s="5">
        <v>61</v>
      </c>
    </row>
    <row r="19" spans="1:4" ht="18" customHeight="1" x14ac:dyDescent="0.15">
      <c r="A19" s="8">
        <v>12</v>
      </c>
      <c r="B19" s="21">
        <v>30</v>
      </c>
      <c r="C19" s="6">
        <v>29</v>
      </c>
      <c r="D19" s="5">
        <v>59</v>
      </c>
    </row>
    <row r="20" spans="1:4" ht="18" customHeight="1" x14ac:dyDescent="0.15">
      <c r="A20" s="8">
        <v>13</v>
      </c>
      <c r="B20" s="21">
        <v>25</v>
      </c>
      <c r="C20" s="6">
        <v>37</v>
      </c>
      <c r="D20" s="5">
        <v>62</v>
      </c>
    </row>
    <row r="21" spans="1:4" ht="18" customHeight="1" x14ac:dyDescent="0.15">
      <c r="A21" s="8">
        <v>14</v>
      </c>
      <c r="B21" s="21">
        <v>24</v>
      </c>
      <c r="C21" s="6">
        <v>29</v>
      </c>
      <c r="D21" s="5">
        <v>53</v>
      </c>
    </row>
    <row r="22" spans="1:4" ht="18" customHeight="1" x14ac:dyDescent="0.15">
      <c r="A22" s="8" t="s">
        <v>23</v>
      </c>
      <c r="B22" s="21">
        <v>143</v>
      </c>
      <c r="C22" s="6">
        <v>156</v>
      </c>
      <c r="D22" s="5">
        <v>299</v>
      </c>
    </row>
    <row r="23" spans="1:4" ht="18" customHeight="1" x14ac:dyDescent="0.15">
      <c r="A23" s="8" t="s">
        <v>22</v>
      </c>
      <c r="B23" s="21">
        <v>372</v>
      </c>
      <c r="C23" s="6">
        <v>388</v>
      </c>
      <c r="D23" s="5">
        <v>760</v>
      </c>
    </row>
    <row r="24" spans="1:4" ht="18" customHeight="1" x14ac:dyDescent="0.15">
      <c r="A24" s="8">
        <v>15</v>
      </c>
      <c r="B24" s="21">
        <v>23</v>
      </c>
      <c r="C24" s="6">
        <v>30</v>
      </c>
      <c r="D24" s="5">
        <v>53</v>
      </c>
    </row>
    <row r="25" spans="1:4" ht="18" customHeight="1" x14ac:dyDescent="0.15">
      <c r="A25" s="8">
        <v>16</v>
      </c>
      <c r="B25" s="21">
        <v>30</v>
      </c>
      <c r="C25" s="6">
        <v>28</v>
      </c>
      <c r="D25" s="5">
        <v>58</v>
      </c>
    </row>
    <row r="26" spans="1:4" ht="18" customHeight="1" x14ac:dyDescent="0.15">
      <c r="A26" s="8">
        <v>17</v>
      </c>
      <c r="B26" s="21">
        <v>21</v>
      </c>
      <c r="C26" s="6">
        <v>27</v>
      </c>
      <c r="D26" s="5">
        <v>48</v>
      </c>
    </row>
    <row r="27" spans="1:4" ht="18" customHeight="1" x14ac:dyDescent="0.15">
      <c r="A27" s="8">
        <v>18</v>
      </c>
      <c r="B27" s="21">
        <v>29</v>
      </c>
      <c r="C27" s="6">
        <v>23</v>
      </c>
      <c r="D27" s="5">
        <v>52</v>
      </c>
    </row>
    <row r="28" spans="1:4" ht="18" customHeight="1" x14ac:dyDescent="0.15">
      <c r="A28" s="8">
        <v>19</v>
      </c>
      <c r="B28" s="21">
        <v>26</v>
      </c>
      <c r="C28" s="6">
        <v>34</v>
      </c>
      <c r="D28" s="5">
        <v>60</v>
      </c>
    </row>
    <row r="29" spans="1:4" ht="18" customHeight="1" x14ac:dyDescent="0.15">
      <c r="A29" s="8" t="s">
        <v>21</v>
      </c>
      <c r="B29" s="21">
        <v>129</v>
      </c>
      <c r="C29" s="6">
        <v>142</v>
      </c>
      <c r="D29" s="5">
        <v>271</v>
      </c>
    </row>
    <row r="30" spans="1:4" ht="18" customHeight="1" x14ac:dyDescent="0.15">
      <c r="A30" s="8">
        <v>20</v>
      </c>
      <c r="B30" s="21">
        <v>32</v>
      </c>
      <c r="C30" s="6">
        <v>36</v>
      </c>
      <c r="D30" s="5">
        <v>68</v>
      </c>
    </row>
    <row r="31" spans="1:4" ht="18" customHeight="1" x14ac:dyDescent="0.15">
      <c r="A31" s="8">
        <v>21</v>
      </c>
      <c r="B31" s="21">
        <v>25</v>
      </c>
      <c r="C31" s="6">
        <v>38</v>
      </c>
      <c r="D31" s="5">
        <v>63</v>
      </c>
    </row>
    <row r="32" spans="1:4" ht="18" customHeight="1" x14ac:dyDescent="0.15">
      <c r="A32" s="8">
        <v>22</v>
      </c>
      <c r="B32" s="21">
        <v>29</v>
      </c>
      <c r="C32" s="6">
        <v>41</v>
      </c>
      <c r="D32" s="5">
        <v>70</v>
      </c>
    </row>
    <row r="33" spans="1:4" ht="18" customHeight="1" x14ac:dyDescent="0.15">
      <c r="A33" s="8">
        <v>23</v>
      </c>
      <c r="B33" s="21">
        <v>47</v>
      </c>
      <c r="C33" s="6">
        <v>39</v>
      </c>
      <c r="D33" s="5">
        <v>86</v>
      </c>
    </row>
    <row r="34" spans="1:4" ht="18" customHeight="1" x14ac:dyDescent="0.15">
      <c r="A34" s="8">
        <v>24</v>
      </c>
      <c r="B34" s="21">
        <v>51</v>
      </c>
      <c r="C34" s="6">
        <v>42</v>
      </c>
      <c r="D34" s="5">
        <v>93</v>
      </c>
    </row>
    <row r="35" spans="1:4" ht="18" customHeight="1" x14ac:dyDescent="0.15">
      <c r="A35" s="8" t="s">
        <v>20</v>
      </c>
      <c r="B35" s="21">
        <v>184</v>
      </c>
      <c r="C35" s="6">
        <v>196</v>
      </c>
      <c r="D35" s="5">
        <v>380</v>
      </c>
    </row>
    <row r="36" spans="1:4" ht="18" customHeight="1" x14ac:dyDescent="0.15">
      <c r="A36" s="8">
        <v>25</v>
      </c>
      <c r="B36" s="21">
        <v>52</v>
      </c>
      <c r="C36" s="6">
        <v>47</v>
      </c>
      <c r="D36" s="5">
        <v>99</v>
      </c>
    </row>
    <row r="37" spans="1:4" ht="18" customHeight="1" x14ac:dyDescent="0.15">
      <c r="A37" s="8">
        <v>26</v>
      </c>
      <c r="B37" s="21">
        <v>59</v>
      </c>
      <c r="C37" s="6">
        <v>31</v>
      </c>
      <c r="D37" s="5">
        <v>90</v>
      </c>
    </row>
    <row r="38" spans="1:4" ht="18" customHeight="1" x14ac:dyDescent="0.15">
      <c r="A38" s="8">
        <v>27</v>
      </c>
      <c r="B38" s="21">
        <v>63</v>
      </c>
      <c r="C38" s="6">
        <v>35</v>
      </c>
      <c r="D38" s="5">
        <v>98</v>
      </c>
    </row>
    <row r="39" spans="1:4" ht="18" customHeight="1" x14ac:dyDescent="0.15">
      <c r="A39" s="8">
        <v>28</v>
      </c>
      <c r="B39" s="21">
        <v>60</v>
      </c>
      <c r="C39" s="6">
        <v>38</v>
      </c>
      <c r="D39" s="5">
        <v>98</v>
      </c>
    </row>
    <row r="40" spans="1:4" ht="18" customHeight="1" x14ac:dyDescent="0.15">
      <c r="A40" s="8">
        <v>29</v>
      </c>
      <c r="B40" s="21">
        <v>49</v>
      </c>
      <c r="C40" s="6">
        <v>37</v>
      </c>
      <c r="D40" s="5">
        <v>86</v>
      </c>
    </row>
    <row r="41" spans="1:4" ht="18" customHeight="1" x14ac:dyDescent="0.15">
      <c r="A41" s="8" t="s">
        <v>19</v>
      </c>
      <c r="B41" s="21">
        <v>283</v>
      </c>
      <c r="C41" s="6">
        <v>188</v>
      </c>
      <c r="D41" s="5">
        <v>471</v>
      </c>
    </row>
    <row r="42" spans="1:4" ht="18" customHeight="1" x14ac:dyDescent="0.15">
      <c r="A42" s="8">
        <v>30</v>
      </c>
      <c r="B42" s="21">
        <v>51</v>
      </c>
      <c r="C42" s="6">
        <v>38</v>
      </c>
      <c r="D42" s="5">
        <v>89</v>
      </c>
    </row>
    <row r="43" spans="1:4" ht="18" customHeight="1" x14ac:dyDescent="0.15">
      <c r="A43" s="8">
        <v>31</v>
      </c>
      <c r="B43" s="21">
        <v>40</v>
      </c>
      <c r="C43" s="6">
        <v>26</v>
      </c>
      <c r="D43" s="5">
        <v>66</v>
      </c>
    </row>
    <row r="44" spans="1:4" ht="18" customHeight="1" x14ac:dyDescent="0.15">
      <c r="A44" s="8">
        <v>32</v>
      </c>
      <c r="B44" s="21">
        <v>45</v>
      </c>
      <c r="C44" s="6">
        <v>33</v>
      </c>
      <c r="D44" s="5">
        <v>78</v>
      </c>
    </row>
    <row r="45" spans="1:4" ht="18" customHeight="1" x14ac:dyDescent="0.15">
      <c r="A45" s="8">
        <v>33</v>
      </c>
      <c r="B45" s="21">
        <v>36</v>
      </c>
      <c r="C45" s="6">
        <v>28</v>
      </c>
      <c r="D45" s="5">
        <v>64</v>
      </c>
    </row>
    <row r="46" spans="1:4" ht="18" customHeight="1" x14ac:dyDescent="0.15">
      <c r="A46" s="8">
        <v>34</v>
      </c>
      <c r="B46" s="21">
        <v>32</v>
      </c>
      <c r="C46" s="6">
        <v>31</v>
      </c>
      <c r="D46" s="5">
        <v>63</v>
      </c>
    </row>
    <row r="47" spans="1:4" ht="18" customHeight="1" x14ac:dyDescent="0.15">
      <c r="A47" s="8" t="s">
        <v>18</v>
      </c>
      <c r="B47" s="21">
        <v>204</v>
      </c>
      <c r="C47" s="6">
        <v>156</v>
      </c>
      <c r="D47" s="5">
        <v>360</v>
      </c>
    </row>
    <row r="48" spans="1:4" ht="18" customHeight="1" x14ac:dyDescent="0.15">
      <c r="A48" s="8">
        <v>35</v>
      </c>
      <c r="B48" s="21">
        <v>36</v>
      </c>
      <c r="C48" s="6">
        <v>18</v>
      </c>
      <c r="D48" s="5">
        <v>54</v>
      </c>
    </row>
    <row r="49" spans="1:4" ht="18" customHeight="1" x14ac:dyDescent="0.15">
      <c r="A49" s="8">
        <v>36</v>
      </c>
      <c r="B49" s="21">
        <v>34</v>
      </c>
      <c r="C49" s="6">
        <v>45</v>
      </c>
      <c r="D49" s="5">
        <v>79</v>
      </c>
    </row>
    <row r="50" spans="1:4" ht="18" customHeight="1" x14ac:dyDescent="0.15">
      <c r="A50" s="8">
        <v>37</v>
      </c>
      <c r="B50" s="21">
        <v>42</v>
      </c>
      <c r="C50" s="6">
        <v>34</v>
      </c>
      <c r="D50" s="5">
        <v>76</v>
      </c>
    </row>
    <row r="51" spans="1:4" ht="18" customHeight="1" x14ac:dyDescent="0.15">
      <c r="A51" s="8">
        <v>38</v>
      </c>
      <c r="B51" s="21">
        <v>51</v>
      </c>
      <c r="C51" s="6">
        <v>42</v>
      </c>
      <c r="D51" s="5">
        <v>93</v>
      </c>
    </row>
    <row r="52" spans="1:4" ht="18" customHeight="1" x14ac:dyDescent="0.15">
      <c r="A52" s="8">
        <v>39</v>
      </c>
      <c r="B52" s="21">
        <v>43</v>
      </c>
      <c r="C52" s="6">
        <v>41</v>
      </c>
      <c r="D52" s="5">
        <v>84</v>
      </c>
    </row>
    <row r="53" spans="1:4" ht="18" customHeight="1" x14ac:dyDescent="0.15">
      <c r="A53" s="8" t="s">
        <v>17</v>
      </c>
      <c r="B53" s="21">
        <v>206</v>
      </c>
      <c r="C53" s="6">
        <v>180</v>
      </c>
      <c r="D53" s="5">
        <v>386</v>
      </c>
    </row>
    <row r="54" spans="1:4" ht="18" customHeight="1" x14ac:dyDescent="0.15">
      <c r="A54" s="8">
        <v>40</v>
      </c>
      <c r="B54" s="21">
        <v>37</v>
      </c>
      <c r="C54" s="6">
        <v>43</v>
      </c>
      <c r="D54" s="5">
        <v>80</v>
      </c>
    </row>
    <row r="55" spans="1:4" ht="18" customHeight="1" x14ac:dyDescent="0.15">
      <c r="A55" s="8">
        <v>41</v>
      </c>
      <c r="B55" s="21">
        <v>58</v>
      </c>
      <c r="C55" s="6">
        <v>47</v>
      </c>
      <c r="D55" s="5">
        <v>105</v>
      </c>
    </row>
    <row r="56" spans="1:4" ht="18" customHeight="1" x14ac:dyDescent="0.15">
      <c r="A56" s="8">
        <v>42</v>
      </c>
      <c r="B56" s="21">
        <v>60</v>
      </c>
      <c r="C56" s="6">
        <v>38</v>
      </c>
      <c r="D56" s="5">
        <v>98</v>
      </c>
    </row>
    <row r="57" spans="1:4" ht="18" customHeight="1" x14ac:dyDescent="0.15">
      <c r="A57" s="8">
        <v>43</v>
      </c>
      <c r="B57" s="21">
        <v>37</v>
      </c>
      <c r="C57" s="6">
        <v>50</v>
      </c>
      <c r="D57" s="5">
        <v>87</v>
      </c>
    </row>
    <row r="58" spans="1:4" ht="18" customHeight="1" x14ac:dyDescent="0.15">
      <c r="A58" s="8">
        <v>44</v>
      </c>
      <c r="B58" s="21">
        <v>38</v>
      </c>
      <c r="C58" s="6">
        <v>40</v>
      </c>
      <c r="D58" s="5">
        <v>78</v>
      </c>
    </row>
    <row r="59" spans="1:4" ht="18" customHeight="1" x14ac:dyDescent="0.15">
      <c r="A59" s="8" t="s">
        <v>16</v>
      </c>
      <c r="B59" s="21">
        <v>230</v>
      </c>
      <c r="C59" s="6">
        <v>218</v>
      </c>
      <c r="D59" s="5">
        <v>448</v>
      </c>
    </row>
    <row r="60" spans="1:4" ht="18" customHeight="1" x14ac:dyDescent="0.15">
      <c r="A60" s="8">
        <v>45</v>
      </c>
      <c r="B60" s="21">
        <v>51</v>
      </c>
      <c r="C60" s="6">
        <v>52</v>
      </c>
      <c r="D60" s="5">
        <v>103</v>
      </c>
    </row>
    <row r="61" spans="1:4" ht="18" customHeight="1" x14ac:dyDescent="0.15">
      <c r="A61" s="8">
        <v>46</v>
      </c>
      <c r="B61" s="21">
        <v>36</v>
      </c>
      <c r="C61" s="6">
        <v>52</v>
      </c>
      <c r="D61" s="5">
        <v>88</v>
      </c>
    </row>
    <row r="62" spans="1:4" ht="18" customHeight="1" x14ac:dyDescent="0.15">
      <c r="A62" s="8">
        <v>47</v>
      </c>
      <c r="B62" s="21">
        <v>40</v>
      </c>
      <c r="C62" s="6">
        <v>48</v>
      </c>
      <c r="D62" s="5">
        <v>88</v>
      </c>
    </row>
    <row r="63" spans="1:4" ht="18" customHeight="1" x14ac:dyDescent="0.15">
      <c r="A63" s="8">
        <v>48</v>
      </c>
      <c r="B63" s="21">
        <v>59</v>
      </c>
      <c r="C63" s="6">
        <v>35</v>
      </c>
      <c r="D63" s="5">
        <v>94</v>
      </c>
    </row>
    <row r="64" spans="1:4" ht="18" customHeight="1" x14ac:dyDescent="0.15">
      <c r="A64" s="8">
        <v>49</v>
      </c>
      <c r="B64" s="21">
        <v>43</v>
      </c>
      <c r="C64" s="6">
        <v>48</v>
      </c>
      <c r="D64" s="5">
        <v>91</v>
      </c>
    </row>
    <row r="65" spans="1:4" ht="18" customHeight="1" x14ac:dyDescent="0.15">
      <c r="A65" s="8" t="s">
        <v>15</v>
      </c>
      <c r="B65" s="21">
        <v>229</v>
      </c>
      <c r="C65" s="6">
        <v>235</v>
      </c>
      <c r="D65" s="5">
        <v>464</v>
      </c>
    </row>
    <row r="66" spans="1:4" ht="18" customHeight="1" x14ac:dyDescent="0.15">
      <c r="A66" s="8">
        <v>50</v>
      </c>
      <c r="B66" s="21">
        <v>57</v>
      </c>
      <c r="C66" s="6">
        <v>59</v>
      </c>
      <c r="D66" s="5">
        <v>116</v>
      </c>
    </row>
    <row r="67" spans="1:4" ht="18" customHeight="1" x14ac:dyDescent="0.15">
      <c r="A67" s="8">
        <v>51</v>
      </c>
      <c r="B67" s="21">
        <v>62</v>
      </c>
      <c r="C67" s="6">
        <v>65</v>
      </c>
      <c r="D67" s="5">
        <v>127</v>
      </c>
    </row>
    <row r="68" spans="1:4" ht="18" customHeight="1" x14ac:dyDescent="0.15">
      <c r="A68" s="8">
        <v>52</v>
      </c>
      <c r="B68" s="21">
        <v>77</v>
      </c>
      <c r="C68" s="6">
        <v>65</v>
      </c>
      <c r="D68" s="5">
        <v>142</v>
      </c>
    </row>
    <row r="69" spans="1:4" ht="18" customHeight="1" x14ac:dyDescent="0.15">
      <c r="A69" s="8">
        <v>53</v>
      </c>
      <c r="B69" s="21">
        <v>65</v>
      </c>
      <c r="C69" s="6">
        <v>62</v>
      </c>
      <c r="D69" s="5">
        <v>127</v>
      </c>
    </row>
    <row r="70" spans="1:4" ht="18" customHeight="1" x14ac:dyDescent="0.15">
      <c r="A70" s="8">
        <v>54</v>
      </c>
      <c r="B70" s="21">
        <v>57</v>
      </c>
      <c r="C70" s="6">
        <v>62</v>
      </c>
      <c r="D70" s="5">
        <v>119</v>
      </c>
    </row>
    <row r="71" spans="1:4" ht="18" customHeight="1" x14ac:dyDescent="0.15">
      <c r="A71" s="8" t="s">
        <v>14</v>
      </c>
      <c r="B71" s="21">
        <v>318</v>
      </c>
      <c r="C71" s="6">
        <v>313</v>
      </c>
      <c r="D71" s="5">
        <v>631</v>
      </c>
    </row>
    <row r="72" spans="1:4" ht="18" customHeight="1" x14ac:dyDescent="0.15">
      <c r="A72" s="8">
        <v>55</v>
      </c>
      <c r="B72" s="21">
        <v>67</v>
      </c>
      <c r="C72" s="6">
        <v>56</v>
      </c>
      <c r="D72" s="5">
        <v>123</v>
      </c>
    </row>
    <row r="73" spans="1:4" ht="18" customHeight="1" x14ac:dyDescent="0.15">
      <c r="A73" s="8">
        <v>56</v>
      </c>
      <c r="B73" s="21">
        <v>64</v>
      </c>
      <c r="C73" s="6">
        <v>47</v>
      </c>
      <c r="D73" s="5">
        <v>111</v>
      </c>
    </row>
    <row r="74" spans="1:4" ht="18" customHeight="1" x14ac:dyDescent="0.15">
      <c r="A74" s="8">
        <v>57</v>
      </c>
      <c r="B74" s="21">
        <v>71</v>
      </c>
      <c r="C74" s="6">
        <v>48</v>
      </c>
      <c r="D74" s="5">
        <v>119</v>
      </c>
    </row>
    <row r="75" spans="1:4" ht="18" customHeight="1" x14ac:dyDescent="0.15">
      <c r="A75" s="8">
        <v>58</v>
      </c>
      <c r="B75" s="21">
        <v>65</v>
      </c>
      <c r="C75" s="6">
        <v>49</v>
      </c>
      <c r="D75" s="5">
        <v>114</v>
      </c>
    </row>
    <row r="76" spans="1:4" ht="18" customHeight="1" x14ac:dyDescent="0.15">
      <c r="A76" s="8">
        <v>59</v>
      </c>
      <c r="B76" s="21">
        <v>35</v>
      </c>
      <c r="C76" s="6">
        <v>40</v>
      </c>
      <c r="D76" s="5">
        <v>75</v>
      </c>
    </row>
    <row r="77" spans="1:4" ht="18" customHeight="1" x14ac:dyDescent="0.15">
      <c r="A77" s="8" t="s">
        <v>13</v>
      </c>
      <c r="B77" s="21">
        <v>302</v>
      </c>
      <c r="C77" s="6">
        <v>240</v>
      </c>
      <c r="D77" s="5">
        <v>542</v>
      </c>
    </row>
    <row r="78" spans="1:4" ht="18" customHeight="1" x14ac:dyDescent="0.15">
      <c r="A78" s="8">
        <v>60</v>
      </c>
      <c r="B78" s="21">
        <v>55</v>
      </c>
      <c r="C78" s="6">
        <v>60</v>
      </c>
      <c r="D78" s="5">
        <v>115</v>
      </c>
    </row>
    <row r="79" spans="1:4" ht="18" customHeight="1" x14ac:dyDescent="0.15">
      <c r="A79" s="8">
        <v>61</v>
      </c>
      <c r="B79" s="21">
        <v>49</v>
      </c>
      <c r="C79" s="6">
        <v>51</v>
      </c>
      <c r="D79" s="5">
        <v>100</v>
      </c>
    </row>
    <row r="80" spans="1:4" ht="18" customHeight="1" x14ac:dyDescent="0.15">
      <c r="A80" s="8">
        <v>62</v>
      </c>
      <c r="B80" s="21">
        <v>54</v>
      </c>
      <c r="C80" s="6">
        <v>55</v>
      </c>
      <c r="D80" s="5">
        <v>109</v>
      </c>
    </row>
    <row r="81" spans="1:4" ht="18" customHeight="1" x14ac:dyDescent="0.15">
      <c r="A81" s="8">
        <v>63</v>
      </c>
      <c r="B81" s="21">
        <v>36</v>
      </c>
      <c r="C81" s="6">
        <v>56</v>
      </c>
      <c r="D81" s="5">
        <v>92</v>
      </c>
    </row>
    <row r="82" spans="1:4" ht="18" customHeight="1" x14ac:dyDescent="0.15">
      <c r="A82" s="8">
        <v>64</v>
      </c>
      <c r="B82" s="21">
        <v>51</v>
      </c>
      <c r="C82" s="6">
        <v>46</v>
      </c>
      <c r="D82" s="5">
        <v>97</v>
      </c>
    </row>
    <row r="83" spans="1:4" ht="18" customHeight="1" x14ac:dyDescent="0.15">
      <c r="A83" s="8" t="s">
        <v>12</v>
      </c>
      <c r="B83" s="21">
        <v>245</v>
      </c>
      <c r="C83" s="6">
        <v>268</v>
      </c>
      <c r="D83" s="5">
        <v>513</v>
      </c>
    </row>
    <row r="84" spans="1:4" ht="18" customHeight="1" x14ac:dyDescent="0.15">
      <c r="A84" s="8" t="s">
        <v>11</v>
      </c>
      <c r="B84" s="21">
        <v>2330</v>
      </c>
      <c r="C84" s="6">
        <v>2136</v>
      </c>
      <c r="D84" s="5">
        <v>4466</v>
      </c>
    </row>
    <row r="85" spans="1:4" ht="18" customHeight="1" x14ac:dyDescent="0.15">
      <c r="A85" s="8">
        <v>65</v>
      </c>
      <c r="B85" s="21">
        <v>43</v>
      </c>
      <c r="C85" s="6">
        <v>48</v>
      </c>
      <c r="D85" s="5">
        <v>91</v>
      </c>
    </row>
    <row r="86" spans="1:4" ht="18" customHeight="1" x14ac:dyDescent="0.15">
      <c r="A86" s="8">
        <v>66</v>
      </c>
      <c r="B86" s="21">
        <v>62</v>
      </c>
      <c r="C86" s="6">
        <v>51</v>
      </c>
      <c r="D86" s="5">
        <v>113</v>
      </c>
    </row>
    <row r="87" spans="1:4" ht="18" customHeight="1" x14ac:dyDescent="0.15">
      <c r="A87" s="8">
        <v>67</v>
      </c>
      <c r="B87" s="21">
        <v>47</v>
      </c>
      <c r="C87" s="6">
        <v>41</v>
      </c>
      <c r="D87" s="5">
        <v>88</v>
      </c>
    </row>
    <row r="88" spans="1:4" ht="18" customHeight="1" x14ac:dyDescent="0.15">
      <c r="A88" s="8">
        <v>68</v>
      </c>
      <c r="B88" s="21">
        <v>49</v>
      </c>
      <c r="C88" s="6">
        <v>36</v>
      </c>
      <c r="D88" s="5">
        <v>85</v>
      </c>
    </row>
    <row r="89" spans="1:4" ht="18" customHeight="1" x14ac:dyDescent="0.15">
      <c r="A89" s="8">
        <v>69</v>
      </c>
      <c r="B89" s="21">
        <v>46</v>
      </c>
      <c r="C89" s="6">
        <v>52</v>
      </c>
      <c r="D89" s="5">
        <v>98</v>
      </c>
    </row>
    <row r="90" spans="1:4" ht="18" customHeight="1" x14ac:dyDescent="0.15">
      <c r="A90" s="8" t="s">
        <v>10</v>
      </c>
      <c r="B90" s="21">
        <v>247</v>
      </c>
      <c r="C90" s="6">
        <v>228</v>
      </c>
      <c r="D90" s="5">
        <v>475</v>
      </c>
    </row>
    <row r="91" spans="1:4" ht="18" customHeight="1" x14ac:dyDescent="0.15">
      <c r="A91" s="8">
        <v>70</v>
      </c>
      <c r="B91" s="21">
        <v>43</v>
      </c>
      <c r="C91" s="6">
        <v>55</v>
      </c>
      <c r="D91" s="5">
        <v>98</v>
      </c>
    </row>
    <row r="92" spans="1:4" ht="18" customHeight="1" x14ac:dyDescent="0.15">
      <c r="A92" s="8">
        <v>71</v>
      </c>
      <c r="B92" s="21">
        <v>48</v>
      </c>
      <c r="C92" s="6">
        <v>50</v>
      </c>
      <c r="D92" s="5">
        <v>98</v>
      </c>
    </row>
    <row r="93" spans="1:4" ht="18" customHeight="1" x14ac:dyDescent="0.15">
      <c r="A93" s="8">
        <v>72</v>
      </c>
      <c r="B93" s="21">
        <v>44</v>
      </c>
      <c r="C93" s="6">
        <v>45</v>
      </c>
      <c r="D93" s="5">
        <v>89</v>
      </c>
    </row>
    <row r="94" spans="1:4" ht="18" customHeight="1" x14ac:dyDescent="0.15">
      <c r="A94" s="8">
        <v>73</v>
      </c>
      <c r="B94" s="21">
        <v>39</v>
      </c>
      <c r="C94" s="6">
        <v>57</v>
      </c>
      <c r="D94" s="5">
        <v>96</v>
      </c>
    </row>
    <row r="95" spans="1:4" ht="18" customHeight="1" x14ac:dyDescent="0.15">
      <c r="A95" s="8">
        <v>74</v>
      </c>
      <c r="B95" s="21">
        <v>35</v>
      </c>
      <c r="C95" s="6">
        <v>59</v>
      </c>
      <c r="D95" s="5">
        <v>94</v>
      </c>
    </row>
    <row r="96" spans="1:4" ht="18" customHeight="1" x14ac:dyDescent="0.15">
      <c r="A96" s="8" t="s">
        <v>9</v>
      </c>
      <c r="B96" s="21">
        <v>209</v>
      </c>
      <c r="C96" s="6">
        <v>266</v>
      </c>
      <c r="D96" s="5">
        <v>475</v>
      </c>
    </row>
    <row r="97" spans="1:4" ht="18" customHeight="1" x14ac:dyDescent="0.15">
      <c r="A97" s="8">
        <v>75</v>
      </c>
      <c r="B97" s="21">
        <v>55</v>
      </c>
      <c r="C97" s="6">
        <v>72</v>
      </c>
      <c r="D97" s="5">
        <v>127</v>
      </c>
    </row>
    <row r="98" spans="1:4" ht="18" customHeight="1" x14ac:dyDescent="0.15">
      <c r="A98" s="8">
        <v>76</v>
      </c>
      <c r="B98" s="21">
        <v>53</v>
      </c>
      <c r="C98" s="6">
        <v>86</v>
      </c>
      <c r="D98" s="5">
        <v>139</v>
      </c>
    </row>
    <row r="99" spans="1:4" ht="18" customHeight="1" x14ac:dyDescent="0.15">
      <c r="A99" s="8">
        <v>77</v>
      </c>
      <c r="B99" s="21">
        <v>52</v>
      </c>
      <c r="C99" s="6">
        <v>71</v>
      </c>
      <c r="D99" s="5">
        <v>123</v>
      </c>
    </row>
    <row r="100" spans="1:4" ht="18" customHeight="1" x14ac:dyDescent="0.15">
      <c r="A100" s="8">
        <v>78</v>
      </c>
      <c r="B100" s="21">
        <v>77</v>
      </c>
      <c r="C100" s="6">
        <v>96</v>
      </c>
      <c r="D100" s="5">
        <v>173</v>
      </c>
    </row>
    <row r="101" spans="1:4" ht="18" customHeight="1" x14ac:dyDescent="0.15">
      <c r="A101" s="8">
        <v>79</v>
      </c>
      <c r="B101" s="21">
        <v>45</v>
      </c>
      <c r="C101" s="6">
        <v>52</v>
      </c>
      <c r="D101" s="5">
        <v>97</v>
      </c>
    </row>
    <row r="102" spans="1:4" ht="18" customHeight="1" x14ac:dyDescent="0.15">
      <c r="A102" s="8" t="s">
        <v>8</v>
      </c>
      <c r="B102" s="21">
        <v>282</v>
      </c>
      <c r="C102" s="6">
        <v>377</v>
      </c>
      <c r="D102" s="5">
        <v>659</v>
      </c>
    </row>
    <row r="103" spans="1:4" ht="18" customHeight="1" x14ac:dyDescent="0.15">
      <c r="A103" s="8">
        <v>80</v>
      </c>
      <c r="B103" s="21">
        <v>45</v>
      </c>
      <c r="C103" s="6">
        <v>41</v>
      </c>
      <c r="D103" s="5">
        <v>86</v>
      </c>
    </row>
    <row r="104" spans="1:4" ht="18" customHeight="1" x14ac:dyDescent="0.15">
      <c r="A104" s="8">
        <v>81</v>
      </c>
      <c r="B104" s="21">
        <v>38</v>
      </c>
      <c r="C104" s="6">
        <v>50</v>
      </c>
      <c r="D104" s="5">
        <v>88</v>
      </c>
    </row>
    <row r="105" spans="1:4" ht="18" customHeight="1" x14ac:dyDescent="0.15">
      <c r="A105" s="8">
        <v>82</v>
      </c>
      <c r="B105" s="21">
        <v>29</v>
      </c>
      <c r="C105" s="6">
        <v>66</v>
      </c>
      <c r="D105" s="5">
        <v>95</v>
      </c>
    </row>
    <row r="106" spans="1:4" ht="18" customHeight="1" x14ac:dyDescent="0.15">
      <c r="A106" s="8">
        <v>83</v>
      </c>
      <c r="B106" s="21">
        <v>33</v>
      </c>
      <c r="C106" s="6">
        <v>62</v>
      </c>
      <c r="D106" s="5">
        <v>95</v>
      </c>
    </row>
    <row r="107" spans="1:4" ht="18" customHeight="1" x14ac:dyDescent="0.15">
      <c r="A107" s="8">
        <v>84</v>
      </c>
      <c r="B107" s="21">
        <v>48</v>
      </c>
      <c r="C107" s="6">
        <v>49</v>
      </c>
      <c r="D107" s="5">
        <v>97</v>
      </c>
    </row>
    <row r="108" spans="1:4" ht="18" customHeight="1" x14ac:dyDescent="0.15">
      <c r="A108" s="8" t="s">
        <v>7</v>
      </c>
      <c r="B108" s="21">
        <v>193</v>
      </c>
      <c r="C108" s="6">
        <v>268</v>
      </c>
      <c r="D108" s="5">
        <v>461</v>
      </c>
    </row>
    <row r="109" spans="1:4" ht="18" customHeight="1" x14ac:dyDescent="0.15">
      <c r="A109" s="8">
        <v>85</v>
      </c>
      <c r="B109" s="21">
        <v>21</v>
      </c>
      <c r="C109" s="6">
        <v>39</v>
      </c>
      <c r="D109" s="5">
        <v>60</v>
      </c>
    </row>
    <row r="110" spans="1:4" ht="18" customHeight="1" x14ac:dyDescent="0.15">
      <c r="A110" s="8">
        <v>86</v>
      </c>
      <c r="B110" s="21">
        <v>26</v>
      </c>
      <c r="C110" s="6">
        <v>32</v>
      </c>
      <c r="D110" s="5">
        <v>58</v>
      </c>
    </row>
    <row r="111" spans="1:4" ht="18" customHeight="1" x14ac:dyDescent="0.15">
      <c r="A111" s="8">
        <v>87</v>
      </c>
      <c r="B111" s="21">
        <v>19</v>
      </c>
      <c r="C111" s="6">
        <v>33</v>
      </c>
      <c r="D111" s="5">
        <v>52</v>
      </c>
    </row>
    <row r="112" spans="1:4" ht="18" customHeight="1" x14ac:dyDescent="0.15">
      <c r="A112" s="8">
        <v>88</v>
      </c>
      <c r="B112" s="21">
        <v>20</v>
      </c>
      <c r="C112" s="6">
        <v>40</v>
      </c>
      <c r="D112" s="5">
        <v>60</v>
      </c>
    </row>
    <row r="113" spans="1:4" ht="18" customHeight="1" x14ac:dyDescent="0.15">
      <c r="A113" s="8">
        <v>89</v>
      </c>
      <c r="B113" s="21">
        <v>12</v>
      </c>
      <c r="C113" s="6">
        <v>25</v>
      </c>
      <c r="D113" s="5">
        <v>37</v>
      </c>
    </row>
    <row r="114" spans="1:4" ht="18" customHeight="1" x14ac:dyDescent="0.15">
      <c r="A114" s="8" t="s">
        <v>6</v>
      </c>
      <c r="B114" s="21">
        <v>98</v>
      </c>
      <c r="C114" s="6">
        <v>169</v>
      </c>
      <c r="D114" s="5">
        <v>267</v>
      </c>
    </row>
    <row r="115" spans="1:4" ht="18" customHeight="1" x14ac:dyDescent="0.15">
      <c r="A115" s="8">
        <v>90</v>
      </c>
      <c r="B115" s="21">
        <v>18</v>
      </c>
      <c r="C115" s="6">
        <v>28</v>
      </c>
      <c r="D115" s="5">
        <v>46</v>
      </c>
    </row>
    <row r="116" spans="1:4" ht="18" customHeight="1" x14ac:dyDescent="0.15">
      <c r="A116" s="8">
        <v>91</v>
      </c>
      <c r="B116" s="21">
        <v>10</v>
      </c>
      <c r="C116" s="6">
        <v>41</v>
      </c>
      <c r="D116" s="5">
        <v>51</v>
      </c>
    </row>
    <row r="117" spans="1:4" ht="18" customHeight="1" x14ac:dyDescent="0.15">
      <c r="A117" s="8">
        <v>92</v>
      </c>
      <c r="B117" s="21">
        <v>4</v>
      </c>
      <c r="C117" s="6">
        <v>30</v>
      </c>
      <c r="D117" s="5">
        <v>34</v>
      </c>
    </row>
    <row r="118" spans="1:4" ht="18" customHeight="1" x14ac:dyDescent="0.15">
      <c r="A118" s="8">
        <v>93</v>
      </c>
      <c r="B118" s="21">
        <v>9</v>
      </c>
      <c r="C118" s="6">
        <v>22</v>
      </c>
      <c r="D118" s="5">
        <v>31</v>
      </c>
    </row>
    <row r="119" spans="1:4" ht="18" customHeight="1" x14ac:dyDescent="0.15">
      <c r="A119" s="8">
        <v>94</v>
      </c>
      <c r="B119" s="21">
        <v>4</v>
      </c>
      <c r="C119" s="6">
        <v>20</v>
      </c>
      <c r="D119" s="5">
        <v>24</v>
      </c>
    </row>
    <row r="120" spans="1:4" ht="18" customHeight="1" x14ac:dyDescent="0.15">
      <c r="A120" s="8" t="s">
        <v>5</v>
      </c>
      <c r="B120" s="21">
        <v>45</v>
      </c>
      <c r="C120" s="6">
        <v>141</v>
      </c>
      <c r="D120" s="5">
        <v>186</v>
      </c>
    </row>
    <row r="121" spans="1:4" ht="18" customHeight="1" x14ac:dyDescent="0.15">
      <c r="A121" s="8">
        <v>95</v>
      </c>
      <c r="B121" s="21">
        <v>4</v>
      </c>
      <c r="C121" s="6">
        <v>10</v>
      </c>
      <c r="D121" s="5">
        <v>14</v>
      </c>
    </row>
    <row r="122" spans="1:4" ht="18" customHeight="1" x14ac:dyDescent="0.15">
      <c r="A122" s="8">
        <v>96</v>
      </c>
      <c r="B122" s="21">
        <v>3</v>
      </c>
      <c r="C122" s="6">
        <v>7</v>
      </c>
      <c r="D122" s="5">
        <v>10</v>
      </c>
    </row>
    <row r="123" spans="1:4" ht="18" customHeight="1" x14ac:dyDescent="0.15">
      <c r="A123" s="8">
        <v>97</v>
      </c>
      <c r="B123" s="21">
        <v>1</v>
      </c>
      <c r="C123" s="6">
        <v>10</v>
      </c>
      <c r="D123" s="5">
        <v>11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9</v>
      </c>
      <c r="C126" s="6">
        <v>33</v>
      </c>
      <c r="D126" s="5">
        <v>42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6</v>
      </c>
      <c r="D128" s="5">
        <v>6</v>
      </c>
    </row>
    <row r="129" spans="1:4" ht="18" customHeight="1" x14ac:dyDescent="0.15">
      <c r="A129" s="8" t="s">
        <v>2</v>
      </c>
      <c r="B129" s="21">
        <v>0</v>
      </c>
      <c r="C129" s="6">
        <v>9</v>
      </c>
      <c r="D129" s="5">
        <v>9</v>
      </c>
    </row>
    <row r="130" spans="1:4" ht="18" customHeight="1" x14ac:dyDescent="0.15">
      <c r="A130" s="8" t="s">
        <v>1</v>
      </c>
      <c r="B130" s="21">
        <v>1083</v>
      </c>
      <c r="C130" s="6">
        <v>1491</v>
      </c>
      <c r="D130" s="5">
        <v>2574</v>
      </c>
    </row>
    <row r="131" spans="1:4" ht="18" customHeight="1" x14ac:dyDescent="0.15">
      <c r="A131" s="4" t="s">
        <v>0</v>
      </c>
      <c r="B131" s="20">
        <v>3785</v>
      </c>
      <c r="C131" s="2">
        <v>4015</v>
      </c>
      <c r="D131" s="1">
        <v>780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F0E42A-3791-448D-B77C-DFFDF8CE872A}">
  <sheetPr codeName="Sheet2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4</v>
      </c>
      <c r="C5" s="11">
        <v>24</v>
      </c>
      <c r="D5" s="10">
        <v>48</v>
      </c>
    </row>
    <row r="6" spans="1:4" ht="18" customHeight="1" x14ac:dyDescent="0.15">
      <c r="A6" s="8">
        <v>1</v>
      </c>
      <c r="B6" s="21">
        <v>29</v>
      </c>
      <c r="C6" s="6">
        <v>28</v>
      </c>
      <c r="D6" s="5">
        <v>57</v>
      </c>
    </row>
    <row r="7" spans="1:4" ht="18" customHeight="1" x14ac:dyDescent="0.15">
      <c r="A7" s="8">
        <v>2</v>
      </c>
      <c r="B7" s="21">
        <v>35</v>
      </c>
      <c r="C7" s="6">
        <v>41</v>
      </c>
      <c r="D7" s="5">
        <v>76</v>
      </c>
    </row>
    <row r="8" spans="1:4" ht="18" customHeight="1" x14ac:dyDescent="0.15">
      <c r="A8" s="8">
        <v>3</v>
      </c>
      <c r="B8" s="21">
        <v>31</v>
      </c>
      <c r="C8" s="6">
        <v>29</v>
      </c>
      <c r="D8" s="5">
        <v>60</v>
      </c>
    </row>
    <row r="9" spans="1:4" ht="18" customHeight="1" x14ac:dyDescent="0.15">
      <c r="A9" s="8">
        <v>4</v>
      </c>
      <c r="B9" s="21">
        <v>34</v>
      </c>
      <c r="C9" s="6">
        <v>34</v>
      </c>
      <c r="D9" s="5">
        <v>68</v>
      </c>
    </row>
    <row r="10" spans="1:4" ht="18" customHeight="1" x14ac:dyDescent="0.15">
      <c r="A10" s="8" t="s">
        <v>25</v>
      </c>
      <c r="B10" s="21">
        <v>153</v>
      </c>
      <c r="C10" s="6">
        <v>156</v>
      </c>
      <c r="D10" s="5">
        <v>309</v>
      </c>
    </row>
    <row r="11" spans="1:4" ht="18" customHeight="1" x14ac:dyDescent="0.15">
      <c r="A11" s="8">
        <v>5</v>
      </c>
      <c r="B11" s="21">
        <v>33</v>
      </c>
      <c r="C11" s="6">
        <v>40</v>
      </c>
      <c r="D11" s="5">
        <v>73</v>
      </c>
    </row>
    <row r="12" spans="1:4" ht="18" customHeight="1" x14ac:dyDescent="0.15">
      <c r="A12" s="8">
        <v>6</v>
      </c>
      <c r="B12" s="21">
        <v>42</v>
      </c>
      <c r="C12" s="6">
        <v>41</v>
      </c>
      <c r="D12" s="5">
        <v>83</v>
      </c>
    </row>
    <row r="13" spans="1:4" ht="18" customHeight="1" x14ac:dyDescent="0.15">
      <c r="A13" s="8">
        <v>7</v>
      </c>
      <c r="B13" s="21">
        <v>49</v>
      </c>
      <c r="C13" s="6">
        <v>26</v>
      </c>
      <c r="D13" s="5">
        <v>75</v>
      </c>
    </row>
    <row r="14" spans="1:4" ht="18" customHeight="1" x14ac:dyDescent="0.15">
      <c r="A14" s="8">
        <v>8</v>
      </c>
      <c r="B14" s="21">
        <v>32</v>
      </c>
      <c r="C14" s="6">
        <v>37</v>
      </c>
      <c r="D14" s="5">
        <v>69</v>
      </c>
    </row>
    <row r="15" spans="1:4" ht="18" customHeight="1" x14ac:dyDescent="0.15">
      <c r="A15" s="8">
        <v>9</v>
      </c>
      <c r="B15" s="21">
        <v>40</v>
      </c>
      <c r="C15" s="6">
        <v>40</v>
      </c>
      <c r="D15" s="5">
        <v>80</v>
      </c>
    </row>
    <row r="16" spans="1:4" ht="18" customHeight="1" x14ac:dyDescent="0.15">
      <c r="A16" s="8" t="s">
        <v>24</v>
      </c>
      <c r="B16" s="21">
        <v>196</v>
      </c>
      <c r="C16" s="6">
        <v>184</v>
      </c>
      <c r="D16" s="5">
        <v>380</v>
      </c>
    </row>
    <row r="17" spans="1:4" ht="18" customHeight="1" x14ac:dyDescent="0.15">
      <c r="A17" s="8">
        <v>10</v>
      </c>
      <c r="B17" s="21">
        <v>34</v>
      </c>
      <c r="C17" s="6">
        <v>37</v>
      </c>
      <c r="D17" s="5">
        <v>71</v>
      </c>
    </row>
    <row r="18" spans="1:4" ht="18" customHeight="1" x14ac:dyDescent="0.15">
      <c r="A18" s="8">
        <v>11</v>
      </c>
      <c r="B18" s="21">
        <v>41</v>
      </c>
      <c r="C18" s="6">
        <v>39</v>
      </c>
      <c r="D18" s="5">
        <v>80</v>
      </c>
    </row>
    <row r="19" spans="1:4" ht="18" customHeight="1" x14ac:dyDescent="0.15">
      <c r="A19" s="8">
        <v>12</v>
      </c>
      <c r="B19" s="21">
        <v>43</v>
      </c>
      <c r="C19" s="6">
        <v>35</v>
      </c>
      <c r="D19" s="5">
        <v>78</v>
      </c>
    </row>
    <row r="20" spans="1:4" ht="18" customHeight="1" x14ac:dyDescent="0.15">
      <c r="A20" s="8">
        <v>13</v>
      </c>
      <c r="B20" s="21">
        <v>39</v>
      </c>
      <c r="C20" s="6">
        <v>35</v>
      </c>
      <c r="D20" s="5">
        <v>74</v>
      </c>
    </row>
    <row r="21" spans="1:4" ht="18" customHeight="1" x14ac:dyDescent="0.15">
      <c r="A21" s="8">
        <v>14</v>
      </c>
      <c r="B21" s="21">
        <v>41</v>
      </c>
      <c r="C21" s="6">
        <v>39</v>
      </c>
      <c r="D21" s="5">
        <v>80</v>
      </c>
    </row>
    <row r="22" spans="1:4" ht="18" customHeight="1" x14ac:dyDescent="0.15">
      <c r="A22" s="8" t="s">
        <v>23</v>
      </c>
      <c r="B22" s="21">
        <v>198</v>
      </c>
      <c r="C22" s="6">
        <v>185</v>
      </c>
      <c r="D22" s="5">
        <v>383</v>
      </c>
    </row>
    <row r="23" spans="1:4" ht="18" customHeight="1" x14ac:dyDescent="0.15">
      <c r="A23" s="8" t="s">
        <v>22</v>
      </c>
      <c r="B23" s="21">
        <v>547</v>
      </c>
      <c r="C23" s="6">
        <v>525</v>
      </c>
      <c r="D23" s="5">
        <v>1072</v>
      </c>
    </row>
    <row r="24" spans="1:4" ht="18" customHeight="1" x14ac:dyDescent="0.15">
      <c r="A24" s="8">
        <v>15</v>
      </c>
      <c r="B24" s="21">
        <v>44</v>
      </c>
      <c r="C24" s="6">
        <v>37</v>
      </c>
      <c r="D24" s="5">
        <v>81</v>
      </c>
    </row>
    <row r="25" spans="1:4" ht="18" customHeight="1" x14ac:dyDescent="0.15">
      <c r="A25" s="8">
        <v>16</v>
      </c>
      <c r="B25" s="21">
        <v>43</v>
      </c>
      <c r="C25" s="6">
        <v>48</v>
      </c>
      <c r="D25" s="5">
        <v>91</v>
      </c>
    </row>
    <row r="26" spans="1:4" ht="18" customHeight="1" x14ac:dyDescent="0.15">
      <c r="A26" s="8">
        <v>17</v>
      </c>
      <c r="B26" s="21">
        <v>54</v>
      </c>
      <c r="C26" s="6">
        <v>40</v>
      </c>
      <c r="D26" s="5">
        <v>94</v>
      </c>
    </row>
    <row r="27" spans="1:4" ht="18" customHeight="1" x14ac:dyDescent="0.15">
      <c r="A27" s="8">
        <v>18</v>
      </c>
      <c r="B27" s="21">
        <v>51</v>
      </c>
      <c r="C27" s="6">
        <v>39</v>
      </c>
      <c r="D27" s="5">
        <v>90</v>
      </c>
    </row>
    <row r="28" spans="1:4" ht="18" customHeight="1" x14ac:dyDescent="0.15">
      <c r="A28" s="8">
        <v>19</v>
      </c>
      <c r="B28" s="21">
        <v>36</v>
      </c>
      <c r="C28" s="6">
        <v>42</v>
      </c>
      <c r="D28" s="5">
        <v>78</v>
      </c>
    </row>
    <row r="29" spans="1:4" ht="18" customHeight="1" x14ac:dyDescent="0.15">
      <c r="A29" s="8" t="s">
        <v>21</v>
      </c>
      <c r="B29" s="21">
        <v>228</v>
      </c>
      <c r="C29" s="6">
        <v>206</v>
      </c>
      <c r="D29" s="5">
        <v>434</v>
      </c>
    </row>
    <row r="30" spans="1:4" ht="18" customHeight="1" x14ac:dyDescent="0.15">
      <c r="A30" s="8">
        <v>20</v>
      </c>
      <c r="B30" s="21">
        <v>62</v>
      </c>
      <c r="C30" s="6">
        <v>31</v>
      </c>
      <c r="D30" s="5">
        <v>93</v>
      </c>
    </row>
    <row r="31" spans="1:4" ht="18" customHeight="1" x14ac:dyDescent="0.15">
      <c r="A31" s="8">
        <v>21</v>
      </c>
      <c r="B31" s="21">
        <v>51</v>
      </c>
      <c r="C31" s="6">
        <v>51</v>
      </c>
      <c r="D31" s="5">
        <v>102</v>
      </c>
    </row>
    <row r="32" spans="1:4" ht="18" customHeight="1" x14ac:dyDescent="0.15">
      <c r="A32" s="8">
        <v>22</v>
      </c>
      <c r="B32" s="21">
        <v>47</v>
      </c>
      <c r="C32" s="6">
        <v>49</v>
      </c>
      <c r="D32" s="5">
        <v>96</v>
      </c>
    </row>
    <row r="33" spans="1:4" ht="18" customHeight="1" x14ac:dyDescent="0.15">
      <c r="A33" s="8">
        <v>23</v>
      </c>
      <c r="B33" s="21">
        <v>77</v>
      </c>
      <c r="C33" s="6">
        <v>58</v>
      </c>
      <c r="D33" s="5">
        <v>135</v>
      </c>
    </row>
    <row r="34" spans="1:4" ht="18" customHeight="1" x14ac:dyDescent="0.15">
      <c r="A34" s="8">
        <v>24</v>
      </c>
      <c r="B34" s="21">
        <v>67</v>
      </c>
      <c r="C34" s="6">
        <v>56</v>
      </c>
      <c r="D34" s="5">
        <v>123</v>
      </c>
    </row>
    <row r="35" spans="1:4" ht="18" customHeight="1" x14ac:dyDescent="0.15">
      <c r="A35" s="8" t="s">
        <v>20</v>
      </c>
      <c r="B35" s="21">
        <v>304</v>
      </c>
      <c r="C35" s="6">
        <v>245</v>
      </c>
      <c r="D35" s="5">
        <v>549</v>
      </c>
    </row>
    <row r="36" spans="1:4" ht="18" customHeight="1" x14ac:dyDescent="0.15">
      <c r="A36" s="8">
        <v>25</v>
      </c>
      <c r="B36" s="21">
        <v>69</v>
      </c>
      <c r="C36" s="6">
        <v>52</v>
      </c>
      <c r="D36" s="5">
        <v>121</v>
      </c>
    </row>
    <row r="37" spans="1:4" ht="18" customHeight="1" x14ac:dyDescent="0.15">
      <c r="A37" s="8">
        <v>26</v>
      </c>
      <c r="B37" s="21">
        <v>61</v>
      </c>
      <c r="C37" s="6">
        <v>58</v>
      </c>
      <c r="D37" s="5">
        <v>119</v>
      </c>
    </row>
    <row r="38" spans="1:4" ht="18" customHeight="1" x14ac:dyDescent="0.15">
      <c r="A38" s="8">
        <v>27</v>
      </c>
      <c r="B38" s="21">
        <v>66</v>
      </c>
      <c r="C38" s="6">
        <v>43</v>
      </c>
      <c r="D38" s="5">
        <v>109</v>
      </c>
    </row>
    <row r="39" spans="1:4" ht="18" customHeight="1" x14ac:dyDescent="0.15">
      <c r="A39" s="8">
        <v>28</v>
      </c>
      <c r="B39" s="21">
        <v>62</v>
      </c>
      <c r="C39" s="6">
        <v>38</v>
      </c>
      <c r="D39" s="5">
        <v>100</v>
      </c>
    </row>
    <row r="40" spans="1:4" ht="18" customHeight="1" x14ac:dyDescent="0.15">
      <c r="A40" s="8">
        <v>29</v>
      </c>
      <c r="B40" s="21">
        <v>52</v>
      </c>
      <c r="C40" s="6">
        <v>51</v>
      </c>
      <c r="D40" s="5">
        <v>103</v>
      </c>
    </row>
    <row r="41" spans="1:4" ht="18" customHeight="1" x14ac:dyDescent="0.15">
      <c r="A41" s="8" t="s">
        <v>19</v>
      </c>
      <c r="B41" s="21">
        <v>310</v>
      </c>
      <c r="C41" s="6">
        <v>242</v>
      </c>
      <c r="D41" s="5">
        <v>552</v>
      </c>
    </row>
    <row r="42" spans="1:4" ht="18" customHeight="1" x14ac:dyDescent="0.15">
      <c r="A42" s="8">
        <v>30</v>
      </c>
      <c r="B42" s="21">
        <v>69</v>
      </c>
      <c r="C42" s="6">
        <v>48</v>
      </c>
      <c r="D42" s="5">
        <v>117</v>
      </c>
    </row>
    <row r="43" spans="1:4" ht="18" customHeight="1" x14ac:dyDescent="0.15">
      <c r="A43" s="8">
        <v>31</v>
      </c>
      <c r="B43" s="21">
        <v>71</v>
      </c>
      <c r="C43" s="6">
        <v>54</v>
      </c>
      <c r="D43" s="5">
        <v>125</v>
      </c>
    </row>
    <row r="44" spans="1:4" ht="18" customHeight="1" x14ac:dyDescent="0.15">
      <c r="A44" s="8">
        <v>32</v>
      </c>
      <c r="B44" s="21">
        <v>53</v>
      </c>
      <c r="C44" s="6">
        <v>48</v>
      </c>
      <c r="D44" s="5">
        <v>101</v>
      </c>
    </row>
    <row r="45" spans="1:4" ht="18" customHeight="1" x14ac:dyDescent="0.15">
      <c r="A45" s="8">
        <v>33</v>
      </c>
      <c r="B45" s="21">
        <v>46</v>
      </c>
      <c r="C45" s="6">
        <v>49</v>
      </c>
      <c r="D45" s="5">
        <v>95</v>
      </c>
    </row>
    <row r="46" spans="1:4" ht="18" customHeight="1" x14ac:dyDescent="0.15">
      <c r="A46" s="8">
        <v>34</v>
      </c>
      <c r="B46" s="21">
        <v>37</v>
      </c>
      <c r="C46" s="6">
        <v>45</v>
      </c>
      <c r="D46" s="5">
        <v>82</v>
      </c>
    </row>
    <row r="47" spans="1:4" ht="18" customHeight="1" x14ac:dyDescent="0.15">
      <c r="A47" s="8" t="s">
        <v>18</v>
      </c>
      <c r="B47" s="21">
        <v>276</v>
      </c>
      <c r="C47" s="6">
        <v>244</v>
      </c>
      <c r="D47" s="5">
        <v>520</v>
      </c>
    </row>
    <row r="48" spans="1:4" ht="18" customHeight="1" x14ac:dyDescent="0.15">
      <c r="A48" s="8">
        <v>35</v>
      </c>
      <c r="B48" s="21">
        <v>60</v>
      </c>
      <c r="C48" s="6">
        <v>46</v>
      </c>
      <c r="D48" s="5">
        <v>106</v>
      </c>
    </row>
    <row r="49" spans="1:4" ht="18" customHeight="1" x14ac:dyDescent="0.15">
      <c r="A49" s="8">
        <v>36</v>
      </c>
      <c r="B49" s="21">
        <v>75</v>
      </c>
      <c r="C49" s="6">
        <v>42</v>
      </c>
      <c r="D49" s="5">
        <v>117</v>
      </c>
    </row>
    <row r="50" spans="1:4" ht="18" customHeight="1" x14ac:dyDescent="0.15">
      <c r="A50" s="8">
        <v>37</v>
      </c>
      <c r="B50" s="21">
        <v>59</v>
      </c>
      <c r="C50" s="6">
        <v>63</v>
      </c>
      <c r="D50" s="5">
        <v>122</v>
      </c>
    </row>
    <row r="51" spans="1:4" ht="18" customHeight="1" x14ac:dyDescent="0.15">
      <c r="A51" s="8">
        <v>38</v>
      </c>
      <c r="B51" s="21">
        <v>50</v>
      </c>
      <c r="C51" s="6">
        <v>57</v>
      </c>
      <c r="D51" s="5">
        <v>107</v>
      </c>
    </row>
    <row r="52" spans="1:4" ht="18" customHeight="1" x14ac:dyDescent="0.15">
      <c r="A52" s="8">
        <v>39</v>
      </c>
      <c r="B52" s="21">
        <v>49</v>
      </c>
      <c r="C52" s="6">
        <v>48</v>
      </c>
      <c r="D52" s="5">
        <v>97</v>
      </c>
    </row>
    <row r="53" spans="1:4" ht="18" customHeight="1" x14ac:dyDescent="0.15">
      <c r="A53" s="8" t="s">
        <v>17</v>
      </c>
      <c r="B53" s="21">
        <v>293</v>
      </c>
      <c r="C53" s="6">
        <v>256</v>
      </c>
      <c r="D53" s="5">
        <v>549</v>
      </c>
    </row>
    <row r="54" spans="1:4" ht="18" customHeight="1" x14ac:dyDescent="0.15">
      <c r="A54" s="8">
        <v>40</v>
      </c>
      <c r="B54" s="21">
        <v>64</v>
      </c>
      <c r="C54" s="6">
        <v>50</v>
      </c>
      <c r="D54" s="5">
        <v>114</v>
      </c>
    </row>
    <row r="55" spans="1:4" ht="18" customHeight="1" x14ac:dyDescent="0.15">
      <c r="A55" s="8">
        <v>41</v>
      </c>
      <c r="B55" s="21">
        <v>57</v>
      </c>
      <c r="C55" s="6">
        <v>55</v>
      </c>
      <c r="D55" s="5">
        <v>112</v>
      </c>
    </row>
    <row r="56" spans="1:4" ht="18" customHeight="1" x14ac:dyDescent="0.15">
      <c r="A56" s="8">
        <v>42</v>
      </c>
      <c r="B56" s="21">
        <v>60</v>
      </c>
      <c r="C56" s="6">
        <v>64</v>
      </c>
      <c r="D56" s="5">
        <v>124</v>
      </c>
    </row>
    <row r="57" spans="1:4" ht="18" customHeight="1" x14ac:dyDescent="0.15">
      <c r="A57" s="8">
        <v>43</v>
      </c>
      <c r="B57" s="21">
        <v>69</v>
      </c>
      <c r="C57" s="6">
        <v>47</v>
      </c>
      <c r="D57" s="5">
        <v>116</v>
      </c>
    </row>
    <row r="58" spans="1:4" ht="18" customHeight="1" x14ac:dyDescent="0.15">
      <c r="A58" s="8">
        <v>44</v>
      </c>
      <c r="B58" s="21">
        <v>64</v>
      </c>
      <c r="C58" s="6">
        <v>46</v>
      </c>
      <c r="D58" s="5">
        <v>110</v>
      </c>
    </row>
    <row r="59" spans="1:4" ht="18" customHeight="1" x14ac:dyDescent="0.15">
      <c r="A59" s="8" t="s">
        <v>16</v>
      </c>
      <c r="B59" s="21">
        <v>314</v>
      </c>
      <c r="C59" s="6">
        <v>262</v>
      </c>
      <c r="D59" s="5">
        <v>576</v>
      </c>
    </row>
    <row r="60" spans="1:4" ht="18" customHeight="1" x14ac:dyDescent="0.15">
      <c r="A60" s="8">
        <v>45</v>
      </c>
      <c r="B60" s="21">
        <v>66</v>
      </c>
      <c r="C60" s="6">
        <v>62</v>
      </c>
      <c r="D60" s="5">
        <v>128</v>
      </c>
    </row>
    <row r="61" spans="1:4" ht="18" customHeight="1" x14ac:dyDescent="0.15">
      <c r="A61" s="8">
        <v>46</v>
      </c>
      <c r="B61" s="21">
        <v>66</v>
      </c>
      <c r="C61" s="6">
        <v>69</v>
      </c>
      <c r="D61" s="5">
        <v>135</v>
      </c>
    </row>
    <row r="62" spans="1:4" ht="18" customHeight="1" x14ac:dyDescent="0.15">
      <c r="A62" s="8">
        <v>47</v>
      </c>
      <c r="B62" s="21">
        <v>72</v>
      </c>
      <c r="C62" s="6">
        <v>61</v>
      </c>
      <c r="D62" s="5">
        <v>133</v>
      </c>
    </row>
    <row r="63" spans="1:4" ht="18" customHeight="1" x14ac:dyDescent="0.15">
      <c r="A63" s="8">
        <v>48</v>
      </c>
      <c r="B63" s="21">
        <v>69</v>
      </c>
      <c r="C63" s="6">
        <v>71</v>
      </c>
      <c r="D63" s="5">
        <v>140</v>
      </c>
    </row>
    <row r="64" spans="1:4" ht="18" customHeight="1" x14ac:dyDescent="0.15">
      <c r="A64" s="8">
        <v>49</v>
      </c>
      <c r="B64" s="21">
        <v>70</v>
      </c>
      <c r="C64" s="6">
        <v>64</v>
      </c>
      <c r="D64" s="5">
        <v>134</v>
      </c>
    </row>
    <row r="65" spans="1:4" ht="18" customHeight="1" x14ac:dyDescent="0.15">
      <c r="A65" s="8" t="s">
        <v>15</v>
      </c>
      <c r="B65" s="21">
        <v>343</v>
      </c>
      <c r="C65" s="6">
        <v>327</v>
      </c>
      <c r="D65" s="5">
        <v>670</v>
      </c>
    </row>
    <row r="66" spans="1:4" ht="18" customHeight="1" x14ac:dyDescent="0.15">
      <c r="A66" s="8">
        <v>50</v>
      </c>
      <c r="B66" s="21">
        <v>83</v>
      </c>
      <c r="C66" s="6">
        <v>94</v>
      </c>
      <c r="D66" s="5">
        <v>177</v>
      </c>
    </row>
    <row r="67" spans="1:4" ht="18" customHeight="1" x14ac:dyDescent="0.15">
      <c r="A67" s="8">
        <v>51</v>
      </c>
      <c r="B67" s="21">
        <v>101</v>
      </c>
      <c r="C67" s="6">
        <v>77</v>
      </c>
      <c r="D67" s="5">
        <v>178</v>
      </c>
    </row>
    <row r="68" spans="1:4" ht="18" customHeight="1" x14ac:dyDescent="0.15">
      <c r="A68" s="8">
        <v>52</v>
      </c>
      <c r="B68" s="21">
        <v>98</v>
      </c>
      <c r="C68" s="6">
        <v>96</v>
      </c>
      <c r="D68" s="5">
        <v>194</v>
      </c>
    </row>
    <row r="69" spans="1:4" ht="18" customHeight="1" x14ac:dyDescent="0.15">
      <c r="A69" s="8">
        <v>53</v>
      </c>
      <c r="B69" s="21">
        <v>94</v>
      </c>
      <c r="C69" s="6">
        <v>92</v>
      </c>
      <c r="D69" s="5">
        <v>186</v>
      </c>
    </row>
    <row r="70" spans="1:4" ht="18" customHeight="1" x14ac:dyDescent="0.15">
      <c r="A70" s="8">
        <v>54</v>
      </c>
      <c r="B70" s="21">
        <v>88</v>
      </c>
      <c r="C70" s="6">
        <v>90</v>
      </c>
      <c r="D70" s="5">
        <v>178</v>
      </c>
    </row>
    <row r="71" spans="1:4" ht="18" customHeight="1" x14ac:dyDescent="0.15">
      <c r="A71" s="8" t="s">
        <v>14</v>
      </c>
      <c r="B71" s="21">
        <v>464</v>
      </c>
      <c r="C71" s="6">
        <v>449</v>
      </c>
      <c r="D71" s="5">
        <v>913</v>
      </c>
    </row>
    <row r="72" spans="1:4" ht="18" customHeight="1" x14ac:dyDescent="0.15">
      <c r="A72" s="8">
        <v>55</v>
      </c>
      <c r="B72" s="21">
        <v>73</v>
      </c>
      <c r="C72" s="6">
        <v>96</v>
      </c>
      <c r="D72" s="5">
        <v>169</v>
      </c>
    </row>
    <row r="73" spans="1:4" ht="18" customHeight="1" x14ac:dyDescent="0.15">
      <c r="A73" s="8">
        <v>56</v>
      </c>
      <c r="B73" s="21">
        <v>88</v>
      </c>
      <c r="C73" s="6">
        <v>86</v>
      </c>
      <c r="D73" s="5">
        <v>174</v>
      </c>
    </row>
    <row r="74" spans="1:4" ht="18" customHeight="1" x14ac:dyDescent="0.15">
      <c r="A74" s="8">
        <v>57</v>
      </c>
      <c r="B74" s="21">
        <v>71</v>
      </c>
      <c r="C74" s="6">
        <v>74</v>
      </c>
      <c r="D74" s="5">
        <v>145</v>
      </c>
    </row>
    <row r="75" spans="1:4" ht="18" customHeight="1" x14ac:dyDescent="0.15">
      <c r="A75" s="8">
        <v>58</v>
      </c>
      <c r="B75" s="21">
        <v>91</v>
      </c>
      <c r="C75" s="6">
        <v>75</v>
      </c>
      <c r="D75" s="5">
        <v>166</v>
      </c>
    </row>
    <row r="76" spans="1:4" ht="18" customHeight="1" x14ac:dyDescent="0.15">
      <c r="A76" s="8">
        <v>59</v>
      </c>
      <c r="B76" s="21">
        <v>65</v>
      </c>
      <c r="C76" s="6">
        <v>44</v>
      </c>
      <c r="D76" s="5">
        <v>109</v>
      </c>
    </row>
    <row r="77" spans="1:4" ht="18" customHeight="1" x14ac:dyDescent="0.15">
      <c r="A77" s="8" t="s">
        <v>13</v>
      </c>
      <c r="B77" s="21">
        <v>388</v>
      </c>
      <c r="C77" s="6">
        <v>375</v>
      </c>
      <c r="D77" s="5">
        <v>763</v>
      </c>
    </row>
    <row r="78" spans="1:4" ht="18" customHeight="1" x14ac:dyDescent="0.15">
      <c r="A78" s="8">
        <v>60</v>
      </c>
      <c r="B78" s="21">
        <v>55</v>
      </c>
      <c r="C78" s="6">
        <v>76</v>
      </c>
      <c r="D78" s="5">
        <v>131</v>
      </c>
    </row>
    <row r="79" spans="1:4" ht="18" customHeight="1" x14ac:dyDescent="0.15">
      <c r="A79" s="8">
        <v>61</v>
      </c>
      <c r="B79" s="21">
        <v>70</v>
      </c>
      <c r="C79" s="6">
        <v>73</v>
      </c>
      <c r="D79" s="5">
        <v>143</v>
      </c>
    </row>
    <row r="80" spans="1:4" ht="18" customHeight="1" x14ac:dyDescent="0.15">
      <c r="A80" s="8">
        <v>62</v>
      </c>
      <c r="B80" s="21">
        <v>65</v>
      </c>
      <c r="C80" s="6">
        <v>71</v>
      </c>
      <c r="D80" s="5">
        <v>136</v>
      </c>
    </row>
    <row r="81" spans="1:4" ht="18" customHeight="1" x14ac:dyDescent="0.15">
      <c r="A81" s="8">
        <v>63</v>
      </c>
      <c r="B81" s="21">
        <v>59</v>
      </c>
      <c r="C81" s="6">
        <v>60</v>
      </c>
      <c r="D81" s="5">
        <v>119</v>
      </c>
    </row>
    <row r="82" spans="1:4" ht="18" customHeight="1" x14ac:dyDescent="0.15">
      <c r="A82" s="8">
        <v>64</v>
      </c>
      <c r="B82" s="21">
        <v>54</v>
      </c>
      <c r="C82" s="6">
        <v>68</v>
      </c>
      <c r="D82" s="5">
        <v>122</v>
      </c>
    </row>
    <row r="83" spans="1:4" ht="18" customHeight="1" x14ac:dyDescent="0.15">
      <c r="A83" s="8" t="s">
        <v>12</v>
      </c>
      <c r="B83" s="21">
        <v>303</v>
      </c>
      <c r="C83" s="6">
        <v>348</v>
      </c>
      <c r="D83" s="5">
        <v>651</v>
      </c>
    </row>
    <row r="84" spans="1:4" ht="18" customHeight="1" x14ac:dyDescent="0.15">
      <c r="A84" s="8" t="s">
        <v>11</v>
      </c>
      <c r="B84" s="21">
        <v>3223</v>
      </c>
      <c r="C84" s="6">
        <v>2954</v>
      </c>
      <c r="D84" s="5">
        <v>6177</v>
      </c>
    </row>
    <row r="85" spans="1:4" ht="18" customHeight="1" x14ac:dyDescent="0.15">
      <c r="A85" s="8">
        <v>65</v>
      </c>
      <c r="B85" s="21">
        <v>54</v>
      </c>
      <c r="C85" s="6">
        <v>78</v>
      </c>
      <c r="D85" s="5">
        <v>132</v>
      </c>
    </row>
    <row r="86" spans="1:4" ht="18" customHeight="1" x14ac:dyDescent="0.15">
      <c r="A86" s="8">
        <v>66</v>
      </c>
      <c r="B86" s="21">
        <v>63</v>
      </c>
      <c r="C86" s="6">
        <v>66</v>
      </c>
      <c r="D86" s="5">
        <v>129</v>
      </c>
    </row>
    <row r="87" spans="1:4" ht="18" customHeight="1" x14ac:dyDescent="0.15">
      <c r="A87" s="8">
        <v>67</v>
      </c>
      <c r="B87" s="21">
        <v>55</v>
      </c>
      <c r="C87" s="6">
        <v>46</v>
      </c>
      <c r="D87" s="5">
        <v>101</v>
      </c>
    </row>
    <row r="88" spans="1:4" ht="18" customHeight="1" x14ac:dyDescent="0.15">
      <c r="A88" s="8">
        <v>68</v>
      </c>
      <c r="B88" s="21">
        <v>60</v>
      </c>
      <c r="C88" s="6">
        <v>66</v>
      </c>
      <c r="D88" s="5">
        <v>126</v>
      </c>
    </row>
    <row r="89" spans="1:4" ht="18" customHeight="1" x14ac:dyDescent="0.15">
      <c r="A89" s="8">
        <v>69</v>
      </c>
      <c r="B89" s="21">
        <v>49</v>
      </c>
      <c r="C89" s="6">
        <v>56</v>
      </c>
      <c r="D89" s="5">
        <v>105</v>
      </c>
    </row>
    <row r="90" spans="1:4" ht="18" customHeight="1" x14ac:dyDescent="0.15">
      <c r="A90" s="8" t="s">
        <v>10</v>
      </c>
      <c r="B90" s="21">
        <v>281</v>
      </c>
      <c r="C90" s="6">
        <v>312</v>
      </c>
      <c r="D90" s="5">
        <v>593</v>
      </c>
    </row>
    <row r="91" spans="1:4" ht="18" customHeight="1" x14ac:dyDescent="0.15">
      <c r="A91" s="8">
        <v>70</v>
      </c>
      <c r="B91" s="21">
        <v>60</v>
      </c>
      <c r="C91" s="6">
        <v>73</v>
      </c>
      <c r="D91" s="5">
        <v>133</v>
      </c>
    </row>
    <row r="92" spans="1:4" ht="18" customHeight="1" x14ac:dyDescent="0.15">
      <c r="A92" s="8">
        <v>71</v>
      </c>
      <c r="B92" s="21">
        <v>47</v>
      </c>
      <c r="C92" s="6">
        <v>64</v>
      </c>
      <c r="D92" s="5">
        <v>111</v>
      </c>
    </row>
    <row r="93" spans="1:4" ht="18" customHeight="1" x14ac:dyDescent="0.15">
      <c r="A93" s="8">
        <v>72</v>
      </c>
      <c r="B93" s="21">
        <v>62</v>
      </c>
      <c r="C93" s="6">
        <v>60</v>
      </c>
      <c r="D93" s="5">
        <v>122</v>
      </c>
    </row>
    <row r="94" spans="1:4" ht="18" customHeight="1" x14ac:dyDescent="0.15">
      <c r="A94" s="8">
        <v>73</v>
      </c>
      <c r="B94" s="21">
        <v>71</v>
      </c>
      <c r="C94" s="6">
        <v>67</v>
      </c>
      <c r="D94" s="5">
        <v>138</v>
      </c>
    </row>
    <row r="95" spans="1:4" ht="18" customHeight="1" x14ac:dyDescent="0.15">
      <c r="A95" s="8">
        <v>74</v>
      </c>
      <c r="B95" s="21">
        <v>51</v>
      </c>
      <c r="C95" s="6">
        <v>73</v>
      </c>
      <c r="D95" s="5">
        <v>124</v>
      </c>
    </row>
    <row r="96" spans="1:4" ht="18" customHeight="1" x14ac:dyDescent="0.15">
      <c r="A96" s="8" t="s">
        <v>9</v>
      </c>
      <c r="B96" s="21">
        <v>291</v>
      </c>
      <c r="C96" s="6">
        <v>337</v>
      </c>
      <c r="D96" s="5">
        <v>628</v>
      </c>
    </row>
    <row r="97" spans="1:4" ht="18" customHeight="1" x14ac:dyDescent="0.15">
      <c r="A97" s="8">
        <v>75</v>
      </c>
      <c r="B97" s="21">
        <v>63</v>
      </c>
      <c r="C97" s="6">
        <v>77</v>
      </c>
      <c r="D97" s="5">
        <v>140</v>
      </c>
    </row>
    <row r="98" spans="1:4" ht="18" customHeight="1" x14ac:dyDescent="0.15">
      <c r="A98" s="8">
        <v>76</v>
      </c>
      <c r="B98" s="21">
        <v>72</v>
      </c>
      <c r="C98" s="6">
        <v>85</v>
      </c>
      <c r="D98" s="5">
        <v>157</v>
      </c>
    </row>
    <row r="99" spans="1:4" ht="18" customHeight="1" x14ac:dyDescent="0.15">
      <c r="A99" s="8">
        <v>77</v>
      </c>
      <c r="B99" s="21">
        <v>58</v>
      </c>
      <c r="C99" s="6">
        <v>84</v>
      </c>
      <c r="D99" s="5">
        <v>142</v>
      </c>
    </row>
    <row r="100" spans="1:4" ht="18" customHeight="1" x14ac:dyDescent="0.15">
      <c r="A100" s="8">
        <v>78</v>
      </c>
      <c r="B100" s="21">
        <v>79</v>
      </c>
      <c r="C100" s="6">
        <v>98</v>
      </c>
      <c r="D100" s="5">
        <v>177</v>
      </c>
    </row>
    <row r="101" spans="1:4" ht="18" customHeight="1" x14ac:dyDescent="0.15">
      <c r="A101" s="8">
        <v>79</v>
      </c>
      <c r="B101" s="21">
        <v>30</v>
      </c>
      <c r="C101" s="6">
        <v>61</v>
      </c>
      <c r="D101" s="5">
        <v>91</v>
      </c>
    </row>
    <row r="102" spans="1:4" ht="18" customHeight="1" x14ac:dyDescent="0.15">
      <c r="A102" s="8" t="s">
        <v>8</v>
      </c>
      <c r="B102" s="21">
        <v>302</v>
      </c>
      <c r="C102" s="6">
        <v>405</v>
      </c>
      <c r="D102" s="5">
        <v>707</v>
      </c>
    </row>
    <row r="103" spans="1:4" ht="18" customHeight="1" x14ac:dyDescent="0.15">
      <c r="A103" s="8">
        <v>80</v>
      </c>
      <c r="B103" s="21">
        <v>33</v>
      </c>
      <c r="C103" s="6">
        <v>47</v>
      </c>
      <c r="D103" s="5">
        <v>80</v>
      </c>
    </row>
    <row r="104" spans="1:4" ht="18" customHeight="1" x14ac:dyDescent="0.15">
      <c r="A104" s="8">
        <v>81</v>
      </c>
      <c r="B104" s="21">
        <v>53</v>
      </c>
      <c r="C104" s="6">
        <v>72</v>
      </c>
      <c r="D104" s="5">
        <v>125</v>
      </c>
    </row>
    <row r="105" spans="1:4" ht="18" customHeight="1" x14ac:dyDescent="0.15">
      <c r="A105" s="8">
        <v>82</v>
      </c>
      <c r="B105" s="21">
        <v>51</v>
      </c>
      <c r="C105" s="6">
        <v>55</v>
      </c>
      <c r="D105" s="5">
        <v>106</v>
      </c>
    </row>
    <row r="106" spans="1:4" ht="18" customHeight="1" x14ac:dyDescent="0.15">
      <c r="A106" s="8">
        <v>83</v>
      </c>
      <c r="B106" s="21">
        <v>42</v>
      </c>
      <c r="C106" s="6">
        <v>59</v>
      </c>
      <c r="D106" s="5">
        <v>101</v>
      </c>
    </row>
    <row r="107" spans="1:4" ht="18" customHeight="1" x14ac:dyDescent="0.15">
      <c r="A107" s="8">
        <v>84</v>
      </c>
      <c r="B107" s="21">
        <v>26</v>
      </c>
      <c r="C107" s="6">
        <v>55</v>
      </c>
      <c r="D107" s="5">
        <v>81</v>
      </c>
    </row>
    <row r="108" spans="1:4" ht="18" customHeight="1" x14ac:dyDescent="0.15">
      <c r="A108" s="8" t="s">
        <v>7</v>
      </c>
      <c r="B108" s="21">
        <v>205</v>
      </c>
      <c r="C108" s="6">
        <v>288</v>
      </c>
      <c r="D108" s="5">
        <v>493</v>
      </c>
    </row>
    <row r="109" spans="1:4" ht="18" customHeight="1" x14ac:dyDescent="0.15">
      <c r="A109" s="8">
        <v>85</v>
      </c>
      <c r="B109" s="21">
        <v>25</v>
      </c>
      <c r="C109" s="6">
        <v>51</v>
      </c>
      <c r="D109" s="5">
        <v>76</v>
      </c>
    </row>
    <row r="110" spans="1:4" ht="18" customHeight="1" x14ac:dyDescent="0.15">
      <c r="A110" s="8">
        <v>86</v>
      </c>
      <c r="B110" s="21">
        <v>20</v>
      </c>
      <c r="C110" s="6">
        <v>43</v>
      </c>
      <c r="D110" s="5">
        <v>63</v>
      </c>
    </row>
    <row r="111" spans="1:4" ht="18" customHeight="1" x14ac:dyDescent="0.15">
      <c r="A111" s="8">
        <v>87</v>
      </c>
      <c r="B111" s="21">
        <v>29</v>
      </c>
      <c r="C111" s="6">
        <v>44</v>
      </c>
      <c r="D111" s="5">
        <v>73</v>
      </c>
    </row>
    <row r="112" spans="1:4" ht="18" customHeight="1" x14ac:dyDescent="0.15">
      <c r="A112" s="8">
        <v>88</v>
      </c>
      <c r="B112" s="21">
        <v>26</v>
      </c>
      <c r="C112" s="6">
        <v>47</v>
      </c>
      <c r="D112" s="5">
        <v>73</v>
      </c>
    </row>
    <row r="113" spans="1:4" ht="18" customHeight="1" x14ac:dyDescent="0.15">
      <c r="A113" s="8">
        <v>89</v>
      </c>
      <c r="B113" s="21">
        <v>18</v>
      </c>
      <c r="C113" s="6">
        <v>46</v>
      </c>
      <c r="D113" s="5">
        <v>64</v>
      </c>
    </row>
    <row r="114" spans="1:4" ht="18" customHeight="1" x14ac:dyDescent="0.15">
      <c r="A114" s="8" t="s">
        <v>6</v>
      </c>
      <c r="B114" s="21">
        <v>118</v>
      </c>
      <c r="C114" s="6">
        <v>231</v>
      </c>
      <c r="D114" s="5">
        <v>349</v>
      </c>
    </row>
    <row r="115" spans="1:4" ht="18" customHeight="1" x14ac:dyDescent="0.15">
      <c r="A115" s="8">
        <v>90</v>
      </c>
      <c r="B115" s="21">
        <v>17</v>
      </c>
      <c r="C115" s="6">
        <v>38</v>
      </c>
      <c r="D115" s="5">
        <v>55</v>
      </c>
    </row>
    <row r="116" spans="1:4" ht="18" customHeight="1" x14ac:dyDescent="0.15">
      <c r="A116" s="8">
        <v>91</v>
      </c>
      <c r="B116" s="21">
        <v>13</v>
      </c>
      <c r="C116" s="6">
        <v>33</v>
      </c>
      <c r="D116" s="5">
        <v>46</v>
      </c>
    </row>
    <row r="117" spans="1:4" ht="18" customHeight="1" x14ac:dyDescent="0.15">
      <c r="A117" s="8">
        <v>92</v>
      </c>
      <c r="B117" s="21">
        <v>14</v>
      </c>
      <c r="C117" s="6">
        <v>42</v>
      </c>
      <c r="D117" s="5">
        <v>56</v>
      </c>
    </row>
    <row r="118" spans="1:4" ht="18" customHeight="1" x14ac:dyDescent="0.15">
      <c r="A118" s="8">
        <v>93</v>
      </c>
      <c r="B118" s="21">
        <v>7</v>
      </c>
      <c r="C118" s="6">
        <v>31</v>
      </c>
      <c r="D118" s="5">
        <v>38</v>
      </c>
    </row>
    <row r="119" spans="1:4" ht="18" customHeight="1" x14ac:dyDescent="0.15">
      <c r="A119" s="8">
        <v>94</v>
      </c>
      <c r="B119" s="21">
        <v>11</v>
      </c>
      <c r="C119" s="6">
        <v>24</v>
      </c>
      <c r="D119" s="5">
        <v>35</v>
      </c>
    </row>
    <row r="120" spans="1:4" ht="18" customHeight="1" x14ac:dyDescent="0.15">
      <c r="A120" s="8" t="s">
        <v>5</v>
      </c>
      <c r="B120" s="21">
        <v>62</v>
      </c>
      <c r="C120" s="6">
        <v>168</v>
      </c>
      <c r="D120" s="5">
        <v>230</v>
      </c>
    </row>
    <row r="121" spans="1:4" ht="18" customHeight="1" x14ac:dyDescent="0.15">
      <c r="A121" s="8">
        <v>95</v>
      </c>
      <c r="B121" s="21">
        <v>1</v>
      </c>
      <c r="C121" s="6">
        <v>21</v>
      </c>
      <c r="D121" s="5">
        <v>22</v>
      </c>
    </row>
    <row r="122" spans="1:4" ht="18" customHeight="1" x14ac:dyDescent="0.15">
      <c r="A122" s="8">
        <v>96</v>
      </c>
      <c r="B122" s="21">
        <v>5</v>
      </c>
      <c r="C122" s="6">
        <v>7</v>
      </c>
      <c r="D122" s="5">
        <v>12</v>
      </c>
    </row>
    <row r="123" spans="1:4" ht="18" customHeight="1" x14ac:dyDescent="0.15">
      <c r="A123" s="8">
        <v>97</v>
      </c>
      <c r="B123" s="21">
        <v>2</v>
      </c>
      <c r="C123" s="6">
        <v>9</v>
      </c>
      <c r="D123" s="5">
        <v>11</v>
      </c>
    </row>
    <row r="124" spans="1:4" ht="18" customHeight="1" x14ac:dyDescent="0.15">
      <c r="A124" s="8">
        <v>98</v>
      </c>
      <c r="B124" s="21">
        <v>1</v>
      </c>
      <c r="C124" s="6">
        <v>11</v>
      </c>
      <c r="D124" s="5">
        <v>12</v>
      </c>
    </row>
    <row r="125" spans="1:4" ht="18" customHeight="1" x14ac:dyDescent="0.15">
      <c r="A125" s="8">
        <v>99</v>
      </c>
      <c r="B125" s="21">
        <v>1</v>
      </c>
      <c r="C125" s="6">
        <v>6</v>
      </c>
      <c r="D125" s="5">
        <v>7</v>
      </c>
    </row>
    <row r="126" spans="1:4" ht="18" customHeight="1" x14ac:dyDescent="0.15">
      <c r="A126" s="8" t="s">
        <v>4</v>
      </c>
      <c r="B126" s="21">
        <v>10</v>
      </c>
      <c r="C126" s="6">
        <v>54</v>
      </c>
      <c r="D126" s="5">
        <v>64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6</v>
      </c>
      <c r="D128" s="5">
        <v>6</v>
      </c>
    </row>
    <row r="129" spans="1:4" ht="18" customHeight="1" x14ac:dyDescent="0.15">
      <c r="A129" s="8" t="s">
        <v>2</v>
      </c>
      <c r="B129" s="21">
        <v>0</v>
      </c>
      <c r="C129" s="6">
        <v>9</v>
      </c>
      <c r="D129" s="5">
        <v>9</v>
      </c>
    </row>
    <row r="130" spans="1:4" ht="18" customHeight="1" x14ac:dyDescent="0.15">
      <c r="A130" s="8" t="s">
        <v>1</v>
      </c>
      <c r="B130" s="21">
        <v>1269</v>
      </c>
      <c r="C130" s="6">
        <v>1804</v>
      </c>
      <c r="D130" s="5">
        <v>3073</v>
      </c>
    </row>
    <row r="131" spans="1:4" ht="18" customHeight="1" x14ac:dyDescent="0.15">
      <c r="A131" s="4" t="s">
        <v>0</v>
      </c>
      <c r="B131" s="20">
        <v>5039</v>
      </c>
      <c r="C131" s="2">
        <v>5283</v>
      </c>
      <c r="D131" s="1">
        <v>1032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7D16C4-218B-4C2E-9F90-95F1E43B8F7A}">
  <sheetPr codeName="Sheet2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1</v>
      </c>
      <c r="C5" s="11">
        <v>30</v>
      </c>
      <c r="D5" s="10">
        <v>51</v>
      </c>
    </row>
    <row r="6" spans="1:4" ht="18" customHeight="1" x14ac:dyDescent="0.15">
      <c r="A6" s="8">
        <v>1</v>
      </c>
      <c r="B6" s="21">
        <v>27</v>
      </c>
      <c r="C6" s="6">
        <v>24</v>
      </c>
      <c r="D6" s="5">
        <v>51</v>
      </c>
    </row>
    <row r="7" spans="1:4" ht="18" customHeight="1" x14ac:dyDescent="0.15">
      <c r="A7" s="8">
        <v>2</v>
      </c>
      <c r="B7" s="21">
        <v>25</v>
      </c>
      <c r="C7" s="6">
        <v>32</v>
      </c>
      <c r="D7" s="5">
        <v>57</v>
      </c>
    </row>
    <row r="8" spans="1:4" ht="18" customHeight="1" x14ac:dyDescent="0.15">
      <c r="A8" s="8">
        <v>3</v>
      </c>
      <c r="B8" s="21">
        <v>36</v>
      </c>
      <c r="C8" s="6">
        <v>28</v>
      </c>
      <c r="D8" s="5">
        <v>64</v>
      </c>
    </row>
    <row r="9" spans="1:4" ht="18" customHeight="1" x14ac:dyDescent="0.15">
      <c r="A9" s="8">
        <v>4</v>
      </c>
      <c r="B9" s="21">
        <v>29</v>
      </c>
      <c r="C9" s="6">
        <v>27</v>
      </c>
      <c r="D9" s="5">
        <v>56</v>
      </c>
    </row>
    <row r="10" spans="1:4" ht="18" customHeight="1" x14ac:dyDescent="0.15">
      <c r="A10" s="8" t="s">
        <v>25</v>
      </c>
      <c r="B10" s="21">
        <v>138</v>
      </c>
      <c r="C10" s="6">
        <v>141</v>
      </c>
      <c r="D10" s="5">
        <v>279</v>
      </c>
    </row>
    <row r="11" spans="1:4" ht="18" customHeight="1" x14ac:dyDescent="0.15">
      <c r="A11" s="8">
        <v>5</v>
      </c>
      <c r="B11" s="21">
        <v>40</v>
      </c>
      <c r="C11" s="6">
        <v>18</v>
      </c>
      <c r="D11" s="5">
        <v>58</v>
      </c>
    </row>
    <row r="12" spans="1:4" ht="18" customHeight="1" x14ac:dyDescent="0.15">
      <c r="A12" s="8">
        <v>6</v>
      </c>
      <c r="B12" s="21">
        <v>30</v>
      </c>
      <c r="C12" s="6">
        <v>25</v>
      </c>
      <c r="D12" s="5">
        <v>55</v>
      </c>
    </row>
    <row r="13" spans="1:4" ht="18" customHeight="1" x14ac:dyDescent="0.15">
      <c r="A13" s="8">
        <v>7</v>
      </c>
      <c r="B13" s="21">
        <v>37</v>
      </c>
      <c r="C13" s="6">
        <v>40</v>
      </c>
      <c r="D13" s="5">
        <v>77</v>
      </c>
    </row>
    <row r="14" spans="1:4" ht="18" customHeight="1" x14ac:dyDescent="0.15">
      <c r="A14" s="8">
        <v>8</v>
      </c>
      <c r="B14" s="21">
        <v>25</v>
      </c>
      <c r="C14" s="6">
        <v>39</v>
      </c>
      <c r="D14" s="5">
        <v>64</v>
      </c>
    </row>
    <row r="15" spans="1:4" ht="18" customHeight="1" x14ac:dyDescent="0.15">
      <c r="A15" s="8">
        <v>9</v>
      </c>
      <c r="B15" s="21">
        <v>33</v>
      </c>
      <c r="C15" s="6">
        <v>38</v>
      </c>
      <c r="D15" s="5">
        <v>71</v>
      </c>
    </row>
    <row r="16" spans="1:4" ht="18" customHeight="1" x14ac:dyDescent="0.15">
      <c r="A16" s="8" t="s">
        <v>24</v>
      </c>
      <c r="B16" s="21">
        <v>165</v>
      </c>
      <c r="C16" s="6">
        <v>160</v>
      </c>
      <c r="D16" s="5">
        <v>325</v>
      </c>
    </row>
    <row r="17" spans="1:4" ht="18" customHeight="1" x14ac:dyDescent="0.15">
      <c r="A17" s="8">
        <v>10</v>
      </c>
      <c r="B17" s="21">
        <v>37</v>
      </c>
      <c r="C17" s="6">
        <v>31</v>
      </c>
      <c r="D17" s="5">
        <v>68</v>
      </c>
    </row>
    <row r="18" spans="1:4" ht="18" customHeight="1" x14ac:dyDescent="0.15">
      <c r="A18" s="8">
        <v>11</v>
      </c>
      <c r="B18" s="21">
        <v>40</v>
      </c>
      <c r="C18" s="6">
        <v>30</v>
      </c>
      <c r="D18" s="5">
        <v>70</v>
      </c>
    </row>
    <row r="19" spans="1:4" ht="18" customHeight="1" x14ac:dyDescent="0.15">
      <c r="A19" s="8">
        <v>12</v>
      </c>
      <c r="B19" s="21">
        <v>29</v>
      </c>
      <c r="C19" s="6">
        <v>30</v>
      </c>
      <c r="D19" s="5">
        <v>59</v>
      </c>
    </row>
    <row r="20" spans="1:4" ht="18" customHeight="1" x14ac:dyDescent="0.15">
      <c r="A20" s="8">
        <v>13</v>
      </c>
      <c r="B20" s="21">
        <v>28</v>
      </c>
      <c r="C20" s="6">
        <v>33</v>
      </c>
      <c r="D20" s="5">
        <v>61</v>
      </c>
    </row>
    <row r="21" spans="1:4" ht="18" customHeight="1" x14ac:dyDescent="0.15">
      <c r="A21" s="8">
        <v>14</v>
      </c>
      <c r="B21" s="21">
        <v>29</v>
      </c>
      <c r="C21" s="6">
        <v>25</v>
      </c>
      <c r="D21" s="5">
        <v>54</v>
      </c>
    </row>
    <row r="22" spans="1:4" ht="18" customHeight="1" x14ac:dyDescent="0.15">
      <c r="A22" s="8" t="s">
        <v>23</v>
      </c>
      <c r="B22" s="21">
        <v>163</v>
      </c>
      <c r="C22" s="6">
        <v>149</v>
      </c>
      <c r="D22" s="5">
        <v>312</v>
      </c>
    </row>
    <row r="23" spans="1:4" ht="18" customHeight="1" x14ac:dyDescent="0.15">
      <c r="A23" s="8" t="s">
        <v>22</v>
      </c>
      <c r="B23" s="21">
        <v>466</v>
      </c>
      <c r="C23" s="6">
        <v>450</v>
      </c>
      <c r="D23" s="5">
        <v>916</v>
      </c>
    </row>
    <row r="24" spans="1:4" ht="18" customHeight="1" x14ac:dyDescent="0.15">
      <c r="A24" s="8">
        <v>15</v>
      </c>
      <c r="B24" s="21">
        <v>41</v>
      </c>
      <c r="C24" s="6">
        <v>34</v>
      </c>
      <c r="D24" s="5">
        <v>75</v>
      </c>
    </row>
    <row r="25" spans="1:4" ht="18" customHeight="1" x14ac:dyDescent="0.15">
      <c r="A25" s="8">
        <v>16</v>
      </c>
      <c r="B25" s="21">
        <v>34</v>
      </c>
      <c r="C25" s="6">
        <v>23</v>
      </c>
      <c r="D25" s="5">
        <v>57</v>
      </c>
    </row>
    <row r="26" spans="1:4" ht="18" customHeight="1" x14ac:dyDescent="0.15">
      <c r="A26" s="8">
        <v>17</v>
      </c>
      <c r="B26" s="21">
        <v>33</v>
      </c>
      <c r="C26" s="6">
        <v>24</v>
      </c>
      <c r="D26" s="5">
        <v>57</v>
      </c>
    </row>
    <row r="27" spans="1:4" ht="18" customHeight="1" x14ac:dyDescent="0.15">
      <c r="A27" s="8">
        <v>18</v>
      </c>
      <c r="B27" s="21">
        <v>27</v>
      </c>
      <c r="C27" s="6">
        <v>20</v>
      </c>
      <c r="D27" s="5">
        <v>47</v>
      </c>
    </row>
    <row r="28" spans="1:4" ht="18" customHeight="1" x14ac:dyDescent="0.15">
      <c r="A28" s="8">
        <v>19</v>
      </c>
      <c r="B28" s="21">
        <v>31</v>
      </c>
      <c r="C28" s="6">
        <v>29</v>
      </c>
      <c r="D28" s="5">
        <v>60</v>
      </c>
    </row>
    <row r="29" spans="1:4" ht="18" customHeight="1" x14ac:dyDescent="0.15">
      <c r="A29" s="8" t="s">
        <v>21</v>
      </c>
      <c r="B29" s="21">
        <v>166</v>
      </c>
      <c r="C29" s="6">
        <v>130</v>
      </c>
      <c r="D29" s="5">
        <v>296</v>
      </c>
    </row>
    <row r="30" spans="1:4" ht="18" customHeight="1" x14ac:dyDescent="0.15">
      <c r="A30" s="8">
        <v>20</v>
      </c>
      <c r="B30" s="21">
        <v>27</v>
      </c>
      <c r="C30" s="6">
        <v>24</v>
      </c>
      <c r="D30" s="5">
        <v>51</v>
      </c>
    </row>
    <row r="31" spans="1:4" ht="18" customHeight="1" x14ac:dyDescent="0.15">
      <c r="A31" s="8">
        <v>21</v>
      </c>
      <c r="B31" s="21">
        <v>19</v>
      </c>
      <c r="C31" s="6">
        <v>43</v>
      </c>
      <c r="D31" s="5">
        <v>62</v>
      </c>
    </row>
    <row r="32" spans="1:4" ht="18" customHeight="1" x14ac:dyDescent="0.15">
      <c r="A32" s="8">
        <v>22</v>
      </c>
      <c r="B32" s="21">
        <v>33</v>
      </c>
      <c r="C32" s="6">
        <v>29</v>
      </c>
      <c r="D32" s="5">
        <v>62</v>
      </c>
    </row>
    <row r="33" spans="1:4" ht="18" customHeight="1" x14ac:dyDescent="0.15">
      <c r="A33" s="8">
        <v>23</v>
      </c>
      <c r="B33" s="21">
        <v>38</v>
      </c>
      <c r="C33" s="6">
        <v>39</v>
      </c>
      <c r="D33" s="5">
        <v>77</v>
      </c>
    </row>
    <row r="34" spans="1:4" ht="18" customHeight="1" x14ac:dyDescent="0.15">
      <c r="A34" s="8">
        <v>24</v>
      </c>
      <c r="B34" s="21">
        <v>44</v>
      </c>
      <c r="C34" s="6">
        <v>26</v>
      </c>
      <c r="D34" s="5">
        <v>70</v>
      </c>
    </row>
    <row r="35" spans="1:4" ht="18" customHeight="1" x14ac:dyDescent="0.15">
      <c r="A35" s="8" t="s">
        <v>20</v>
      </c>
      <c r="B35" s="21">
        <v>161</v>
      </c>
      <c r="C35" s="6">
        <v>161</v>
      </c>
      <c r="D35" s="5">
        <v>322</v>
      </c>
    </row>
    <row r="36" spans="1:4" ht="18" customHeight="1" x14ac:dyDescent="0.15">
      <c r="A36" s="8">
        <v>25</v>
      </c>
      <c r="B36" s="21">
        <v>43</v>
      </c>
      <c r="C36" s="6">
        <v>34</v>
      </c>
      <c r="D36" s="5">
        <v>77</v>
      </c>
    </row>
    <row r="37" spans="1:4" ht="18" customHeight="1" x14ac:dyDescent="0.15">
      <c r="A37" s="8">
        <v>26</v>
      </c>
      <c r="B37" s="21">
        <v>44</v>
      </c>
      <c r="C37" s="6">
        <v>35</v>
      </c>
      <c r="D37" s="5">
        <v>79</v>
      </c>
    </row>
    <row r="38" spans="1:4" ht="18" customHeight="1" x14ac:dyDescent="0.15">
      <c r="A38" s="8">
        <v>27</v>
      </c>
      <c r="B38" s="21">
        <v>50</v>
      </c>
      <c r="C38" s="6">
        <v>60</v>
      </c>
      <c r="D38" s="5">
        <v>110</v>
      </c>
    </row>
    <row r="39" spans="1:4" ht="18" customHeight="1" x14ac:dyDescent="0.15">
      <c r="A39" s="8">
        <v>28</v>
      </c>
      <c r="B39" s="21">
        <v>39</v>
      </c>
      <c r="C39" s="6">
        <v>44</v>
      </c>
      <c r="D39" s="5">
        <v>83</v>
      </c>
    </row>
    <row r="40" spans="1:4" ht="18" customHeight="1" x14ac:dyDescent="0.15">
      <c r="A40" s="8">
        <v>29</v>
      </c>
      <c r="B40" s="21">
        <v>38</v>
      </c>
      <c r="C40" s="6">
        <v>43</v>
      </c>
      <c r="D40" s="5">
        <v>81</v>
      </c>
    </row>
    <row r="41" spans="1:4" ht="18" customHeight="1" x14ac:dyDescent="0.15">
      <c r="A41" s="8" t="s">
        <v>19</v>
      </c>
      <c r="B41" s="21">
        <v>214</v>
      </c>
      <c r="C41" s="6">
        <v>216</v>
      </c>
      <c r="D41" s="5">
        <v>430</v>
      </c>
    </row>
    <row r="42" spans="1:4" ht="18" customHeight="1" x14ac:dyDescent="0.15">
      <c r="A42" s="8">
        <v>30</v>
      </c>
      <c r="B42" s="21">
        <v>53</v>
      </c>
      <c r="C42" s="6">
        <v>38</v>
      </c>
      <c r="D42" s="5">
        <v>91</v>
      </c>
    </row>
    <row r="43" spans="1:4" ht="18" customHeight="1" x14ac:dyDescent="0.15">
      <c r="A43" s="8">
        <v>31</v>
      </c>
      <c r="B43" s="21">
        <v>41</v>
      </c>
      <c r="C43" s="6">
        <v>36</v>
      </c>
      <c r="D43" s="5">
        <v>77</v>
      </c>
    </row>
    <row r="44" spans="1:4" ht="18" customHeight="1" x14ac:dyDescent="0.15">
      <c r="A44" s="8">
        <v>32</v>
      </c>
      <c r="B44" s="21">
        <v>59</v>
      </c>
      <c r="C44" s="6">
        <v>43</v>
      </c>
      <c r="D44" s="5">
        <v>102</v>
      </c>
    </row>
    <row r="45" spans="1:4" ht="18" customHeight="1" x14ac:dyDescent="0.15">
      <c r="A45" s="8">
        <v>33</v>
      </c>
      <c r="B45" s="21">
        <v>37</v>
      </c>
      <c r="C45" s="6">
        <v>49</v>
      </c>
      <c r="D45" s="5">
        <v>86</v>
      </c>
    </row>
    <row r="46" spans="1:4" ht="18" customHeight="1" x14ac:dyDescent="0.15">
      <c r="A46" s="8">
        <v>34</v>
      </c>
      <c r="B46" s="21">
        <v>48</v>
      </c>
      <c r="C46" s="6">
        <v>31</v>
      </c>
      <c r="D46" s="5">
        <v>79</v>
      </c>
    </row>
    <row r="47" spans="1:4" ht="18" customHeight="1" x14ac:dyDescent="0.15">
      <c r="A47" s="8" t="s">
        <v>18</v>
      </c>
      <c r="B47" s="21">
        <v>238</v>
      </c>
      <c r="C47" s="6">
        <v>197</v>
      </c>
      <c r="D47" s="5">
        <v>435</v>
      </c>
    </row>
    <row r="48" spans="1:4" ht="18" customHeight="1" x14ac:dyDescent="0.15">
      <c r="A48" s="8">
        <v>35</v>
      </c>
      <c r="B48" s="21">
        <v>42</v>
      </c>
      <c r="C48" s="6">
        <v>49</v>
      </c>
      <c r="D48" s="5">
        <v>91</v>
      </c>
    </row>
    <row r="49" spans="1:4" ht="18" customHeight="1" x14ac:dyDescent="0.15">
      <c r="A49" s="8">
        <v>36</v>
      </c>
      <c r="B49" s="21">
        <v>47</v>
      </c>
      <c r="C49" s="6">
        <v>48</v>
      </c>
      <c r="D49" s="5">
        <v>95</v>
      </c>
    </row>
    <row r="50" spans="1:4" ht="18" customHeight="1" x14ac:dyDescent="0.15">
      <c r="A50" s="8">
        <v>37</v>
      </c>
      <c r="B50" s="21">
        <v>42</v>
      </c>
      <c r="C50" s="6">
        <v>37</v>
      </c>
      <c r="D50" s="5">
        <v>79</v>
      </c>
    </row>
    <row r="51" spans="1:4" ht="18" customHeight="1" x14ac:dyDescent="0.15">
      <c r="A51" s="8">
        <v>38</v>
      </c>
      <c r="B51" s="21">
        <v>56</v>
      </c>
      <c r="C51" s="6">
        <v>43</v>
      </c>
      <c r="D51" s="5">
        <v>99</v>
      </c>
    </row>
    <row r="52" spans="1:4" ht="18" customHeight="1" x14ac:dyDescent="0.15">
      <c r="A52" s="8">
        <v>39</v>
      </c>
      <c r="B52" s="21">
        <v>57</v>
      </c>
      <c r="C52" s="6">
        <v>41</v>
      </c>
      <c r="D52" s="5">
        <v>98</v>
      </c>
    </row>
    <row r="53" spans="1:4" ht="18" customHeight="1" x14ac:dyDescent="0.15">
      <c r="A53" s="8" t="s">
        <v>17</v>
      </c>
      <c r="B53" s="21">
        <v>244</v>
      </c>
      <c r="C53" s="6">
        <v>218</v>
      </c>
      <c r="D53" s="5">
        <v>462</v>
      </c>
    </row>
    <row r="54" spans="1:4" ht="18" customHeight="1" x14ac:dyDescent="0.15">
      <c r="A54" s="8">
        <v>40</v>
      </c>
      <c r="B54" s="21">
        <v>53</v>
      </c>
      <c r="C54" s="6">
        <v>50</v>
      </c>
      <c r="D54" s="5">
        <v>103</v>
      </c>
    </row>
    <row r="55" spans="1:4" ht="18" customHeight="1" x14ac:dyDescent="0.15">
      <c r="A55" s="8">
        <v>41</v>
      </c>
      <c r="B55" s="21">
        <v>58</v>
      </c>
      <c r="C55" s="6">
        <v>49</v>
      </c>
      <c r="D55" s="5">
        <v>107</v>
      </c>
    </row>
    <row r="56" spans="1:4" ht="18" customHeight="1" x14ac:dyDescent="0.15">
      <c r="A56" s="8">
        <v>42</v>
      </c>
      <c r="B56" s="21">
        <v>49</v>
      </c>
      <c r="C56" s="6">
        <v>46</v>
      </c>
      <c r="D56" s="5">
        <v>95</v>
      </c>
    </row>
    <row r="57" spans="1:4" ht="18" customHeight="1" x14ac:dyDescent="0.15">
      <c r="A57" s="8">
        <v>43</v>
      </c>
      <c r="B57" s="21">
        <v>62</v>
      </c>
      <c r="C57" s="6">
        <v>52</v>
      </c>
      <c r="D57" s="5">
        <v>114</v>
      </c>
    </row>
    <row r="58" spans="1:4" ht="18" customHeight="1" x14ac:dyDescent="0.15">
      <c r="A58" s="8">
        <v>44</v>
      </c>
      <c r="B58" s="21">
        <v>38</v>
      </c>
      <c r="C58" s="6">
        <v>42</v>
      </c>
      <c r="D58" s="5">
        <v>80</v>
      </c>
    </row>
    <row r="59" spans="1:4" ht="18" customHeight="1" x14ac:dyDescent="0.15">
      <c r="A59" s="8" t="s">
        <v>16</v>
      </c>
      <c r="B59" s="21">
        <v>260</v>
      </c>
      <c r="C59" s="6">
        <v>239</v>
      </c>
      <c r="D59" s="5">
        <v>499</v>
      </c>
    </row>
    <row r="60" spans="1:4" ht="18" customHeight="1" x14ac:dyDescent="0.15">
      <c r="A60" s="8">
        <v>45</v>
      </c>
      <c r="B60" s="21">
        <v>39</v>
      </c>
      <c r="C60" s="6">
        <v>41</v>
      </c>
      <c r="D60" s="5">
        <v>80</v>
      </c>
    </row>
    <row r="61" spans="1:4" ht="18" customHeight="1" x14ac:dyDescent="0.15">
      <c r="A61" s="8">
        <v>46</v>
      </c>
      <c r="B61" s="21">
        <v>42</v>
      </c>
      <c r="C61" s="6">
        <v>39</v>
      </c>
      <c r="D61" s="5">
        <v>81</v>
      </c>
    </row>
    <row r="62" spans="1:4" ht="18" customHeight="1" x14ac:dyDescent="0.15">
      <c r="A62" s="8">
        <v>47</v>
      </c>
      <c r="B62" s="21">
        <v>52</v>
      </c>
      <c r="C62" s="6">
        <v>45</v>
      </c>
      <c r="D62" s="5">
        <v>97</v>
      </c>
    </row>
    <row r="63" spans="1:4" ht="18" customHeight="1" x14ac:dyDescent="0.15">
      <c r="A63" s="8">
        <v>48</v>
      </c>
      <c r="B63" s="21">
        <v>61</v>
      </c>
      <c r="C63" s="6">
        <v>54</v>
      </c>
      <c r="D63" s="5">
        <v>115</v>
      </c>
    </row>
    <row r="64" spans="1:4" ht="18" customHeight="1" x14ac:dyDescent="0.15">
      <c r="A64" s="8">
        <v>49</v>
      </c>
      <c r="B64" s="21">
        <v>47</v>
      </c>
      <c r="C64" s="6">
        <v>58</v>
      </c>
      <c r="D64" s="5">
        <v>105</v>
      </c>
    </row>
    <row r="65" spans="1:4" ht="18" customHeight="1" x14ac:dyDescent="0.15">
      <c r="A65" s="8" t="s">
        <v>15</v>
      </c>
      <c r="B65" s="21">
        <v>241</v>
      </c>
      <c r="C65" s="6">
        <v>237</v>
      </c>
      <c r="D65" s="5">
        <v>478</v>
      </c>
    </row>
    <row r="66" spans="1:4" ht="18" customHeight="1" x14ac:dyDescent="0.15">
      <c r="A66" s="8">
        <v>50</v>
      </c>
      <c r="B66" s="21">
        <v>63</v>
      </c>
      <c r="C66" s="6">
        <v>55</v>
      </c>
      <c r="D66" s="5">
        <v>118</v>
      </c>
    </row>
    <row r="67" spans="1:4" ht="18" customHeight="1" x14ac:dyDescent="0.15">
      <c r="A67" s="8">
        <v>51</v>
      </c>
      <c r="B67" s="21">
        <v>57</v>
      </c>
      <c r="C67" s="6">
        <v>47</v>
      </c>
      <c r="D67" s="5">
        <v>104</v>
      </c>
    </row>
    <row r="68" spans="1:4" ht="18" customHeight="1" x14ac:dyDescent="0.15">
      <c r="A68" s="8">
        <v>52</v>
      </c>
      <c r="B68" s="21">
        <v>67</v>
      </c>
      <c r="C68" s="6">
        <v>57</v>
      </c>
      <c r="D68" s="5">
        <v>124</v>
      </c>
    </row>
    <row r="69" spans="1:4" ht="18" customHeight="1" x14ac:dyDescent="0.15">
      <c r="A69" s="8">
        <v>53</v>
      </c>
      <c r="B69" s="21">
        <v>69</v>
      </c>
      <c r="C69" s="6">
        <v>64</v>
      </c>
      <c r="D69" s="5">
        <v>133</v>
      </c>
    </row>
    <row r="70" spans="1:4" ht="18" customHeight="1" x14ac:dyDescent="0.15">
      <c r="A70" s="8">
        <v>54</v>
      </c>
      <c r="B70" s="21">
        <v>49</v>
      </c>
      <c r="C70" s="6">
        <v>49</v>
      </c>
      <c r="D70" s="5">
        <v>98</v>
      </c>
    </row>
    <row r="71" spans="1:4" ht="18" customHeight="1" x14ac:dyDescent="0.15">
      <c r="A71" s="8" t="s">
        <v>14</v>
      </c>
      <c r="B71" s="21">
        <v>305</v>
      </c>
      <c r="C71" s="6">
        <v>272</v>
      </c>
      <c r="D71" s="5">
        <v>577</v>
      </c>
    </row>
    <row r="72" spans="1:4" ht="18" customHeight="1" x14ac:dyDescent="0.15">
      <c r="A72" s="8">
        <v>55</v>
      </c>
      <c r="B72" s="21">
        <v>57</v>
      </c>
      <c r="C72" s="6">
        <v>54</v>
      </c>
      <c r="D72" s="5">
        <v>111</v>
      </c>
    </row>
    <row r="73" spans="1:4" ht="18" customHeight="1" x14ac:dyDescent="0.15">
      <c r="A73" s="8">
        <v>56</v>
      </c>
      <c r="B73" s="21">
        <v>63</v>
      </c>
      <c r="C73" s="6">
        <v>57</v>
      </c>
      <c r="D73" s="5">
        <v>120</v>
      </c>
    </row>
    <row r="74" spans="1:4" ht="18" customHeight="1" x14ac:dyDescent="0.15">
      <c r="A74" s="8">
        <v>57</v>
      </c>
      <c r="B74" s="21">
        <v>52</v>
      </c>
      <c r="C74" s="6">
        <v>64</v>
      </c>
      <c r="D74" s="5">
        <v>116</v>
      </c>
    </row>
    <row r="75" spans="1:4" ht="18" customHeight="1" x14ac:dyDescent="0.15">
      <c r="A75" s="8">
        <v>58</v>
      </c>
      <c r="B75" s="21">
        <v>71</v>
      </c>
      <c r="C75" s="6">
        <v>60</v>
      </c>
      <c r="D75" s="5">
        <v>131</v>
      </c>
    </row>
    <row r="76" spans="1:4" ht="18" customHeight="1" x14ac:dyDescent="0.15">
      <c r="A76" s="8">
        <v>59</v>
      </c>
      <c r="B76" s="21">
        <v>40</v>
      </c>
      <c r="C76" s="6">
        <v>48</v>
      </c>
      <c r="D76" s="5">
        <v>88</v>
      </c>
    </row>
    <row r="77" spans="1:4" ht="18" customHeight="1" x14ac:dyDescent="0.15">
      <c r="A77" s="8" t="s">
        <v>13</v>
      </c>
      <c r="B77" s="21">
        <v>283</v>
      </c>
      <c r="C77" s="6">
        <v>283</v>
      </c>
      <c r="D77" s="5">
        <v>566</v>
      </c>
    </row>
    <row r="78" spans="1:4" ht="18" customHeight="1" x14ac:dyDescent="0.15">
      <c r="A78" s="8">
        <v>60</v>
      </c>
      <c r="B78" s="21">
        <v>69</v>
      </c>
      <c r="C78" s="6">
        <v>54</v>
      </c>
      <c r="D78" s="5">
        <v>123</v>
      </c>
    </row>
    <row r="79" spans="1:4" ht="18" customHeight="1" x14ac:dyDescent="0.15">
      <c r="A79" s="8">
        <v>61</v>
      </c>
      <c r="B79" s="21">
        <v>55</v>
      </c>
      <c r="C79" s="6">
        <v>60</v>
      </c>
      <c r="D79" s="5">
        <v>115</v>
      </c>
    </row>
    <row r="80" spans="1:4" ht="18" customHeight="1" x14ac:dyDescent="0.15">
      <c r="A80" s="8">
        <v>62</v>
      </c>
      <c r="B80" s="21">
        <v>49</v>
      </c>
      <c r="C80" s="6">
        <v>59</v>
      </c>
      <c r="D80" s="5">
        <v>108</v>
      </c>
    </row>
    <row r="81" spans="1:4" ht="18" customHeight="1" x14ac:dyDescent="0.15">
      <c r="A81" s="8">
        <v>63</v>
      </c>
      <c r="B81" s="21">
        <v>37</v>
      </c>
      <c r="C81" s="6">
        <v>48</v>
      </c>
      <c r="D81" s="5">
        <v>85</v>
      </c>
    </row>
    <row r="82" spans="1:4" ht="18" customHeight="1" x14ac:dyDescent="0.15">
      <c r="A82" s="8">
        <v>64</v>
      </c>
      <c r="B82" s="21">
        <v>49</v>
      </c>
      <c r="C82" s="6">
        <v>50</v>
      </c>
      <c r="D82" s="5">
        <v>99</v>
      </c>
    </row>
    <row r="83" spans="1:4" ht="18" customHeight="1" x14ac:dyDescent="0.15">
      <c r="A83" s="8" t="s">
        <v>12</v>
      </c>
      <c r="B83" s="21">
        <v>259</v>
      </c>
      <c r="C83" s="6">
        <v>271</v>
      </c>
      <c r="D83" s="5">
        <v>530</v>
      </c>
    </row>
    <row r="84" spans="1:4" ht="18" customHeight="1" x14ac:dyDescent="0.15">
      <c r="A84" s="8" t="s">
        <v>11</v>
      </c>
      <c r="B84" s="21">
        <v>2371</v>
      </c>
      <c r="C84" s="6">
        <v>2224</v>
      </c>
      <c r="D84" s="5">
        <v>4595</v>
      </c>
    </row>
    <row r="85" spans="1:4" ht="18" customHeight="1" x14ac:dyDescent="0.15">
      <c r="A85" s="8">
        <v>65</v>
      </c>
      <c r="B85" s="21">
        <v>42</v>
      </c>
      <c r="C85" s="6">
        <v>36</v>
      </c>
      <c r="D85" s="5">
        <v>78</v>
      </c>
    </row>
    <row r="86" spans="1:4" ht="18" customHeight="1" x14ac:dyDescent="0.15">
      <c r="A86" s="8">
        <v>66</v>
      </c>
      <c r="B86" s="21">
        <v>60</v>
      </c>
      <c r="C86" s="6">
        <v>39</v>
      </c>
      <c r="D86" s="5">
        <v>99</v>
      </c>
    </row>
    <row r="87" spans="1:4" ht="18" customHeight="1" x14ac:dyDescent="0.15">
      <c r="A87" s="8">
        <v>67</v>
      </c>
      <c r="B87" s="21">
        <v>53</v>
      </c>
      <c r="C87" s="6">
        <v>43</v>
      </c>
      <c r="D87" s="5">
        <v>96</v>
      </c>
    </row>
    <row r="88" spans="1:4" ht="18" customHeight="1" x14ac:dyDescent="0.15">
      <c r="A88" s="8">
        <v>68</v>
      </c>
      <c r="B88" s="21">
        <v>32</v>
      </c>
      <c r="C88" s="6">
        <v>33</v>
      </c>
      <c r="D88" s="5">
        <v>65</v>
      </c>
    </row>
    <row r="89" spans="1:4" ht="18" customHeight="1" x14ac:dyDescent="0.15">
      <c r="A89" s="8">
        <v>69</v>
      </c>
      <c r="B89" s="21">
        <v>46</v>
      </c>
      <c r="C89" s="6">
        <v>44</v>
      </c>
      <c r="D89" s="5">
        <v>90</v>
      </c>
    </row>
    <row r="90" spans="1:4" ht="18" customHeight="1" x14ac:dyDescent="0.15">
      <c r="A90" s="8" t="s">
        <v>10</v>
      </c>
      <c r="B90" s="21">
        <v>233</v>
      </c>
      <c r="C90" s="6">
        <v>195</v>
      </c>
      <c r="D90" s="5">
        <v>428</v>
      </c>
    </row>
    <row r="91" spans="1:4" ht="18" customHeight="1" x14ac:dyDescent="0.15">
      <c r="A91" s="8">
        <v>70</v>
      </c>
      <c r="B91" s="21">
        <v>36</v>
      </c>
      <c r="C91" s="6">
        <v>49</v>
      </c>
      <c r="D91" s="5">
        <v>85</v>
      </c>
    </row>
    <row r="92" spans="1:4" ht="18" customHeight="1" x14ac:dyDescent="0.15">
      <c r="A92" s="8">
        <v>71</v>
      </c>
      <c r="B92" s="21">
        <v>36</v>
      </c>
      <c r="C92" s="6">
        <v>49</v>
      </c>
      <c r="D92" s="5">
        <v>85</v>
      </c>
    </row>
    <row r="93" spans="1:4" ht="18" customHeight="1" x14ac:dyDescent="0.15">
      <c r="A93" s="8">
        <v>72</v>
      </c>
      <c r="B93" s="21">
        <v>44</v>
      </c>
      <c r="C93" s="6">
        <v>48</v>
      </c>
      <c r="D93" s="5">
        <v>92</v>
      </c>
    </row>
    <row r="94" spans="1:4" ht="18" customHeight="1" x14ac:dyDescent="0.15">
      <c r="A94" s="8">
        <v>73</v>
      </c>
      <c r="B94" s="21">
        <v>35</v>
      </c>
      <c r="C94" s="6">
        <v>59</v>
      </c>
      <c r="D94" s="5">
        <v>94</v>
      </c>
    </row>
    <row r="95" spans="1:4" ht="18" customHeight="1" x14ac:dyDescent="0.15">
      <c r="A95" s="8">
        <v>74</v>
      </c>
      <c r="B95" s="21">
        <v>34</v>
      </c>
      <c r="C95" s="6">
        <v>52</v>
      </c>
      <c r="D95" s="5">
        <v>86</v>
      </c>
    </row>
    <row r="96" spans="1:4" ht="18" customHeight="1" x14ac:dyDescent="0.15">
      <c r="A96" s="8" t="s">
        <v>9</v>
      </c>
      <c r="B96" s="21">
        <v>185</v>
      </c>
      <c r="C96" s="6">
        <v>257</v>
      </c>
      <c r="D96" s="5">
        <v>442</v>
      </c>
    </row>
    <row r="97" spans="1:4" ht="18" customHeight="1" x14ac:dyDescent="0.15">
      <c r="A97" s="8">
        <v>75</v>
      </c>
      <c r="B97" s="21">
        <v>44</v>
      </c>
      <c r="C97" s="6">
        <v>51</v>
      </c>
      <c r="D97" s="5">
        <v>95</v>
      </c>
    </row>
    <row r="98" spans="1:4" ht="18" customHeight="1" x14ac:dyDescent="0.15">
      <c r="A98" s="8">
        <v>76</v>
      </c>
      <c r="B98" s="21">
        <v>72</v>
      </c>
      <c r="C98" s="6">
        <v>68</v>
      </c>
      <c r="D98" s="5">
        <v>140</v>
      </c>
    </row>
    <row r="99" spans="1:4" ht="18" customHeight="1" x14ac:dyDescent="0.15">
      <c r="A99" s="8">
        <v>77</v>
      </c>
      <c r="B99" s="21">
        <v>61</v>
      </c>
      <c r="C99" s="6">
        <v>77</v>
      </c>
      <c r="D99" s="5">
        <v>138</v>
      </c>
    </row>
    <row r="100" spans="1:4" ht="18" customHeight="1" x14ac:dyDescent="0.15">
      <c r="A100" s="8">
        <v>78</v>
      </c>
      <c r="B100" s="21">
        <v>56</v>
      </c>
      <c r="C100" s="6">
        <v>78</v>
      </c>
      <c r="D100" s="5">
        <v>134</v>
      </c>
    </row>
    <row r="101" spans="1:4" ht="18" customHeight="1" x14ac:dyDescent="0.15">
      <c r="A101" s="8">
        <v>79</v>
      </c>
      <c r="B101" s="21">
        <v>28</v>
      </c>
      <c r="C101" s="6">
        <v>44</v>
      </c>
      <c r="D101" s="5">
        <v>72</v>
      </c>
    </row>
    <row r="102" spans="1:4" ht="18" customHeight="1" x14ac:dyDescent="0.15">
      <c r="A102" s="8" t="s">
        <v>8</v>
      </c>
      <c r="B102" s="21">
        <v>261</v>
      </c>
      <c r="C102" s="6">
        <v>318</v>
      </c>
      <c r="D102" s="5">
        <v>579</v>
      </c>
    </row>
    <row r="103" spans="1:4" ht="18" customHeight="1" x14ac:dyDescent="0.15">
      <c r="A103" s="8">
        <v>80</v>
      </c>
      <c r="B103" s="21">
        <v>27</v>
      </c>
      <c r="C103" s="6">
        <v>40</v>
      </c>
      <c r="D103" s="5">
        <v>67</v>
      </c>
    </row>
    <row r="104" spans="1:4" ht="18" customHeight="1" x14ac:dyDescent="0.15">
      <c r="A104" s="8">
        <v>81</v>
      </c>
      <c r="B104" s="21">
        <v>50</v>
      </c>
      <c r="C104" s="6">
        <v>75</v>
      </c>
      <c r="D104" s="5">
        <v>125</v>
      </c>
    </row>
    <row r="105" spans="1:4" ht="18" customHeight="1" x14ac:dyDescent="0.15">
      <c r="A105" s="8">
        <v>82</v>
      </c>
      <c r="B105" s="21">
        <v>34</v>
      </c>
      <c r="C105" s="6">
        <v>54</v>
      </c>
      <c r="D105" s="5">
        <v>88</v>
      </c>
    </row>
    <row r="106" spans="1:4" ht="18" customHeight="1" x14ac:dyDescent="0.15">
      <c r="A106" s="8">
        <v>83</v>
      </c>
      <c r="B106" s="21">
        <v>37</v>
      </c>
      <c r="C106" s="6">
        <v>57</v>
      </c>
      <c r="D106" s="5">
        <v>94</v>
      </c>
    </row>
    <row r="107" spans="1:4" ht="18" customHeight="1" x14ac:dyDescent="0.15">
      <c r="A107" s="8">
        <v>84</v>
      </c>
      <c r="B107" s="21">
        <v>38</v>
      </c>
      <c r="C107" s="6">
        <v>63</v>
      </c>
      <c r="D107" s="5">
        <v>101</v>
      </c>
    </row>
    <row r="108" spans="1:4" ht="18" customHeight="1" x14ac:dyDescent="0.15">
      <c r="A108" s="8" t="s">
        <v>7</v>
      </c>
      <c r="B108" s="21">
        <v>186</v>
      </c>
      <c r="C108" s="6">
        <v>289</v>
      </c>
      <c r="D108" s="5">
        <v>475</v>
      </c>
    </row>
    <row r="109" spans="1:4" ht="18" customHeight="1" x14ac:dyDescent="0.15">
      <c r="A109" s="8">
        <v>85</v>
      </c>
      <c r="B109" s="21">
        <v>27</v>
      </c>
      <c r="C109" s="6">
        <v>47</v>
      </c>
      <c r="D109" s="5">
        <v>74</v>
      </c>
    </row>
    <row r="110" spans="1:4" ht="18" customHeight="1" x14ac:dyDescent="0.15">
      <c r="A110" s="8">
        <v>86</v>
      </c>
      <c r="B110" s="21">
        <v>21</v>
      </c>
      <c r="C110" s="6">
        <v>45</v>
      </c>
      <c r="D110" s="5">
        <v>66</v>
      </c>
    </row>
    <row r="111" spans="1:4" ht="18" customHeight="1" x14ac:dyDescent="0.15">
      <c r="A111" s="8">
        <v>87</v>
      </c>
      <c r="B111" s="21">
        <v>30</v>
      </c>
      <c r="C111" s="6">
        <v>39</v>
      </c>
      <c r="D111" s="5">
        <v>69</v>
      </c>
    </row>
    <row r="112" spans="1:4" ht="18" customHeight="1" x14ac:dyDescent="0.15">
      <c r="A112" s="8">
        <v>88</v>
      </c>
      <c r="B112" s="21">
        <v>22</v>
      </c>
      <c r="C112" s="6">
        <v>35</v>
      </c>
      <c r="D112" s="5">
        <v>57</v>
      </c>
    </row>
    <row r="113" spans="1:4" ht="18" customHeight="1" x14ac:dyDescent="0.15">
      <c r="A113" s="8">
        <v>89</v>
      </c>
      <c r="B113" s="21">
        <v>20</v>
      </c>
      <c r="C113" s="6">
        <v>35</v>
      </c>
      <c r="D113" s="5">
        <v>55</v>
      </c>
    </row>
    <row r="114" spans="1:4" ht="18" customHeight="1" x14ac:dyDescent="0.15">
      <c r="A114" s="8" t="s">
        <v>6</v>
      </c>
      <c r="B114" s="21">
        <v>120</v>
      </c>
      <c r="C114" s="6">
        <v>201</v>
      </c>
      <c r="D114" s="5">
        <v>321</v>
      </c>
    </row>
    <row r="115" spans="1:4" ht="18" customHeight="1" x14ac:dyDescent="0.15">
      <c r="A115" s="8">
        <v>90</v>
      </c>
      <c r="B115" s="21">
        <v>15</v>
      </c>
      <c r="C115" s="6">
        <v>25</v>
      </c>
      <c r="D115" s="5">
        <v>40</v>
      </c>
    </row>
    <row r="116" spans="1:4" ht="18" customHeight="1" x14ac:dyDescent="0.15">
      <c r="A116" s="8">
        <v>91</v>
      </c>
      <c r="B116" s="21">
        <v>15</v>
      </c>
      <c r="C116" s="6">
        <v>18</v>
      </c>
      <c r="D116" s="5">
        <v>33</v>
      </c>
    </row>
    <row r="117" spans="1:4" ht="18" customHeight="1" x14ac:dyDescent="0.15">
      <c r="A117" s="8">
        <v>92</v>
      </c>
      <c r="B117" s="21">
        <v>5</v>
      </c>
      <c r="C117" s="6">
        <v>27</v>
      </c>
      <c r="D117" s="5">
        <v>32</v>
      </c>
    </row>
    <row r="118" spans="1:4" ht="18" customHeight="1" x14ac:dyDescent="0.15">
      <c r="A118" s="8">
        <v>93</v>
      </c>
      <c r="B118" s="21">
        <v>6</v>
      </c>
      <c r="C118" s="6">
        <v>27</v>
      </c>
      <c r="D118" s="5">
        <v>33</v>
      </c>
    </row>
    <row r="119" spans="1:4" ht="18" customHeight="1" x14ac:dyDescent="0.15">
      <c r="A119" s="8">
        <v>94</v>
      </c>
      <c r="B119" s="21">
        <v>6</v>
      </c>
      <c r="C119" s="6">
        <v>14</v>
      </c>
      <c r="D119" s="5">
        <v>20</v>
      </c>
    </row>
    <row r="120" spans="1:4" ht="18" customHeight="1" x14ac:dyDescent="0.15">
      <c r="A120" s="8" t="s">
        <v>5</v>
      </c>
      <c r="B120" s="21">
        <v>47</v>
      </c>
      <c r="C120" s="6">
        <v>111</v>
      </c>
      <c r="D120" s="5">
        <v>158</v>
      </c>
    </row>
    <row r="121" spans="1:4" ht="18" customHeight="1" x14ac:dyDescent="0.15">
      <c r="A121" s="8">
        <v>95</v>
      </c>
      <c r="B121" s="21">
        <v>3</v>
      </c>
      <c r="C121" s="6">
        <v>17</v>
      </c>
      <c r="D121" s="5">
        <v>20</v>
      </c>
    </row>
    <row r="122" spans="1:4" ht="18" customHeight="1" x14ac:dyDescent="0.15">
      <c r="A122" s="8">
        <v>96</v>
      </c>
      <c r="B122" s="21">
        <v>4</v>
      </c>
      <c r="C122" s="6">
        <v>15</v>
      </c>
      <c r="D122" s="5">
        <v>19</v>
      </c>
    </row>
    <row r="123" spans="1:4" ht="18" customHeight="1" x14ac:dyDescent="0.15">
      <c r="A123" s="8">
        <v>97</v>
      </c>
      <c r="B123" s="21">
        <v>1</v>
      </c>
      <c r="C123" s="6">
        <v>9</v>
      </c>
      <c r="D123" s="5">
        <v>10</v>
      </c>
    </row>
    <row r="124" spans="1:4" ht="18" customHeight="1" x14ac:dyDescent="0.15">
      <c r="A124" s="8">
        <v>98</v>
      </c>
      <c r="B124" s="21">
        <v>1</v>
      </c>
      <c r="C124" s="6">
        <v>6</v>
      </c>
      <c r="D124" s="5">
        <v>7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10</v>
      </c>
      <c r="C126" s="6">
        <v>48</v>
      </c>
      <c r="D126" s="5">
        <v>58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1042</v>
      </c>
      <c r="C130" s="6">
        <v>1425</v>
      </c>
      <c r="D130" s="5">
        <v>2467</v>
      </c>
    </row>
    <row r="131" spans="1:4" ht="18" customHeight="1" x14ac:dyDescent="0.15">
      <c r="A131" s="4" t="s">
        <v>0</v>
      </c>
      <c r="B131" s="20">
        <v>3879</v>
      </c>
      <c r="C131" s="2">
        <v>4099</v>
      </c>
      <c r="D131" s="1">
        <v>797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7283E0-060F-4F13-A9E7-198EABCF0A23}">
  <sheetPr codeName="Sheet2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9</v>
      </c>
      <c r="C5" s="11">
        <v>14</v>
      </c>
      <c r="D5" s="10">
        <v>33</v>
      </c>
    </row>
    <row r="6" spans="1:4" ht="18" customHeight="1" x14ac:dyDescent="0.15">
      <c r="A6" s="8">
        <v>1</v>
      </c>
      <c r="B6" s="21">
        <v>21</v>
      </c>
      <c r="C6" s="6">
        <v>20</v>
      </c>
      <c r="D6" s="5">
        <v>41</v>
      </c>
    </row>
    <row r="7" spans="1:4" ht="18" customHeight="1" x14ac:dyDescent="0.15">
      <c r="A7" s="8">
        <v>2</v>
      </c>
      <c r="B7" s="21">
        <v>17</v>
      </c>
      <c r="C7" s="6">
        <v>19</v>
      </c>
      <c r="D7" s="5">
        <v>36</v>
      </c>
    </row>
    <row r="8" spans="1:4" ht="18" customHeight="1" x14ac:dyDescent="0.15">
      <c r="A8" s="8">
        <v>3</v>
      </c>
      <c r="B8" s="21">
        <v>18</v>
      </c>
      <c r="C8" s="6">
        <v>15</v>
      </c>
      <c r="D8" s="5">
        <v>33</v>
      </c>
    </row>
    <row r="9" spans="1:4" ht="18" customHeight="1" x14ac:dyDescent="0.15">
      <c r="A9" s="8">
        <v>4</v>
      </c>
      <c r="B9" s="21">
        <v>19</v>
      </c>
      <c r="C9" s="6">
        <v>21</v>
      </c>
      <c r="D9" s="5">
        <v>40</v>
      </c>
    </row>
    <row r="10" spans="1:4" ht="18" customHeight="1" x14ac:dyDescent="0.15">
      <c r="A10" s="8" t="s">
        <v>25</v>
      </c>
      <c r="B10" s="21">
        <v>94</v>
      </c>
      <c r="C10" s="6">
        <v>89</v>
      </c>
      <c r="D10" s="5">
        <v>183</v>
      </c>
    </row>
    <row r="11" spans="1:4" ht="18" customHeight="1" x14ac:dyDescent="0.15">
      <c r="A11" s="8">
        <v>5</v>
      </c>
      <c r="B11" s="21">
        <v>19</v>
      </c>
      <c r="C11" s="6">
        <v>35</v>
      </c>
      <c r="D11" s="5">
        <v>54</v>
      </c>
    </row>
    <row r="12" spans="1:4" ht="18" customHeight="1" x14ac:dyDescent="0.15">
      <c r="A12" s="8">
        <v>6</v>
      </c>
      <c r="B12" s="21">
        <v>22</v>
      </c>
      <c r="C12" s="6">
        <v>28</v>
      </c>
      <c r="D12" s="5">
        <v>50</v>
      </c>
    </row>
    <row r="13" spans="1:4" ht="18" customHeight="1" x14ac:dyDescent="0.15">
      <c r="A13" s="8">
        <v>7</v>
      </c>
      <c r="B13" s="21">
        <v>22</v>
      </c>
      <c r="C13" s="6">
        <v>38</v>
      </c>
      <c r="D13" s="5">
        <v>60</v>
      </c>
    </row>
    <row r="14" spans="1:4" ht="18" customHeight="1" x14ac:dyDescent="0.15">
      <c r="A14" s="8">
        <v>8</v>
      </c>
      <c r="B14" s="21">
        <v>22</v>
      </c>
      <c r="C14" s="6">
        <v>24</v>
      </c>
      <c r="D14" s="5">
        <v>46</v>
      </c>
    </row>
    <row r="15" spans="1:4" ht="18" customHeight="1" x14ac:dyDescent="0.15">
      <c r="A15" s="8">
        <v>9</v>
      </c>
      <c r="B15" s="21">
        <v>32</v>
      </c>
      <c r="C15" s="6">
        <v>35</v>
      </c>
      <c r="D15" s="5">
        <v>67</v>
      </c>
    </row>
    <row r="16" spans="1:4" ht="18" customHeight="1" x14ac:dyDescent="0.15">
      <c r="A16" s="8" t="s">
        <v>24</v>
      </c>
      <c r="B16" s="21">
        <v>117</v>
      </c>
      <c r="C16" s="6">
        <v>160</v>
      </c>
      <c r="D16" s="5">
        <v>277</v>
      </c>
    </row>
    <row r="17" spans="1:4" ht="18" customHeight="1" x14ac:dyDescent="0.15">
      <c r="A17" s="8">
        <v>10</v>
      </c>
      <c r="B17" s="21">
        <v>31</v>
      </c>
      <c r="C17" s="6">
        <v>26</v>
      </c>
      <c r="D17" s="5">
        <v>57</v>
      </c>
    </row>
    <row r="18" spans="1:4" ht="18" customHeight="1" x14ac:dyDescent="0.15">
      <c r="A18" s="8">
        <v>11</v>
      </c>
      <c r="B18" s="21">
        <v>32</v>
      </c>
      <c r="C18" s="6">
        <v>23</v>
      </c>
      <c r="D18" s="5">
        <v>55</v>
      </c>
    </row>
    <row r="19" spans="1:4" ht="18" customHeight="1" x14ac:dyDescent="0.15">
      <c r="A19" s="8">
        <v>12</v>
      </c>
      <c r="B19" s="21">
        <v>20</v>
      </c>
      <c r="C19" s="6">
        <v>20</v>
      </c>
      <c r="D19" s="5">
        <v>40</v>
      </c>
    </row>
    <row r="20" spans="1:4" ht="18" customHeight="1" x14ac:dyDescent="0.15">
      <c r="A20" s="8">
        <v>13</v>
      </c>
      <c r="B20" s="21">
        <v>26</v>
      </c>
      <c r="C20" s="6">
        <v>28</v>
      </c>
      <c r="D20" s="5">
        <v>54</v>
      </c>
    </row>
    <row r="21" spans="1:4" ht="18" customHeight="1" x14ac:dyDescent="0.15">
      <c r="A21" s="8">
        <v>14</v>
      </c>
      <c r="B21" s="21">
        <v>26</v>
      </c>
      <c r="C21" s="6">
        <v>23</v>
      </c>
      <c r="D21" s="5">
        <v>49</v>
      </c>
    </row>
    <row r="22" spans="1:4" ht="18" customHeight="1" x14ac:dyDescent="0.15">
      <c r="A22" s="8" t="s">
        <v>23</v>
      </c>
      <c r="B22" s="21">
        <v>135</v>
      </c>
      <c r="C22" s="6">
        <v>120</v>
      </c>
      <c r="D22" s="5">
        <v>255</v>
      </c>
    </row>
    <row r="23" spans="1:4" ht="18" customHeight="1" x14ac:dyDescent="0.15">
      <c r="A23" s="8" t="s">
        <v>22</v>
      </c>
      <c r="B23" s="21">
        <v>346</v>
      </c>
      <c r="C23" s="6">
        <v>369</v>
      </c>
      <c r="D23" s="5">
        <v>715</v>
      </c>
    </row>
    <row r="24" spans="1:4" ht="18" customHeight="1" x14ac:dyDescent="0.15">
      <c r="A24" s="8">
        <v>15</v>
      </c>
      <c r="B24" s="21">
        <v>32</v>
      </c>
      <c r="C24" s="6">
        <v>20</v>
      </c>
      <c r="D24" s="5">
        <v>52</v>
      </c>
    </row>
    <row r="25" spans="1:4" ht="18" customHeight="1" x14ac:dyDescent="0.15">
      <c r="A25" s="8">
        <v>16</v>
      </c>
      <c r="B25" s="21">
        <v>25</v>
      </c>
      <c r="C25" s="6">
        <v>24</v>
      </c>
      <c r="D25" s="5">
        <v>49</v>
      </c>
    </row>
    <row r="26" spans="1:4" ht="18" customHeight="1" x14ac:dyDescent="0.15">
      <c r="A26" s="8">
        <v>17</v>
      </c>
      <c r="B26" s="21">
        <v>32</v>
      </c>
      <c r="C26" s="6">
        <v>29</v>
      </c>
      <c r="D26" s="5">
        <v>61</v>
      </c>
    </row>
    <row r="27" spans="1:4" ht="18" customHeight="1" x14ac:dyDescent="0.15">
      <c r="A27" s="8">
        <v>18</v>
      </c>
      <c r="B27" s="21">
        <v>26</v>
      </c>
      <c r="C27" s="6">
        <v>30</v>
      </c>
      <c r="D27" s="5">
        <v>56</v>
      </c>
    </row>
    <row r="28" spans="1:4" ht="18" customHeight="1" x14ac:dyDescent="0.15">
      <c r="A28" s="8">
        <v>19</v>
      </c>
      <c r="B28" s="21">
        <v>36</v>
      </c>
      <c r="C28" s="6">
        <v>24</v>
      </c>
      <c r="D28" s="5">
        <v>60</v>
      </c>
    </row>
    <row r="29" spans="1:4" ht="18" customHeight="1" x14ac:dyDescent="0.15">
      <c r="A29" s="8" t="s">
        <v>21</v>
      </c>
      <c r="B29" s="21">
        <v>151</v>
      </c>
      <c r="C29" s="6">
        <v>127</v>
      </c>
      <c r="D29" s="5">
        <v>278</v>
      </c>
    </row>
    <row r="30" spans="1:4" ht="18" customHeight="1" x14ac:dyDescent="0.15">
      <c r="A30" s="8">
        <v>20</v>
      </c>
      <c r="B30" s="21">
        <v>24</v>
      </c>
      <c r="C30" s="6">
        <v>25</v>
      </c>
      <c r="D30" s="5">
        <v>49</v>
      </c>
    </row>
    <row r="31" spans="1:4" ht="18" customHeight="1" x14ac:dyDescent="0.15">
      <c r="A31" s="8">
        <v>21</v>
      </c>
      <c r="B31" s="21">
        <v>32</v>
      </c>
      <c r="C31" s="6">
        <v>35</v>
      </c>
      <c r="D31" s="5">
        <v>67</v>
      </c>
    </row>
    <row r="32" spans="1:4" ht="18" customHeight="1" x14ac:dyDescent="0.15">
      <c r="A32" s="8">
        <v>22</v>
      </c>
      <c r="B32" s="21">
        <v>31</v>
      </c>
      <c r="C32" s="6">
        <v>24</v>
      </c>
      <c r="D32" s="5">
        <v>55</v>
      </c>
    </row>
    <row r="33" spans="1:4" ht="18" customHeight="1" x14ac:dyDescent="0.15">
      <c r="A33" s="8">
        <v>23</v>
      </c>
      <c r="B33" s="21">
        <v>39</v>
      </c>
      <c r="C33" s="6">
        <v>25</v>
      </c>
      <c r="D33" s="5">
        <v>64</v>
      </c>
    </row>
    <row r="34" spans="1:4" ht="18" customHeight="1" x14ac:dyDescent="0.15">
      <c r="A34" s="8">
        <v>24</v>
      </c>
      <c r="B34" s="21">
        <v>29</v>
      </c>
      <c r="C34" s="6">
        <v>28</v>
      </c>
      <c r="D34" s="5">
        <v>57</v>
      </c>
    </row>
    <row r="35" spans="1:4" ht="18" customHeight="1" x14ac:dyDescent="0.15">
      <c r="A35" s="8" t="s">
        <v>20</v>
      </c>
      <c r="B35" s="21">
        <v>155</v>
      </c>
      <c r="C35" s="6">
        <v>137</v>
      </c>
      <c r="D35" s="5">
        <v>292</v>
      </c>
    </row>
    <row r="36" spans="1:4" ht="18" customHeight="1" x14ac:dyDescent="0.15">
      <c r="A36" s="8">
        <v>25</v>
      </c>
      <c r="B36" s="21">
        <v>37</v>
      </c>
      <c r="C36" s="6">
        <v>26</v>
      </c>
      <c r="D36" s="5">
        <v>63</v>
      </c>
    </row>
    <row r="37" spans="1:4" ht="18" customHeight="1" x14ac:dyDescent="0.15">
      <c r="A37" s="8">
        <v>26</v>
      </c>
      <c r="B37" s="21">
        <v>31</v>
      </c>
      <c r="C37" s="6">
        <v>20</v>
      </c>
      <c r="D37" s="5">
        <v>51</v>
      </c>
    </row>
    <row r="38" spans="1:4" ht="18" customHeight="1" x14ac:dyDescent="0.15">
      <c r="A38" s="8">
        <v>27</v>
      </c>
      <c r="B38" s="21">
        <v>23</v>
      </c>
      <c r="C38" s="6">
        <v>22</v>
      </c>
      <c r="D38" s="5">
        <v>45</v>
      </c>
    </row>
    <row r="39" spans="1:4" ht="18" customHeight="1" x14ac:dyDescent="0.15">
      <c r="A39" s="8">
        <v>28</v>
      </c>
      <c r="B39" s="21">
        <v>28</v>
      </c>
      <c r="C39" s="6">
        <v>30</v>
      </c>
      <c r="D39" s="5">
        <v>58</v>
      </c>
    </row>
    <row r="40" spans="1:4" ht="18" customHeight="1" x14ac:dyDescent="0.15">
      <c r="A40" s="8">
        <v>29</v>
      </c>
      <c r="B40" s="21">
        <v>16</v>
      </c>
      <c r="C40" s="6">
        <v>28</v>
      </c>
      <c r="D40" s="5">
        <v>44</v>
      </c>
    </row>
    <row r="41" spans="1:4" ht="18" customHeight="1" x14ac:dyDescent="0.15">
      <c r="A41" s="8" t="s">
        <v>19</v>
      </c>
      <c r="B41" s="21">
        <v>135</v>
      </c>
      <c r="C41" s="6">
        <v>126</v>
      </c>
      <c r="D41" s="5">
        <v>261</v>
      </c>
    </row>
    <row r="42" spans="1:4" ht="18" customHeight="1" x14ac:dyDescent="0.15">
      <c r="A42" s="8">
        <v>30</v>
      </c>
      <c r="B42" s="21">
        <v>25</v>
      </c>
      <c r="C42" s="6">
        <v>20</v>
      </c>
      <c r="D42" s="5">
        <v>45</v>
      </c>
    </row>
    <row r="43" spans="1:4" ht="18" customHeight="1" x14ac:dyDescent="0.15">
      <c r="A43" s="8">
        <v>31</v>
      </c>
      <c r="B43" s="21">
        <v>32</v>
      </c>
      <c r="C43" s="6">
        <v>24</v>
      </c>
      <c r="D43" s="5">
        <v>56</v>
      </c>
    </row>
    <row r="44" spans="1:4" ht="18" customHeight="1" x14ac:dyDescent="0.15">
      <c r="A44" s="8">
        <v>32</v>
      </c>
      <c r="B44" s="21">
        <v>26</v>
      </c>
      <c r="C44" s="6">
        <v>26</v>
      </c>
      <c r="D44" s="5">
        <v>52</v>
      </c>
    </row>
    <row r="45" spans="1:4" ht="18" customHeight="1" x14ac:dyDescent="0.15">
      <c r="A45" s="8">
        <v>33</v>
      </c>
      <c r="B45" s="21">
        <v>21</v>
      </c>
      <c r="C45" s="6">
        <v>24</v>
      </c>
      <c r="D45" s="5">
        <v>45</v>
      </c>
    </row>
    <row r="46" spans="1:4" ht="18" customHeight="1" x14ac:dyDescent="0.15">
      <c r="A46" s="8">
        <v>34</v>
      </c>
      <c r="B46" s="21">
        <v>31</v>
      </c>
      <c r="C46" s="6">
        <v>23</v>
      </c>
      <c r="D46" s="5">
        <v>54</v>
      </c>
    </row>
    <row r="47" spans="1:4" ht="18" customHeight="1" x14ac:dyDescent="0.15">
      <c r="A47" s="8" t="s">
        <v>18</v>
      </c>
      <c r="B47" s="21">
        <v>135</v>
      </c>
      <c r="C47" s="6">
        <v>117</v>
      </c>
      <c r="D47" s="5">
        <v>252</v>
      </c>
    </row>
    <row r="48" spans="1:4" ht="18" customHeight="1" x14ac:dyDescent="0.15">
      <c r="A48" s="8">
        <v>35</v>
      </c>
      <c r="B48" s="21">
        <v>31</v>
      </c>
      <c r="C48" s="6">
        <v>29</v>
      </c>
      <c r="D48" s="5">
        <v>60</v>
      </c>
    </row>
    <row r="49" spans="1:4" ht="18" customHeight="1" x14ac:dyDescent="0.15">
      <c r="A49" s="8">
        <v>36</v>
      </c>
      <c r="B49" s="21">
        <v>22</v>
      </c>
      <c r="C49" s="6">
        <v>29</v>
      </c>
      <c r="D49" s="5">
        <v>51</v>
      </c>
    </row>
    <row r="50" spans="1:4" ht="18" customHeight="1" x14ac:dyDescent="0.15">
      <c r="A50" s="8">
        <v>37</v>
      </c>
      <c r="B50" s="21">
        <v>38</v>
      </c>
      <c r="C50" s="6">
        <v>28</v>
      </c>
      <c r="D50" s="5">
        <v>66</v>
      </c>
    </row>
    <row r="51" spans="1:4" ht="18" customHeight="1" x14ac:dyDescent="0.15">
      <c r="A51" s="8">
        <v>38</v>
      </c>
      <c r="B51" s="21">
        <v>28</v>
      </c>
      <c r="C51" s="6">
        <v>40</v>
      </c>
      <c r="D51" s="5">
        <v>68</v>
      </c>
    </row>
    <row r="52" spans="1:4" ht="18" customHeight="1" x14ac:dyDescent="0.15">
      <c r="A52" s="8">
        <v>39</v>
      </c>
      <c r="B52" s="21">
        <v>31</v>
      </c>
      <c r="C52" s="6">
        <v>27</v>
      </c>
      <c r="D52" s="5">
        <v>58</v>
      </c>
    </row>
    <row r="53" spans="1:4" ht="18" customHeight="1" x14ac:dyDescent="0.15">
      <c r="A53" s="8" t="s">
        <v>17</v>
      </c>
      <c r="B53" s="21">
        <v>150</v>
      </c>
      <c r="C53" s="6">
        <v>153</v>
      </c>
      <c r="D53" s="5">
        <v>303</v>
      </c>
    </row>
    <row r="54" spans="1:4" ht="18" customHeight="1" x14ac:dyDescent="0.15">
      <c r="A54" s="8">
        <v>40</v>
      </c>
      <c r="B54" s="21">
        <v>30</v>
      </c>
      <c r="C54" s="6">
        <v>29</v>
      </c>
      <c r="D54" s="5">
        <v>59</v>
      </c>
    </row>
    <row r="55" spans="1:4" ht="18" customHeight="1" x14ac:dyDescent="0.15">
      <c r="A55" s="8">
        <v>41</v>
      </c>
      <c r="B55" s="21">
        <v>34</v>
      </c>
      <c r="C55" s="6">
        <v>30</v>
      </c>
      <c r="D55" s="5">
        <v>64</v>
      </c>
    </row>
    <row r="56" spans="1:4" ht="18" customHeight="1" x14ac:dyDescent="0.15">
      <c r="A56" s="8">
        <v>42</v>
      </c>
      <c r="B56" s="21">
        <v>36</v>
      </c>
      <c r="C56" s="6">
        <v>30</v>
      </c>
      <c r="D56" s="5">
        <v>66</v>
      </c>
    </row>
    <row r="57" spans="1:4" ht="18" customHeight="1" x14ac:dyDescent="0.15">
      <c r="A57" s="8">
        <v>43</v>
      </c>
      <c r="B57" s="21">
        <v>31</v>
      </c>
      <c r="C57" s="6">
        <v>44</v>
      </c>
      <c r="D57" s="5">
        <v>75</v>
      </c>
    </row>
    <row r="58" spans="1:4" ht="18" customHeight="1" x14ac:dyDescent="0.15">
      <c r="A58" s="8">
        <v>44</v>
      </c>
      <c r="B58" s="21">
        <v>28</v>
      </c>
      <c r="C58" s="6">
        <v>34</v>
      </c>
      <c r="D58" s="5">
        <v>62</v>
      </c>
    </row>
    <row r="59" spans="1:4" ht="18" customHeight="1" x14ac:dyDescent="0.15">
      <c r="A59" s="8" t="s">
        <v>16</v>
      </c>
      <c r="B59" s="21">
        <v>159</v>
      </c>
      <c r="C59" s="6">
        <v>167</v>
      </c>
      <c r="D59" s="5">
        <v>326</v>
      </c>
    </row>
    <row r="60" spans="1:4" ht="18" customHeight="1" x14ac:dyDescent="0.15">
      <c r="A60" s="8">
        <v>45</v>
      </c>
      <c r="B60" s="21">
        <v>28</v>
      </c>
      <c r="C60" s="6">
        <v>26</v>
      </c>
      <c r="D60" s="5">
        <v>54</v>
      </c>
    </row>
    <row r="61" spans="1:4" ht="18" customHeight="1" x14ac:dyDescent="0.15">
      <c r="A61" s="8">
        <v>46</v>
      </c>
      <c r="B61" s="21">
        <v>34</v>
      </c>
      <c r="C61" s="6">
        <v>36</v>
      </c>
      <c r="D61" s="5">
        <v>70</v>
      </c>
    </row>
    <row r="62" spans="1:4" ht="18" customHeight="1" x14ac:dyDescent="0.15">
      <c r="A62" s="8">
        <v>47</v>
      </c>
      <c r="B62" s="21">
        <v>28</v>
      </c>
      <c r="C62" s="6">
        <v>35</v>
      </c>
      <c r="D62" s="5">
        <v>63</v>
      </c>
    </row>
    <row r="63" spans="1:4" ht="18" customHeight="1" x14ac:dyDescent="0.15">
      <c r="A63" s="8">
        <v>48</v>
      </c>
      <c r="B63" s="21">
        <v>44</v>
      </c>
      <c r="C63" s="6">
        <v>38</v>
      </c>
      <c r="D63" s="5">
        <v>82</v>
      </c>
    </row>
    <row r="64" spans="1:4" ht="18" customHeight="1" x14ac:dyDescent="0.15">
      <c r="A64" s="8">
        <v>49</v>
      </c>
      <c r="B64" s="21">
        <v>39</v>
      </c>
      <c r="C64" s="6">
        <v>39</v>
      </c>
      <c r="D64" s="5">
        <v>78</v>
      </c>
    </row>
    <row r="65" spans="1:4" ht="18" customHeight="1" x14ac:dyDescent="0.15">
      <c r="A65" s="8" t="s">
        <v>15</v>
      </c>
      <c r="B65" s="21">
        <v>173</v>
      </c>
      <c r="C65" s="6">
        <v>174</v>
      </c>
      <c r="D65" s="5">
        <v>347</v>
      </c>
    </row>
    <row r="66" spans="1:4" ht="18" customHeight="1" x14ac:dyDescent="0.15">
      <c r="A66" s="8">
        <v>50</v>
      </c>
      <c r="B66" s="21">
        <v>44</v>
      </c>
      <c r="C66" s="6">
        <v>41</v>
      </c>
      <c r="D66" s="5">
        <v>85</v>
      </c>
    </row>
    <row r="67" spans="1:4" ht="18" customHeight="1" x14ac:dyDescent="0.15">
      <c r="A67" s="8">
        <v>51</v>
      </c>
      <c r="B67" s="21">
        <v>50</v>
      </c>
      <c r="C67" s="6">
        <v>46</v>
      </c>
      <c r="D67" s="5">
        <v>96</v>
      </c>
    </row>
    <row r="68" spans="1:4" ht="18" customHeight="1" x14ac:dyDescent="0.15">
      <c r="A68" s="8">
        <v>52</v>
      </c>
      <c r="B68" s="21">
        <v>52</v>
      </c>
      <c r="C68" s="6">
        <v>50</v>
      </c>
      <c r="D68" s="5">
        <v>102</v>
      </c>
    </row>
    <row r="69" spans="1:4" ht="18" customHeight="1" x14ac:dyDescent="0.15">
      <c r="A69" s="8">
        <v>53</v>
      </c>
      <c r="B69" s="21">
        <v>54</v>
      </c>
      <c r="C69" s="6">
        <v>51</v>
      </c>
      <c r="D69" s="5">
        <v>105</v>
      </c>
    </row>
    <row r="70" spans="1:4" ht="18" customHeight="1" x14ac:dyDescent="0.15">
      <c r="A70" s="8">
        <v>54</v>
      </c>
      <c r="B70" s="21">
        <v>43</v>
      </c>
      <c r="C70" s="6">
        <v>38</v>
      </c>
      <c r="D70" s="5">
        <v>81</v>
      </c>
    </row>
    <row r="71" spans="1:4" ht="18" customHeight="1" x14ac:dyDescent="0.15">
      <c r="A71" s="8" t="s">
        <v>14</v>
      </c>
      <c r="B71" s="21">
        <v>243</v>
      </c>
      <c r="C71" s="6">
        <v>226</v>
      </c>
      <c r="D71" s="5">
        <v>469</v>
      </c>
    </row>
    <row r="72" spans="1:4" ht="18" customHeight="1" x14ac:dyDescent="0.15">
      <c r="A72" s="8">
        <v>55</v>
      </c>
      <c r="B72" s="21">
        <v>56</v>
      </c>
      <c r="C72" s="6">
        <v>31</v>
      </c>
      <c r="D72" s="5">
        <v>87</v>
      </c>
    </row>
    <row r="73" spans="1:4" ht="18" customHeight="1" x14ac:dyDescent="0.15">
      <c r="A73" s="8">
        <v>56</v>
      </c>
      <c r="B73" s="21">
        <v>34</v>
      </c>
      <c r="C73" s="6">
        <v>46</v>
      </c>
      <c r="D73" s="5">
        <v>80</v>
      </c>
    </row>
    <row r="74" spans="1:4" ht="18" customHeight="1" x14ac:dyDescent="0.15">
      <c r="A74" s="8">
        <v>57</v>
      </c>
      <c r="B74" s="21">
        <v>39</v>
      </c>
      <c r="C74" s="6">
        <v>41</v>
      </c>
      <c r="D74" s="5">
        <v>80</v>
      </c>
    </row>
    <row r="75" spans="1:4" ht="18" customHeight="1" x14ac:dyDescent="0.15">
      <c r="A75" s="8">
        <v>58</v>
      </c>
      <c r="B75" s="21">
        <v>39</v>
      </c>
      <c r="C75" s="6">
        <v>43</v>
      </c>
      <c r="D75" s="5">
        <v>82</v>
      </c>
    </row>
    <row r="76" spans="1:4" ht="18" customHeight="1" x14ac:dyDescent="0.15">
      <c r="A76" s="8">
        <v>59</v>
      </c>
      <c r="B76" s="21">
        <v>24</v>
      </c>
      <c r="C76" s="6">
        <v>23</v>
      </c>
      <c r="D76" s="5">
        <v>47</v>
      </c>
    </row>
    <row r="77" spans="1:4" ht="18" customHeight="1" x14ac:dyDescent="0.15">
      <c r="A77" s="8" t="s">
        <v>13</v>
      </c>
      <c r="B77" s="21">
        <v>192</v>
      </c>
      <c r="C77" s="6">
        <v>184</v>
      </c>
      <c r="D77" s="5">
        <v>376</v>
      </c>
    </row>
    <row r="78" spans="1:4" ht="18" customHeight="1" x14ac:dyDescent="0.15">
      <c r="A78" s="8">
        <v>60</v>
      </c>
      <c r="B78" s="21">
        <v>46</v>
      </c>
      <c r="C78" s="6">
        <v>39</v>
      </c>
      <c r="D78" s="5">
        <v>85</v>
      </c>
    </row>
    <row r="79" spans="1:4" ht="18" customHeight="1" x14ac:dyDescent="0.15">
      <c r="A79" s="8">
        <v>61</v>
      </c>
      <c r="B79" s="21">
        <v>27</v>
      </c>
      <c r="C79" s="6">
        <v>44</v>
      </c>
      <c r="D79" s="5">
        <v>71</v>
      </c>
    </row>
    <row r="80" spans="1:4" ht="18" customHeight="1" x14ac:dyDescent="0.15">
      <c r="A80" s="8">
        <v>62</v>
      </c>
      <c r="B80" s="21">
        <v>42</v>
      </c>
      <c r="C80" s="6">
        <v>28</v>
      </c>
      <c r="D80" s="5">
        <v>70</v>
      </c>
    </row>
    <row r="81" spans="1:4" ht="18" customHeight="1" x14ac:dyDescent="0.15">
      <c r="A81" s="8">
        <v>63</v>
      </c>
      <c r="B81" s="21">
        <v>28</v>
      </c>
      <c r="C81" s="6">
        <v>26</v>
      </c>
      <c r="D81" s="5">
        <v>54</v>
      </c>
    </row>
    <row r="82" spans="1:4" ht="18" customHeight="1" x14ac:dyDescent="0.15">
      <c r="A82" s="8">
        <v>64</v>
      </c>
      <c r="B82" s="21">
        <v>40</v>
      </c>
      <c r="C82" s="6">
        <v>33</v>
      </c>
      <c r="D82" s="5">
        <v>73</v>
      </c>
    </row>
    <row r="83" spans="1:4" ht="18" customHeight="1" x14ac:dyDescent="0.15">
      <c r="A83" s="8" t="s">
        <v>12</v>
      </c>
      <c r="B83" s="21">
        <v>183</v>
      </c>
      <c r="C83" s="6">
        <v>170</v>
      </c>
      <c r="D83" s="5">
        <v>353</v>
      </c>
    </row>
    <row r="84" spans="1:4" ht="18" customHeight="1" x14ac:dyDescent="0.15">
      <c r="A84" s="8" t="s">
        <v>11</v>
      </c>
      <c r="B84" s="21">
        <v>1676</v>
      </c>
      <c r="C84" s="6">
        <v>1581</v>
      </c>
      <c r="D84" s="5">
        <v>3257</v>
      </c>
    </row>
    <row r="85" spans="1:4" ht="18" customHeight="1" x14ac:dyDescent="0.15">
      <c r="A85" s="8">
        <v>65</v>
      </c>
      <c r="B85" s="21">
        <v>36</v>
      </c>
      <c r="C85" s="6">
        <v>29</v>
      </c>
      <c r="D85" s="5">
        <v>65</v>
      </c>
    </row>
    <row r="86" spans="1:4" ht="18" customHeight="1" x14ac:dyDescent="0.15">
      <c r="A86" s="8">
        <v>66</v>
      </c>
      <c r="B86" s="21">
        <v>31</v>
      </c>
      <c r="C86" s="6">
        <v>35</v>
      </c>
      <c r="D86" s="5">
        <v>66</v>
      </c>
    </row>
    <row r="87" spans="1:4" ht="18" customHeight="1" x14ac:dyDescent="0.15">
      <c r="A87" s="8">
        <v>67</v>
      </c>
      <c r="B87" s="21">
        <v>25</v>
      </c>
      <c r="C87" s="6">
        <v>29</v>
      </c>
      <c r="D87" s="5">
        <v>54</v>
      </c>
    </row>
    <row r="88" spans="1:4" ht="18" customHeight="1" x14ac:dyDescent="0.15">
      <c r="A88" s="8">
        <v>68</v>
      </c>
      <c r="B88" s="21">
        <v>30</v>
      </c>
      <c r="C88" s="6">
        <v>33</v>
      </c>
      <c r="D88" s="5">
        <v>63</v>
      </c>
    </row>
    <row r="89" spans="1:4" ht="18" customHeight="1" x14ac:dyDescent="0.15">
      <c r="A89" s="8">
        <v>69</v>
      </c>
      <c r="B89" s="21">
        <v>23</v>
      </c>
      <c r="C89" s="6">
        <v>34</v>
      </c>
      <c r="D89" s="5">
        <v>57</v>
      </c>
    </row>
    <row r="90" spans="1:4" ht="18" customHeight="1" x14ac:dyDescent="0.15">
      <c r="A90" s="8" t="s">
        <v>10</v>
      </c>
      <c r="B90" s="21">
        <v>145</v>
      </c>
      <c r="C90" s="6">
        <v>160</v>
      </c>
      <c r="D90" s="5">
        <v>305</v>
      </c>
    </row>
    <row r="91" spans="1:4" ht="18" customHeight="1" x14ac:dyDescent="0.15">
      <c r="A91" s="8">
        <v>70</v>
      </c>
      <c r="B91" s="21">
        <v>35</v>
      </c>
      <c r="C91" s="6">
        <v>38</v>
      </c>
      <c r="D91" s="5">
        <v>73</v>
      </c>
    </row>
    <row r="92" spans="1:4" ht="18" customHeight="1" x14ac:dyDescent="0.15">
      <c r="A92" s="8">
        <v>71</v>
      </c>
      <c r="B92" s="21">
        <v>38</v>
      </c>
      <c r="C92" s="6">
        <v>30</v>
      </c>
      <c r="D92" s="5">
        <v>68</v>
      </c>
    </row>
    <row r="93" spans="1:4" ht="18" customHeight="1" x14ac:dyDescent="0.15">
      <c r="A93" s="8">
        <v>72</v>
      </c>
      <c r="B93" s="21">
        <v>30</v>
      </c>
      <c r="C93" s="6">
        <v>34</v>
      </c>
      <c r="D93" s="5">
        <v>64</v>
      </c>
    </row>
    <row r="94" spans="1:4" ht="18" customHeight="1" x14ac:dyDescent="0.15">
      <c r="A94" s="8">
        <v>73</v>
      </c>
      <c r="B94" s="21">
        <v>35</v>
      </c>
      <c r="C94" s="6">
        <v>36</v>
      </c>
      <c r="D94" s="5">
        <v>71</v>
      </c>
    </row>
    <row r="95" spans="1:4" ht="18" customHeight="1" x14ac:dyDescent="0.15">
      <c r="A95" s="8">
        <v>74</v>
      </c>
      <c r="B95" s="21">
        <v>27</v>
      </c>
      <c r="C95" s="6">
        <v>34</v>
      </c>
      <c r="D95" s="5">
        <v>61</v>
      </c>
    </row>
    <row r="96" spans="1:4" ht="18" customHeight="1" x14ac:dyDescent="0.15">
      <c r="A96" s="8" t="s">
        <v>9</v>
      </c>
      <c r="B96" s="21">
        <v>165</v>
      </c>
      <c r="C96" s="6">
        <v>172</v>
      </c>
      <c r="D96" s="5">
        <v>337</v>
      </c>
    </row>
    <row r="97" spans="1:4" ht="18" customHeight="1" x14ac:dyDescent="0.15">
      <c r="A97" s="8">
        <v>75</v>
      </c>
      <c r="B97" s="21">
        <v>30</v>
      </c>
      <c r="C97" s="6">
        <v>43</v>
      </c>
      <c r="D97" s="5">
        <v>73</v>
      </c>
    </row>
    <row r="98" spans="1:4" ht="18" customHeight="1" x14ac:dyDescent="0.15">
      <c r="A98" s="8">
        <v>76</v>
      </c>
      <c r="B98" s="21">
        <v>27</v>
      </c>
      <c r="C98" s="6">
        <v>41</v>
      </c>
      <c r="D98" s="5">
        <v>68</v>
      </c>
    </row>
    <row r="99" spans="1:4" ht="18" customHeight="1" x14ac:dyDescent="0.15">
      <c r="A99" s="8">
        <v>77</v>
      </c>
      <c r="B99" s="21">
        <v>31</v>
      </c>
      <c r="C99" s="6">
        <v>46</v>
      </c>
      <c r="D99" s="5">
        <v>77</v>
      </c>
    </row>
    <row r="100" spans="1:4" ht="18" customHeight="1" x14ac:dyDescent="0.15">
      <c r="A100" s="8">
        <v>78</v>
      </c>
      <c r="B100" s="21">
        <v>40</v>
      </c>
      <c r="C100" s="6">
        <v>56</v>
      </c>
      <c r="D100" s="5">
        <v>96</v>
      </c>
    </row>
    <row r="101" spans="1:4" ht="18" customHeight="1" x14ac:dyDescent="0.15">
      <c r="A101" s="8">
        <v>79</v>
      </c>
      <c r="B101" s="21">
        <v>17</v>
      </c>
      <c r="C101" s="6">
        <v>22</v>
      </c>
      <c r="D101" s="5">
        <v>39</v>
      </c>
    </row>
    <row r="102" spans="1:4" ht="18" customHeight="1" x14ac:dyDescent="0.15">
      <c r="A102" s="8" t="s">
        <v>8</v>
      </c>
      <c r="B102" s="21">
        <v>145</v>
      </c>
      <c r="C102" s="6">
        <v>208</v>
      </c>
      <c r="D102" s="5">
        <v>353</v>
      </c>
    </row>
    <row r="103" spans="1:4" ht="18" customHeight="1" x14ac:dyDescent="0.15">
      <c r="A103" s="8">
        <v>80</v>
      </c>
      <c r="B103" s="21">
        <v>26</v>
      </c>
      <c r="C103" s="6">
        <v>24</v>
      </c>
      <c r="D103" s="5">
        <v>50</v>
      </c>
    </row>
    <row r="104" spans="1:4" ht="18" customHeight="1" x14ac:dyDescent="0.15">
      <c r="A104" s="8">
        <v>81</v>
      </c>
      <c r="B104" s="21">
        <v>21</v>
      </c>
      <c r="C104" s="6">
        <v>35</v>
      </c>
      <c r="D104" s="5">
        <v>56</v>
      </c>
    </row>
    <row r="105" spans="1:4" ht="18" customHeight="1" x14ac:dyDescent="0.15">
      <c r="A105" s="8">
        <v>82</v>
      </c>
      <c r="B105" s="21">
        <v>29</v>
      </c>
      <c r="C105" s="6">
        <v>34</v>
      </c>
      <c r="D105" s="5">
        <v>63</v>
      </c>
    </row>
    <row r="106" spans="1:4" ht="18" customHeight="1" x14ac:dyDescent="0.15">
      <c r="A106" s="8">
        <v>83</v>
      </c>
      <c r="B106" s="21">
        <v>25</v>
      </c>
      <c r="C106" s="6">
        <v>28</v>
      </c>
      <c r="D106" s="5">
        <v>53</v>
      </c>
    </row>
    <row r="107" spans="1:4" ht="18" customHeight="1" x14ac:dyDescent="0.15">
      <c r="A107" s="8">
        <v>84</v>
      </c>
      <c r="B107" s="21">
        <v>24</v>
      </c>
      <c r="C107" s="6">
        <v>24</v>
      </c>
      <c r="D107" s="5">
        <v>48</v>
      </c>
    </row>
    <row r="108" spans="1:4" ht="18" customHeight="1" x14ac:dyDescent="0.15">
      <c r="A108" s="8" t="s">
        <v>7</v>
      </c>
      <c r="B108" s="21">
        <v>125</v>
      </c>
      <c r="C108" s="6">
        <v>145</v>
      </c>
      <c r="D108" s="5">
        <v>270</v>
      </c>
    </row>
    <row r="109" spans="1:4" ht="18" customHeight="1" x14ac:dyDescent="0.15">
      <c r="A109" s="8">
        <v>85</v>
      </c>
      <c r="B109" s="21">
        <v>15</v>
      </c>
      <c r="C109" s="6">
        <v>38</v>
      </c>
      <c r="D109" s="5">
        <v>53</v>
      </c>
    </row>
    <row r="110" spans="1:4" ht="18" customHeight="1" x14ac:dyDescent="0.15">
      <c r="A110" s="8">
        <v>86</v>
      </c>
      <c r="B110" s="21">
        <v>12</v>
      </c>
      <c r="C110" s="6">
        <v>20</v>
      </c>
      <c r="D110" s="5">
        <v>32</v>
      </c>
    </row>
    <row r="111" spans="1:4" ht="18" customHeight="1" x14ac:dyDescent="0.15">
      <c r="A111" s="8">
        <v>87</v>
      </c>
      <c r="B111" s="21">
        <v>9</v>
      </c>
      <c r="C111" s="6">
        <v>21</v>
      </c>
      <c r="D111" s="5">
        <v>30</v>
      </c>
    </row>
    <row r="112" spans="1:4" ht="18" customHeight="1" x14ac:dyDescent="0.15">
      <c r="A112" s="8">
        <v>88</v>
      </c>
      <c r="B112" s="21">
        <v>10</v>
      </c>
      <c r="C112" s="6">
        <v>19</v>
      </c>
      <c r="D112" s="5">
        <v>29</v>
      </c>
    </row>
    <row r="113" spans="1:4" ht="18" customHeight="1" x14ac:dyDescent="0.15">
      <c r="A113" s="8">
        <v>89</v>
      </c>
      <c r="B113" s="21">
        <v>13</v>
      </c>
      <c r="C113" s="6">
        <v>24</v>
      </c>
      <c r="D113" s="5">
        <v>37</v>
      </c>
    </row>
    <row r="114" spans="1:4" ht="18" customHeight="1" x14ac:dyDescent="0.15">
      <c r="A114" s="8" t="s">
        <v>6</v>
      </c>
      <c r="B114" s="21">
        <v>59</v>
      </c>
      <c r="C114" s="6">
        <v>122</v>
      </c>
      <c r="D114" s="5">
        <v>181</v>
      </c>
    </row>
    <row r="115" spans="1:4" ht="18" customHeight="1" x14ac:dyDescent="0.15">
      <c r="A115" s="8">
        <v>90</v>
      </c>
      <c r="B115" s="21">
        <v>4</v>
      </c>
      <c r="C115" s="6">
        <v>18</v>
      </c>
      <c r="D115" s="5">
        <v>22</v>
      </c>
    </row>
    <row r="116" spans="1:4" ht="18" customHeight="1" x14ac:dyDescent="0.15">
      <c r="A116" s="8">
        <v>91</v>
      </c>
      <c r="B116" s="21">
        <v>3</v>
      </c>
      <c r="C116" s="6">
        <v>20</v>
      </c>
      <c r="D116" s="5">
        <v>23</v>
      </c>
    </row>
    <row r="117" spans="1:4" ht="18" customHeight="1" x14ac:dyDescent="0.15">
      <c r="A117" s="8">
        <v>92</v>
      </c>
      <c r="B117" s="21">
        <v>5</v>
      </c>
      <c r="C117" s="6">
        <v>18</v>
      </c>
      <c r="D117" s="5">
        <v>23</v>
      </c>
    </row>
    <row r="118" spans="1:4" ht="18" customHeight="1" x14ac:dyDescent="0.15">
      <c r="A118" s="8">
        <v>93</v>
      </c>
      <c r="B118" s="21">
        <v>5</v>
      </c>
      <c r="C118" s="6">
        <v>10</v>
      </c>
      <c r="D118" s="5">
        <v>15</v>
      </c>
    </row>
    <row r="119" spans="1:4" ht="18" customHeight="1" x14ac:dyDescent="0.15">
      <c r="A119" s="8">
        <v>94</v>
      </c>
      <c r="B119" s="21">
        <v>6</v>
      </c>
      <c r="C119" s="6">
        <v>9</v>
      </c>
      <c r="D119" s="5">
        <v>15</v>
      </c>
    </row>
    <row r="120" spans="1:4" ht="18" customHeight="1" x14ac:dyDescent="0.15">
      <c r="A120" s="8" t="s">
        <v>5</v>
      </c>
      <c r="B120" s="21">
        <v>23</v>
      </c>
      <c r="C120" s="6">
        <v>75</v>
      </c>
      <c r="D120" s="5">
        <v>98</v>
      </c>
    </row>
    <row r="121" spans="1:4" ht="18" customHeight="1" x14ac:dyDescent="0.15">
      <c r="A121" s="8">
        <v>95</v>
      </c>
      <c r="B121" s="21">
        <v>1</v>
      </c>
      <c r="C121" s="6">
        <v>6</v>
      </c>
      <c r="D121" s="5">
        <v>7</v>
      </c>
    </row>
    <row r="122" spans="1:4" ht="18" customHeight="1" x14ac:dyDescent="0.15">
      <c r="A122" s="8">
        <v>96</v>
      </c>
      <c r="B122" s="21">
        <v>2</v>
      </c>
      <c r="C122" s="6">
        <v>5</v>
      </c>
      <c r="D122" s="5">
        <v>7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4</v>
      </c>
      <c r="C126" s="6">
        <v>22</v>
      </c>
      <c r="D126" s="5">
        <v>26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666</v>
      </c>
      <c r="C130" s="6">
        <v>909</v>
      </c>
      <c r="D130" s="5">
        <v>1575</v>
      </c>
    </row>
    <row r="131" spans="1:4" ht="18" customHeight="1" x14ac:dyDescent="0.15">
      <c r="A131" s="4" t="s">
        <v>0</v>
      </c>
      <c r="B131" s="20">
        <v>2688</v>
      </c>
      <c r="C131" s="2">
        <v>2859</v>
      </c>
      <c r="D131" s="1">
        <v>55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7B6FA5-569B-4529-9D3E-A2F4E7CD96EE}">
  <sheetPr codeName="Sheet2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7</v>
      </c>
      <c r="C5" s="11">
        <v>31</v>
      </c>
      <c r="D5" s="10">
        <v>58</v>
      </c>
    </row>
    <row r="6" spans="1:4" ht="18" customHeight="1" x14ac:dyDescent="0.15">
      <c r="A6" s="8">
        <v>1</v>
      </c>
      <c r="B6" s="21">
        <v>25</v>
      </c>
      <c r="C6" s="6">
        <v>27</v>
      </c>
      <c r="D6" s="5">
        <v>52</v>
      </c>
    </row>
    <row r="7" spans="1:4" ht="18" customHeight="1" x14ac:dyDescent="0.15">
      <c r="A7" s="8">
        <v>2</v>
      </c>
      <c r="B7" s="21">
        <v>36</v>
      </c>
      <c r="C7" s="6">
        <v>23</v>
      </c>
      <c r="D7" s="5">
        <v>59</v>
      </c>
    </row>
    <row r="8" spans="1:4" ht="18" customHeight="1" x14ac:dyDescent="0.15">
      <c r="A8" s="8">
        <v>3</v>
      </c>
      <c r="B8" s="21">
        <v>32</v>
      </c>
      <c r="C8" s="6">
        <v>26</v>
      </c>
      <c r="D8" s="5">
        <v>58</v>
      </c>
    </row>
    <row r="9" spans="1:4" ht="18" customHeight="1" x14ac:dyDescent="0.15">
      <c r="A9" s="8">
        <v>4</v>
      </c>
      <c r="B9" s="21">
        <v>32</v>
      </c>
      <c r="C9" s="6">
        <v>31</v>
      </c>
      <c r="D9" s="5">
        <v>63</v>
      </c>
    </row>
    <row r="10" spans="1:4" ht="18" customHeight="1" x14ac:dyDescent="0.15">
      <c r="A10" s="8" t="s">
        <v>25</v>
      </c>
      <c r="B10" s="21">
        <v>152</v>
      </c>
      <c r="C10" s="6">
        <v>138</v>
      </c>
      <c r="D10" s="5">
        <v>290</v>
      </c>
    </row>
    <row r="11" spans="1:4" ht="18" customHeight="1" x14ac:dyDescent="0.15">
      <c r="A11" s="8">
        <v>5</v>
      </c>
      <c r="B11" s="21">
        <v>28</v>
      </c>
      <c r="C11" s="6">
        <v>23</v>
      </c>
      <c r="D11" s="5">
        <v>51</v>
      </c>
    </row>
    <row r="12" spans="1:4" ht="18" customHeight="1" x14ac:dyDescent="0.15">
      <c r="A12" s="8">
        <v>6</v>
      </c>
      <c r="B12" s="21">
        <v>35</v>
      </c>
      <c r="C12" s="6">
        <v>29</v>
      </c>
      <c r="D12" s="5">
        <v>64</v>
      </c>
    </row>
    <row r="13" spans="1:4" ht="18" customHeight="1" x14ac:dyDescent="0.15">
      <c r="A13" s="8">
        <v>7</v>
      </c>
      <c r="B13" s="21">
        <v>27</v>
      </c>
      <c r="C13" s="6">
        <v>42</v>
      </c>
      <c r="D13" s="5">
        <v>69</v>
      </c>
    </row>
    <row r="14" spans="1:4" ht="18" customHeight="1" x14ac:dyDescent="0.15">
      <c r="A14" s="8">
        <v>8</v>
      </c>
      <c r="B14" s="21">
        <v>24</v>
      </c>
      <c r="C14" s="6">
        <v>36</v>
      </c>
      <c r="D14" s="5">
        <v>60</v>
      </c>
    </row>
    <row r="15" spans="1:4" ht="18" customHeight="1" x14ac:dyDescent="0.15">
      <c r="A15" s="8">
        <v>9</v>
      </c>
      <c r="B15" s="21">
        <v>30</v>
      </c>
      <c r="C15" s="6">
        <v>26</v>
      </c>
      <c r="D15" s="5">
        <v>56</v>
      </c>
    </row>
    <row r="16" spans="1:4" ht="18" customHeight="1" x14ac:dyDescent="0.15">
      <c r="A16" s="8" t="s">
        <v>24</v>
      </c>
      <c r="B16" s="21">
        <v>144</v>
      </c>
      <c r="C16" s="6">
        <v>156</v>
      </c>
      <c r="D16" s="5">
        <v>300</v>
      </c>
    </row>
    <row r="17" spans="1:4" ht="18" customHeight="1" x14ac:dyDescent="0.15">
      <c r="A17" s="8">
        <v>10</v>
      </c>
      <c r="B17" s="21">
        <v>29</v>
      </c>
      <c r="C17" s="6">
        <v>26</v>
      </c>
      <c r="D17" s="5">
        <v>55</v>
      </c>
    </row>
    <row r="18" spans="1:4" ht="18" customHeight="1" x14ac:dyDescent="0.15">
      <c r="A18" s="8">
        <v>11</v>
      </c>
      <c r="B18" s="21">
        <v>30</v>
      </c>
      <c r="C18" s="6">
        <v>38</v>
      </c>
      <c r="D18" s="5">
        <v>68</v>
      </c>
    </row>
    <row r="19" spans="1:4" ht="18" customHeight="1" x14ac:dyDescent="0.15">
      <c r="A19" s="8">
        <v>12</v>
      </c>
      <c r="B19" s="21">
        <v>32</v>
      </c>
      <c r="C19" s="6">
        <v>34</v>
      </c>
      <c r="D19" s="5">
        <v>66</v>
      </c>
    </row>
    <row r="20" spans="1:4" ht="18" customHeight="1" x14ac:dyDescent="0.15">
      <c r="A20" s="8">
        <v>13</v>
      </c>
      <c r="B20" s="21">
        <v>40</v>
      </c>
      <c r="C20" s="6">
        <v>27</v>
      </c>
      <c r="D20" s="5">
        <v>67</v>
      </c>
    </row>
    <row r="21" spans="1:4" ht="18" customHeight="1" x14ac:dyDescent="0.15">
      <c r="A21" s="8">
        <v>14</v>
      </c>
      <c r="B21" s="21">
        <v>26</v>
      </c>
      <c r="C21" s="6">
        <v>46</v>
      </c>
      <c r="D21" s="5">
        <v>72</v>
      </c>
    </row>
    <row r="22" spans="1:4" ht="18" customHeight="1" x14ac:dyDescent="0.15">
      <c r="A22" s="8" t="s">
        <v>23</v>
      </c>
      <c r="B22" s="21">
        <v>157</v>
      </c>
      <c r="C22" s="6">
        <v>171</v>
      </c>
      <c r="D22" s="5">
        <v>328</v>
      </c>
    </row>
    <row r="23" spans="1:4" ht="18" customHeight="1" x14ac:dyDescent="0.15">
      <c r="A23" s="8" t="s">
        <v>22</v>
      </c>
      <c r="B23" s="21">
        <v>453</v>
      </c>
      <c r="C23" s="6">
        <v>465</v>
      </c>
      <c r="D23" s="5">
        <v>918</v>
      </c>
    </row>
    <row r="24" spans="1:4" ht="18" customHeight="1" x14ac:dyDescent="0.15">
      <c r="A24" s="8">
        <v>15</v>
      </c>
      <c r="B24" s="21">
        <v>38</v>
      </c>
      <c r="C24" s="6">
        <v>37</v>
      </c>
      <c r="D24" s="5">
        <v>75</v>
      </c>
    </row>
    <row r="25" spans="1:4" ht="18" customHeight="1" x14ac:dyDescent="0.15">
      <c r="A25" s="8">
        <v>16</v>
      </c>
      <c r="B25" s="21">
        <v>40</v>
      </c>
      <c r="C25" s="6">
        <v>45</v>
      </c>
      <c r="D25" s="5">
        <v>85</v>
      </c>
    </row>
    <row r="26" spans="1:4" ht="18" customHeight="1" x14ac:dyDescent="0.15">
      <c r="A26" s="8">
        <v>17</v>
      </c>
      <c r="B26" s="21">
        <v>44</v>
      </c>
      <c r="C26" s="6">
        <v>40</v>
      </c>
      <c r="D26" s="5">
        <v>84</v>
      </c>
    </row>
    <row r="27" spans="1:4" ht="18" customHeight="1" x14ac:dyDescent="0.15">
      <c r="A27" s="8">
        <v>18</v>
      </c>
      <c r="B27" s="21">
        <v>83</v>
      </c>
      <c r="C27" s="6">
        <v>64</v>
      </c>
      <c r="D27" s="5">
        <v>147</v>
      </c>
    </row>
    <row r="28" spans="1:4" ht="18" customHeight="1" x14ac:dyDescent="0.15">
      <c r="A28" s="8">
        <v>19</v>
      </c>
      <c r="B28" s="21">
        <v>174</v>
      </c>
      <c r="C28" s="6">
        <v>110</v>
      </c>
      <c r="D28" s="5">
        <v>284</v>
      </c>
    </row>
    <row r="29" spans="1:4" ht="18" customHeight="1" x14ac:dyDescent="0.15">
      <c r="A29" s="8" t="s">
        <v>21</v>
      </c>
      <c r="B29" s="21">
        <v>379</v>
      </c>
      <c r="C29" s="6">
        <v>296</v>
      </c>
      <c r="D29" s="5">
        <v>675</v>
      </c>
    </row>
    <row r="30" spans="1:4" ht="18" customHeight="1" x14ac:dyDescent="0.15">
      <c r="A30" s="8">
        <v>20</v>
      </c>
      <c r="B30" s="21">
        <v>185</v>
      </c>
      <c r="C30" s="6">
        <v>115</v>
      </c>
      <c r="D30" s="5">
        <v>300</v>
      </c>
    </row>
    <row r="31" spans="1:4" ht="18" customHeight="1" x14ac:dyDescent="0.15">
      <c r="A31" s="8">
        <v>21</v>
      </c>
      <c r="B31" s="21">
        <v>229</v>
      </c>
      <c r="C31" s="6">
        <v>139</v>
      </c>
      <c r="D31" s="5">
        <v>368</v>
      </c>
    </row>
    <row r="32" spans="1:4" ht="18" customHeight="1" x14ac:dyDescent="0.15">
      <c r="A32" s="8">
        <v>22</v>
      </c>
      <c r="B32" s="21">
        <v>191</v>
      </c>
      <c r="C32" s="6">
        <v>110</v>
      </c>
      <c r="D32" s="5">
        <v>301</v>
      </c>
    </row>
    <row r="33" spans="1:4" ht="18" customHeight="1" x14ac:dyDescent="0.15">
      <c r="A33" s="8">
        <v>23</v>
      </c>
      <c r="B33" s="21">
        <v>176</v>
      </c>
      <c r="C33" s="6">
        <v>84</v>
      </c>
      <c r="D33" s="5">
        <v>260</v>
      </c>
    </row>
    <row r="34" spans="1:4" ht="18" customHeight="1" x14ac:dyDescent="0.15">
      <c r="A34" s="8">
        <v>24</v>
      </c>
      <c r="B34" s="21">
        <v>135</v>
      </c>
      <c r="C34" s="6">
        <v>68</v>
      </c>
      <c r="D34" s="5">
        <v>203</v>
      </c>
    </row>
    <row r="35" spans="1:4" ht="18" customHeight="1" x14ac:dyDescent="0.15">
      <c r="A35" s="8" t="s">
        <v>20</v>
      </c>
      <c r="B35" s="21">
        <v>916</v>
      </c>
      <c r="C35" s="6">
        <v>516</v>
      </c>
      <c r="D35" s="5">
        <v>1432</v>
      </c>
    </row>
    <row r="36" spans="1:4" ht="18" customHeight="1" x14ac:dyDescent="0.15">
      <c r="A36" s="8">
        <v>25</v>
      </c>
      <c r="B36" s="21">
        <v>113</v>
      </c>
      <c r="C36" s="6">
        <v>61</v>
      </c>
      <c r="D36" s="5">
        <v>174</v>
      </c>
    </row>
    <row r="37" spans="1:4" ht="18" customHeight="1" x14ac:dyDescent="0.15">
      <c r="A37" s="8">
        <v>26</v>
      </c>
      <c r="B37" s="21">
        <v>96</v>
      </c>
      <c r="C37" s="6">
        <v>57</v>
      </c>
      <c r="D37" s="5">
        <v>153</v>
      </c>
    </row>
    <row r="38" spans="1:4" ht="18" customHeight="1" x14ac:dyDescent="0.15">
      <c r="A38" s="8">
        <v>27</v>
      </c>
      <c r="B38" s="21">
        <v>81</v>
      </c>
      <c r="C38" s="6">
        <v>54</v>
      </c>
      <c r="D38" s="5">
        <v>135</v>
      </c>
    </row>
    <row r="39" spans="1:4" ht="18" customHeight="1" x14ac:dyDescent="0.15">
      <c r="A39" s="8">
        <v>28</v>
      </c>
      <c r="B39" s="21">
        <v>45</v>
      </c>
      <c r="C39" s="6">
        <v>41</v>
      </c>
      <c r="D39" s="5">
        <v>86</v>
      </c>
    </row>
    <row r="40" spans="1:4" ht="18" customHeight="1" x14ac:dyDescent="0.15">
      <c r="A40" s="8">
        <v>29</v>
      </c>
      <c r="B40" s="21">
        <v>60</v>
      </c>
      <c r="C40" s="6">
        <v>49</v>
      </c>
      <c r="D40" s="5">
        <v>109</v>
      </c>
    </row>
    <row r="41" spans="1:4" ht="18" customHeight="1" x14ac:dyDescent="0.15">
      <c r="A41" s="8" t="s">
        <v>19</v>
      </c>
      <c r="B41" s="21">
        <v>395</v>
      </c>
      <c r="C41" s="6">
        <v>262</v>
      </c>
      <c r="D41" s="5">
        <v>657</v>
      </c>
    </row>
    <row r="42" spans="1:4" ht="18" customHeight="1" x14ac:dyDescent="0.15">
      <c r="A42" s="8">
        <v>30</v>
      </c>
      <c r="B42" s="21">
        <v>65</v>
      </c>
      <c r="C42" s="6">
        <v>65</v>
      </c>
      <c r="D42" s="5">
        <v>130</v>
      </c>
    </row>
    <row r="43" spans="1:4" ht="18" customHeight="1" x14ac:dyDescent="0.15">
      <c r="A43" s="8">
        <v>31</v>
      </c>
      <c r="B43" s="21">
        <v>53</v>
      </c>
      <c r="C43" s="6">
        <v>50</v>
      </c>
      <c r="D43" s="5">
        <v>103</v>
      </c>
    </row>
    <row r="44" spans="1:4" ht="18" customHeight="1" x14ac:dyDescent="0.15">
      <c r="A44" s="8">
        <v>32</v>
      </c>
      <c r="B44" s="21">
        <v>58</v>
      </c>
      <c r="C44" s="6">
        <v>46</v>
      </c>
      <c r="D44" s="5">
        <v>104</v>
      </c>
    </row>
    <row r="45" spans="1:4" ht="18" customHeight="1" x14ac:dyDescent="0.15">
      <c r="A45" s="8">
        <v>33</v>
      </c>
      <c r="B45" s="21">
        <v>55</v>
      </c>
      <c r="C45" s="6">
        <v>48</v>
      </c>
      <c r="D45" s="5">
        <v>103</v>
      </c>
    </row>
    <row r="46" spans="1:4" ht="18" customHeight="1" x14ac:dyDescent="0.15">
      <c r="A46" s="8">
        <v>34</v>
      </c>
      <c r="B46" s="21">
        <v>51</v>
      </c>
      <c r="C46" s="6">
        <v>38</v>
      </c>
      <c r="D46" s="5">
        <v>89</v>
      </c>
    </row>
    <row r="47" spans="1:4" ht="18" customHeight="1" x14ac:dyDescent="0.15">
      <c r="A47" s="8" t="s">
        <v>18</v>
      </c>
      <c r="B47" s="21">
        <v>282</v>
      </c>
      <c r="C47" s="6">
        <v>247</v>
      </c>
      <c r="D47" s="5">
        <v>529</v>
      </c>
    </row>
    <row r="48" spans="1:4" ht="18" customHeight="1" x14ac:dyDescent="0.15">
      <c r="A48" s="8">
        <v>35</v>
      </c>
      <c r="B48" s="21">
        <v>50</v>
      </c>
      <c r="C48" s="6">
        <v>54</v>
      </c>
      <c r="D48" s="5">
        <v>104</v>
      </c>
    </row>
    <row r="49" spans="1:4" ht="18" customHeight="1" x14ac:dyDescent="0.15">
      <c r="A49" s="8">
        <v>36</v>
      </c>
      <c r="B49" s="21">
        <v>59</v>
      </c>
      <c r="C49" s="6">
        <v>42</v>
      </c>
      <c r="D49" s="5">
        <v>101</v>
      </c>
    </row>
    <row r="50" spans="1:4" ht="18" customHeight="1" x14ac:dyDescent="0.15">
      <c r="A50" s="8">
        <v>37</v>
      </c>
      <c r="B50" s="21">
        <v>65</v>
      </c>
      <c r="C50" s="6">
        <v>46</v>
      </c>
      <c r="D50" s="5">
        <v>111</v>
      </c>
    </row>
    <row r="51" spans="1:4" ht="18" customHeight="1" x14ac:dyDescent="0.15">
      <c r="A51" s="8">
        <v>38</v>
      </c>
      <c r="B51" s="21">
        <v>51</v>
      </c>
      <c r="C51" s="6">
        <v>38</v>
      </c>
      <c r="D51" s="5">
        <v>89</v>
      </c>
    </row>
    <row r="52" spans="1:4" ht="18" customHeight="1" x14ac:dyDescent="0.15">
      <c r="A52" s="8">
        <v>39</v>
      </c>
      <c r="B52" s="21">
        <v>39</v>
      </c>
      <c r="C52" s="6">
        <v>43</v>
      </c>
      <c r="D52" s="5">
        <v>82</v>
      </c>
    </row>
    <row r="53" spans="1:4" ht="18" customHeight="1" x14ac:dyDescent="0.15">
      <c r="A53" s="8" t="s">
        <v>17</v>
      </c>
      <c r="B53" s="21">
        <v>264</v>
      </c>
      <c r="C53" s="6">
        <v>223</v>
      </c>
      <c r="D53" s="5">
        <v>487</v>
      </c>
    </row>
    <row r="54" spans="1:4" ht="18" customHeight="1" x14ac:dyDescent="0.15">
      <c r="A54" s="8">
        <v>40</v>
      </c>
      <c r="B54" s="21">
        <v>57</v>
      </c>
      <c r="C54" s="6">
        <v>49</v>
      </c>
      <c r="D54" s="5">
        <v>106</v>
      </c>
    </row>
    <row r="55" spans="1:4" ht="18" customHeight="1" x14ac:dyDescent="0.15">
      <c r="A55" s="8">
        <v>41</v>
      </c>
      <c r="B55" s="21">
        <v>59</v>
      </c>
      <c r="C55" s="6">
        <v>45</v>
      </c>
      <c r="D55" s="5">
        <v>104</v>
      </c>
    </row>
    <row r="56" spans="1:4" ht="18" customHeight="1" x14ac:dyDescent="0.15">
      <c r="A56" s="8">
        <v>42</v>
      </c>
      <c r="B56" s="21">
        <v>53</v>
      </c>
      <c r="C56" s="6">
        <v>56</v>
      </c>
      <c r="D56" s="5">
        <v>109</v>
      </c>
    </row>
    <row r="57" spans="1:4" ht="18" customHeight="1" x14ac:dyDescent="0.15">
      <c r="A57" s="8">
        <v>43</v>
      </c>
      <c r="B57" s="21">
        <v>60</v>
      </c>
      <c r="C57" s="6">
        <v>50</v>
      </c>
      <c r="D57" s="5">
        <v>110</v>
      </c>
    </row>
    <row r="58" spans="1:4" ht="18" customHeight="1" x14ac:dyDescent="0.15">
      <c r="A58" s="8">
        <v>44</v>
      </c>
      <c r="B58" s="21">
        <v>37</v>
      </c>
      <c r="C58" s="6">
        <v>50</v>
      </c>
      <c r="D58" s="5">
        <v>87</v>
      </c>
    </row>
    <row r="59" spans="1:4" ht="18" customHeight="1" x14ac:dyDescent="0.15">
      <c r="A59" s="8" t="s">
        <v>16</v>
      </c>
      <c r="B59" s="21">
        <v>266</v>
      </c>
      <c r="C59" s="6">
        <v>250</v>
      </c>
      <c r="D59" s="5">
        <v>516</v>
      </c>
    </row>
    <row r="60" spans="1:4" ht="18" customHeight="1" x14ac:dyDescent="0.15">
      <c r="A60" s="8">
        <v>45</v>
      </c>
      <c r="B60" s="21">
        <v>65</v>
      </c>
      <c r="C60" s="6">
        <v>43</v>
      </c>
      <c r="D60" s="5">
        <v>108</v>
      </c>
    </row>
    <row r="61" spans="1:4" ht="18" customHeight="1" x14ac:dyDescent="0.15">
      <c r="A61" s="8">
        <v>46</v>
      </c>
      <c r="B61" s="21">
        <v>71</v>
      </c>
      <c r="C61" s="6">
        <v>66</v>
      </c>
      <c r="D61" s="5">
        <v>137</v>
      </c>
    </row>
    <row r="62" spans="1:4" ht="18" customHeight="1" x14ac:dyDescent="0.15">
      <c r="A62" s="8">
        <v>47</v>
      </c>
      <c r="B62" s="21">
        <v>78</v>
      </c>
      <c r="C62" s="6">
        <v>67</v>
      </c>
      <c r="D62" s="5">
        <v>145</v>
      </c>
    </row>
    <row r="63" spans="1:4" ht="18" customHeight="1" x14ac:dyDescent="0.15">
      <c r="A63" s="8">
        <v>48</v>
      </c>
      <c r="B63" s="21">
        <v>60</v>
      </c>
      <c r="C63" s="6">
        <v>59</v>
      </c>
      <c r="D63" s="5">
        <v>119</v>
      </c>
    </row>
    <row r="64" spans="1:4" ht="18" customHeight="1" x14ac:dyDescent="0.15">
      <c r="A64" s="8">
        <v>49</v>
      </c>
      <c r="B64" s="21">
        <v>73</v>
      </c>
      <c r="C64" s="6">
        <v>54</v>
      </c>
      <c r="D64" s="5">
        <v>127</v>
      </c>
    </row>
    <row r="65" spans="1:4" ht="18" customHeight="1" x14ac:dyDescent="0.15">
      <c r="A65" s="8" t="s">
        <v>15</v>
      </c>
      <c r="B65" s="21">
        <v>347</v>
      </c>
      <c r="C65" s="6">
        <v>289</v>
      </c>
      <c r="D65" s="5">
        <v>636</v>
      </c>
    </row>
    <row r="66" spans="1:4" ht="18" customHeight="1" x14ac:dyDescent="0.15">
      <c r="A66" s="8">
        <v>50</v>
      </c>
      <c r="B66" s="21">
        <v>77</v>
      </c>
      <c r="C66" s="6">
        <v>66</v>
      </c>
      <c r="D66" s="5">
        <v>143</v>
      </c>
    </row>
    <row r="67" spans="1:4" ht="18" customHeight="1" x14ac:dyDescent="0.15">
      <c r="A67" s="8">
        <v>51</v>
      </c>
      <c r="B67" s="21">
        <v>72</v>
      </c>
      <c r="C67" s="6">
        <v>74</v>
      </c>
      <c r="D67" s="5">
        <v>146</v>
      </c>
    </row>
    <row r="68" spans="1:4" ht="18" customHeight="1" x14ac:dyDescent="0.15">
      <c r="A68" s="8">
        <v>52</v>
      </c>
      <c r="B68" s="21">
        <v>87</v>
      </c>
      <c r="C68" s="6">
        <v>90</v>
      </c>
      <c r="D68" s="5">
        <v>177</v>
      </c>
    </row>
    <row r="69" spans="1:4" ht="18" customHeight="1" x14ac:dyDescent="0.15">
      <c r="A69" s="8">
        <v>53</v>
      </c>
      <c r="B69" s="21">
        <v>95</v>
      </c>
      <c r="C69" s="6">
        <v>84</v>
      </c>
      <c r="D69" s="5">
        <v>179</v>
      </c>
    </row>
    <row r="70" spans="1:4" ht="18" customHeight="1" x14ac:dyDescent="0.15">
      <c r="A70" s="8">
        <v>54</v>
      </c>
      <c r="B70" s="21">
        <v>76</v>
      </c>
      <c r="C70" s="6">
        <v>61</v>
      </c>
      <c r="D70" s="5">
        <v>137</v>
      </c>
    </row>
    <row r="71" spans="1:4" ht="18" customHeight="1" x14ac:dyDescent="0.15">
      <c r="A71" s="8" t="s">
        <v>14</v>
      </c>
      <c r="B71" s="21">
        <v>407</v>
      </c>
      <c r="C71" s="6">
        <v>375</v>
      </c>
      <c r="D71" s="5">
        <v>782</v>
      </c>
    </row>
    <row r="72" spans="1:4" ht="18" customHeight="1" x14ac:dyDescent="0.15">
      <c r="A72" s="8">
        <v>55</v>
      </c>
      <c r="B72" s="21">
        <v>72</v>
      </c>
      <c r="C72" s="6">
        <v>70</v>
      </c>
      <c r="D72" s="5">
        <v>142</v>
      </c>
    </row>
    <row r="73" spans="1:4" ht="18" customHeight="1" x14ac:dyDescent="0.15">
      <c r="A73" s="8">
        <v>56</v>
      </c>
      <c r="B73" s="21">
        <v>64</v>
      </c>
      <c r="C73" s="6">
        <v>64</v>
      </c>
      <c r="D73" s="5">
        <v>128</v>
      </c>
    </row>
    <row r="74" spans="1:4" ht="18" customHeight="1" x14ac:dyDescent="0.15">
      <c r="A74" s="8">
        <v>57</v>
      </c>
      <c r="B74" s="21">
        <v>57</v>
      </c>
      <c r="C74" s="6">
        <v>71</v>
      </c>
      <c r="D74" s="5">
        <v>128</v>
      </c>
    </row>
    <row r="75" spans="1:4" ht="18" customHeight="1" x14ac:dyDescent="0.15">
      <c r="A75" s="8">
        <v>58</v>
      </c>
      <c r="B75" s="21">
        <v>72</v>
      </c>
      <c r="C75" s="6">
        <v>78</v>
      </c>
      <c r="D75" s="5">
        <v>150</v>
      </c>
    </row>
    <row r="76" spans="1:4" ht="18" customHeight="1" x14ac:dyDescent="0.15">
      <c r="A76" s="8">
        <v>59</v>
      </c>
      <c r="B76" s="21">
        <v>42</v>
      </c>
      <c r="C76" s="6">
        <v>36</v>
      </c>
      <c r="D76" s="5">
        <v>78</v>
      </c>
    </row>
    <row r="77" spans="1:4" ht="18" customHeight="1" x14ac:dyDescent="0.15">
      <c r="A77" s="8" t="s">
        <v>13</v>
      </c>
      <c r="B77" s="21">
        <v>307</v>
      </c>
      <c r="C77" s="6">
        <v>319</v>
      </c>
      <c r="D77" s="5">
        <v>626</v>
      </c>
    </row>
    <row r="78" spans="1:4" ht="18" customHeight="1" x14ac:dyDescent="0.15">
      <c r="A78" s="8">
        <v>60</v>
      </c>
      <c r="B78" s="21">
        <v>59</v>
      </c>
      <c r="C78" s="6">
        <v>42</v>
      </c>
      <c r="D78" s="5">
        <v>101</v>
      </c>
    </row>
    <row r="79" spans="1:4" ht="18" customHeight="1" x14ac:dyDescent="0.15">
      <c r="A79" s="8">
        <v>61</v>
      </c>
      <c r="B79" s="21">
        <v>58</v>
      </c>
      <c r="C79" s="6">
        <v>54</v>
      </c>
      <c r="D79" s="5">
        <v>112</v>
      </c>
    </row>
    <row r="80" spans="1:4" ht="18" customHeight="1" x14ac:dyDescent="0.15">
      <c r="A80" s="8">
        <v>62</v>
      </c>
      <c r="B80" s="21">
        <v>66</v>
      </c>
      <c r="C80" s="6">
        <v>47</v>
      </c>
      <c r="D80" s="5">
        <v>113</v>
      </c>
    </row>
    <row r="81" spans="1:4" ht="18" customHeight="1" x14ac:dyDescent="0.15">
      <c r="A81" s="8">
        <v>63</v>
      </c>
      <c r="B81" s="21">
        <v>58</v>
      </c>
      <c r="C81" s="6">
        <v>59</v>
      </c>
      <c r="D81" s="5">
        <v>117</v>
      </c>
    </row>
    <row r="82" spans="1:4" ht="18" customHeight="1" x14ac:dyDescent="0.15">
      <c r="A82" s="8">
        <v>64</v>
      </c>
      <c r="B82" s="21">
        <v>45</v>
      </c>
      <c r="C82" s="6">
        <v>51</v>
      </c>
      <c r="D82" s="5">
        <v>96</v>
      </c>
    </row>
    <row r="83" spans="1:4" ht="18" customHeight="1" x14ac:dyDescent="0.15">
      <c r="A83" s="8" t="s">
        <v>12</v>
      </c>
      <c r="B83" s="21">
        <v>286</v>
      </c>
      <c r="C83" s="6">
        <v>253</v>
      </c>
      <c r="D83" s="5">
        <v>539</v>
      </c>
    </row>
    <row r="84" spans="1:4" ht="18" customHeight="1" x14ac:dyDescent="0.15">
      <c r="A84" s="8" t="s">
        <v>11</v>
      </c>
      <c r="B84" s="21">
        <v>3849</v>
      </c>
      <c r="C84" s="6">
        <v>3030</v>
      </c>
      <c r="D84" s="5">
        <v>6879</v>
      </c>
    </row>
    <row r="85" spans="1:4" ht="18" customHeight="1" x14ac:dyDescent="0.15">
      <c r="A85" s="8">
        <v>65</v>
      </c>
      <c r="B85" s="21">
        <v>56</v>
      </c>
      <c r="C85" s="6">
        <v>57</v>
      </c>
      <c r="D85" s="5">
        <v>113</v>
      </c>
    </row>
    <row r="86" spans="1:4" ht="18" customHeight="1" x14ac:dyDescent="0.15">
      <c r="A86" s="8">
        <v>66</v>
      </c>
      <c r="B86" s="21">
        <v>50</v>
      </c>
      <c r="C86" s="6">
        <v>51</v>
      </c>
      <c r="D86" s="5">
        <v>101</v>
      </c>
    </row>
    <row r="87" spans="1:4" ht="18" customHeight="1" x14ac:dyDescent="0.15">
      <c r="A87" s="8">
        <v>67</v>
      </c>
      <c r="B87" s="21">
        <v>49</v>
      </c>
      <c r="C87" s="6">
        <v>40</v>
      </c>
      <c r="D87" s="5">
        <v>89</v>
      </c>
    </row>
    <row r="88" spans="1:4" ht="18" customHeight="1" x14ac:dyDescent="0.15">
      <c r="A88" s="8">
        <v>68</v>
      </c>
      <c r="B88" s="21">
        <v>52</v>
      </c>
      <c r="C88" s="6">
        <v>42</v>
      </c>
      <c r="D88" s="5">
        <v>94</v>
      </c>
    </row>
    <row r="89" spans="1:4" ht="18" customHeight="1" x14ac:dyDescent="0.15">
      <c r="A89" s="8">
        <v>69</v>
      </c>
      <c r="B89" s="21">
        <v>45</v>
      </c>
      <c r="C89" s="6">
        <v>38</v>
      </c>
      <c r="D89" s="5">
        <v>83</v>
      </c>
    </row>
    <row r="90" spans="1:4" ht="18" customHeight="1" x14ac:dyDescent="0.15">
      <c r="A90" s="8" t="s">
        <v>10</v>
      </c>
      <c r="B90" s="21">
        <v>252</v>
      </c>
      <c r="C90" s="6">
        <v>228</v>
      </c>
      <c r="D90" s="5">
        <v>480</v>
      </c>
    </row>
    <row r="91" spans="1:4" ht="18" customHeight="1" x14ac:dyDescent="0.15">
      <c r="A91" s="8">
        <v>70</v>
      </c>
      <c r="B91" s="21">
        <v>45</v>
      </c>
      <c r="C91" s="6">
        <v>50</v>
      </c>
      <c r="D91" s="5">
        <v>95</v>
      </c>
    </row>
    <row r="92" spans="1:4" ht="18" customHeight="1" x14ac:dyDescent="0.15">
      <c r="A92" s="8">
        <v>71</v>
      </c>
      <c r="B92" s="21">
        <v>34</v>
      </c>
      <c r="C92" s="6">
        <v>46</v>
      </c>
      <c r="D92" s="5">
        <v>80</v>
      </c>
    </row>
    <row r="93" spans="1:4" ht="18" customHeight="1" x14ac:dyDescent="0.15">
      <c r="A93" s="8">
        <v>72</v>
      </c>
      <c r="B93" s="21">
        <v>54</v>
      </c>
      <c r="C93" s="6">
        <v>56</v>
      </c>
      <c r="D93" s="5">
        <v>110</v>
      </c>
    </row>
    <row r="94" spans="1:4" ht="18" customHeight="1" x14ac:dyDescent="0.15">
      <c r="A94" s="8">
        <v>73</v>
      </c>
      <c r="B94" s="21">
        <v>32</v>
      </c>
      <c r="C94" s="6">
        <v>54</v>
      </c>
      <c r="D94" s="5">
        <v>86</v>
      </c>
    </row>
    <row r="95" spans="1:4" ht="18" customHeight="1" x14ac:dyDescent="0.15">
      <c r="A95" s="8">
        <v>74</v>
      </c>
      <c r="B95" s="21">
        <v>53</v>
      </c>
      <c r="C95" s="6">
        <v>54</v>
      </c>
      <c r="D95" s="5">
        <v>107</v>
      </c>
    </row>
    <row r="96" spans="1:4" ht="18" customHeight="1" x14ac:dyDescent="0.15">
      <c r="A96" s="8" t="s">
        <v>9</v>
      </c>
      <c r="B96" s="21">
        <v>218</v>
      </c>
      <c r="C96" s="6">
        <v>260</v>
      </c>
      <c r="D96" s="5">
        <v>478</v>
      </c>
    </row>
    <row r="97" spans="1:4" ht="18" customHeight="1" x14ac:dyDescent="0.15">
      <c r="A97" s="8">
        <v>75</v>
      </c>
      <c r="B97" s="21">
        <v>45</v>
      </c>
      <c r="C97" s="6">
        <v>52</v>
      </c>
      <c r="D97" s="5">
        <v>97</v>
      </c>
    </row>
    <row r="98" spans="1:4" ht="18" customHeight="1" x14ac:dyDescent="0.15">
      <c r="A98" s="8">
        <v>76</v>
      </c>
      <c r="B98" s="21">
        <v>65</v>
      </c>
      <c r="C98" s="6">
        <v>66</v>
      </c>
      <c r="D98" s="5">
        <v>131</v>
      </c>
    </row>
    <row r="99" spans="1:4" ht="18" customHeight="1" x14ac:dyDescent="0.15">
      <c r="A99" s="8">
        <v>77</v>
      </c>
      <c r="B99" s="21">
        <v>66</v>
      </c>
      <c r="C99" s="6">
        <v>83</v>
      </c>
      <c r="D99" s="5">
        <v>149</v>
      </c>
    </row>
    <row r="100" spans="1:4" ht="18" customHeight="1" x14ac:dyDescent="0.15">
      <c r="A100" s="8">
        <v>78</v>
      </c>
      <c r="B100" s="21">
        <v>76</v>
      </c>
      <c r="C100" s="6">
        <v>74</v>
      </c>
      <c r="D100" s="5">
        <v>150</v>
      </c>
    </row>
    <row r="101" spans="1:4" ht="18" customHeight="1" x14ac:dyDescent="0.15">
      <c r="A101" s="8">
        <v>79</v>
      </c>
      <c r="B101" s="21">
        <v>42</v>
      </c>
      <c r="C101" s="6">
        <v>46</v>
      </c>
      <c r="D101" s="5">
        <v>88</v>
      </c>
    </row>
    <row r="102" spans="1:4" ht="18" customHeight="1" x14ac:dyDescent="0.15">
      <c r="A102" s="8" t="s">
        <v>8</v>
      </c>
      <c r="B102" s="21">
        <v>294</v>
      </c>
      <c r="C102" s="6">
        <v>321</v>
      </c>
      <c r="D102" s="5">
        <v>615</v>
      </c>
    </row>
    <row r="103" spans="1:4" ht="18" customHeight="1" x14ac:dyDescent="0.15">
      <c r="A103" s="8">
        <v>80</v>
      </c>
      <c r="B103" s="21">
        <v>34</v>
      </c>
      <c r="C103" s="6">
        <v>27</v>
      </c>
      <c r="D103" s="5">
        <v>61</v>
      </c>
    </row>
    <row r="104" spans="1:4" ht="18" customHeight="1" x14ac:dyDescent="0.15">
      <c r="A104" s="8">
        <v>81</v>
      </c>
      <c r="B104" s="21">
        <v>39</v>
      </c>
      <c r="C104" s="6">
        <v>58</v>
      </c>
      <c r="D104" s="5">
        <v>97</v>
      </c>
    </row>
    <row r="105" spans="1:4" ht="18" customHeight="1" x14ac:dyDescent="0.15">
      <c r="A105" s="8">
        <v>82</v>
      </c>
      <c r="B105" s="21">
        <v>28</v>
      </c>
      <c r="C105" s="6">
        <v>43</v>
      </c>
      <c r="D105" s="5">
        <v>71</v>
      </c>
    </row>
    <row r="106" spans="1:4" ht="18" customHeight="1" x14ac:dyDescent="0.15">
      <c r="A106" s="8">
        <v>83</v>
      </c>
      <c r="B106" s="21">
        <v>33</v>
      </c>
      <c r="C106" s="6">
        <v>44</v>
      </c>
      <c r="D106" s="5">
        <v>77</v>
      </c>
    </row>
    <row r="107" spans="1:4" ht="18" customHeight="1" x14ac:dyDescent="0.15">
      <c r="A107" s="8">
        <v>84</v>
      </c>
      <c r="B107" s="21">
        <v>34</v>
      </c>
      <c r="C107" s="6">
        <v>35</v>
      </c>
      <c r="D107" s="5">
        <v>69</v>
      </c>
    </row>
    <row r="108" spans="1:4" ht="18" customHeight="1" x14ac:dyDescent="0.15">
      <c r="A108" s="8" t="s">
        <v>7</v>
      </c>
      <c r="B108" s="21">
        <v>168</v>
      </c>
      <c r="C108" s="6">
        <v>207</v>
      </c>
      <c r="D108" s="5">
        <v>375</v>
      </c>
    </row>
    <row r="109" spans="1:4" ht="18" customHeight="1" x14ac:dyDescent="0.15">
      <c r="A109" s="8">
        <v>85</v>
      </c>
      <c r="B109" s="21">
        <v>23</v>
      </c>
      <c r="C109" s="6">
        <v>31</v>
      </c>
      <c r="D109" s="5">
        <v>54</v>
      </c>
    </row>
    <row r="110" spans="1:4" ht="18" customHeight="1" x14ac:dyDescent="0.15">
      <c r="A110" s="8">
        <v>86</v>
      </c>
      <c r="B110" s="21">
        <v>14</v>
      </c>
      <c r="C110" s="6">
        <v>23</v>
      </c>
      <c r="D110" s="5">
        <v>37</v>
      </c>
    </row>
    <row r="111" spans="1:4" ht="18" customHeight="1" x14ac:dyDescent="0.15">
      <c r="A111" s="8">
        <v>87</v>
      </c>
      <c r="B111" s="21">
        <v>9</v>
      </c>
      <c r="C111" s="6">
        <v>34</v>
      </c>
      <c r="D111" s="5">
        <v>43</v>
      </c>
    </row>
    <row r="112" spans="1:4" ht="18" customHeight="1" x14ac:dyDescent="0.15">
      <c r="A112" s="8">
        <v>88</v>
      </c>
      <c r="B112" s="21">
        <v>16</v>
      </c>
      <c r="C112" s="6">
        <v>34</v>
      </c>
      <c r="D112" s="5">
        <v>50</v>
      </c>
    </row>
    <row r="113" spans="1:4" ht="18" customHeight="1" x14ac:dyDescent="0.15">
      <c r="A113" s="8">
        <v>89</v>
      </c>
      <c r="B113" s="21">
        <v>5</v>
      </c>
      <c r="C113" s="6">
        <v>31</v>
      </c>
      <c r="D113" s="5">
        <v>36</v>
      </c>
    </row>
    <row r="114" spans="1:4" ht="18" customHeight="1" x14ac:dyDescent="0.15">
      <c r="A114" s="8" t="s">
        <v>6</v>
      </c>
      <c r="B114" s="21">
        <v>67</v>
      </c>
      <c r="C114" s="6">
        <v>153</v>
      </c>
      <c r="D114" s="5">
        <v>220</v>
      </c>
    </row>
    <row r="115" spans="1:4" ht="18" customHeight="1" x14ac:dyDescent="0.15">
      <c r="A115" s="8">
        <v>90</v>
      </c>
      <c r="B115" s="21">
        <v>3</v>
      </c>
      <c r="C115" s="6">
        <v>28</v>
      </c>
      <c r="D115" s="5">
        <v>31</v>
      </c>
    </row>
    <row r="116" spans="1:4" ht="18" customHeight="1" x14ac:dyDescent="0.15">
      <c r="A116" s="8">
        <v>91</v>
      </c>
      <c r="B116" s="21">
        <v>8</v>
      </c>
      <c r="C116" s="6">
        <v>27</v>
      </c>
      <c r="D116" s="5">
        <v>35</v>
      </c>
    </row>
    <row r="117" spans="1:4" ht="18" customHeight="1" x14ac:dyDescent="0.15">
      <c r="A117" s="8">
        <v>92</v>
      </c>
      <c r="B117" s="21">
        <v>5</v>
      </c>
      <c r="C117" s="6">
        <v>29</v>
      </c>
      <c r="D117" s="5">
        <v>34</v>
      </c>
    </row>
    <row r="118" spans="1:4" ht="18" customHeight="1" x14ac:dyDescent="0.15">
      <c r="A118" s="8">
        <v>93</v>
      </c>
      <c r="B118" s="21">
        <v>5</v>
      </c>
      <c r="C118" s="6">
        <v>16</v>
      </c>
      <c r="D118" s="5">
        <v>21</v>
      </c>
    </row>
    <row r="119" spans="1:4" ht="18" customHeight="1" x14ac:dyDescent="0.15">
      <c r="A119" s="8">
        <v>94</v>
      </c>
      <c r="B119" s="21">
        <v>5</v>
      </c>
      <c r="C119" s="6">
        <v>11</v>
      </c>
      <c r="D119" s="5">
        <v>16</v>
      </c>
    </row>
    <row r="120" spans="1:4" ht="18" customHeight="1" x14ac:dyDescent="0.15">
      <c r="A120" s="8" t="s">
        <v>5</v>
      </c>
      <c r="B120" s="21">
        <v>26</v>
      </c>
      <c r="C120" s="6">
        <v>111</v>
      </c>
      <c r="D120" s="5">
        <v>137</v>
      </c>
    </row>
    <row r="121" spans="1:4" ht="18" customHeight="1" x14ac:dyDescent="0.15">
      <c r="A121" s="8">
        <v>95</v>
      </c>
      <c r="B121" s="21">
        <v>3</v>
      </c>
      <c r="C121" s="6">
        <v>7</v>
      </c>
      <c r="D121" s="5">
        <v>10</v>
      </c>
    </row>
    <row r="122" spans="1:4" ht="18" customHeight="1" x14ac:dyDescent="0.15">
      <c r="A122" s="8">
        <v>96</v>
      </c>
      <c r="B122" s="21">
        <v>3</v>
      </c>
      <c r="C122" s="6">
        <v>4</v>
      </c>
      <c r="D122" s="5">
        <v>7</v>
      </c>
    </row>
    <row r="123" spans="1:4" ht="18" customHeight="1" x14ac:dyDescent="0.15">
      <c r="A123" s="8">
        <v>97</v>
      </c>
      <c r="B123" s="21">
        <v>1</v>
      </c>
      <c r="C123" s="6">
        <v>4</v>
      </c>
      <c r="D123" s="5">
        <v>5</v>
      </c>
    </row>
    <row r="124" spans="1:4" ht="18" customHeight="1" x14ac:dyDescent="0.15">
      <c r="A124" s="8">
        <v>98</v>
      </c>
      <c r="B124" s="21">
        <v>2</v>
      </c>
      <c r="C124" s="6">
        <v>4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4</v>
      </c>
      <c r="D125" s="5">
        <v>4</v>
      </c>
    </row>
    <row r="126" spans="1:4" ht="18" customHeight="1" x14ac:dyDescent="0.15">
      <c r="A126" s="8" t="s">
        <v>4</v>
      </c>
      <c r="B126" s="21">
        <v>9</v>
      </c>
      <c r="C126" s="6">
        <v>23</v>
      </c>
      <c r="D126" s="5">
        <v>32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1</v>
      </c>
      <c r="C128" s="6">
        <v>6</v>
      </c>
      <c r="D128" s="5">
        <v>7</v>
      </c>
    </row>
    <row r="129" spans="1:4" ht="18" customHeight="1" x14ac:dyDescent="0.15">
      <c r="A129" s="8" t="s">
        <v>2</v>
      </c>
      <c r="B129" s="21">
        <v>1</v>
      </c>
      <c r="C129" s="6">
        <v>11</v>
      </c>
      <c r="D129" s="5">
        <v>12</v>
      </c>
    </row>
    <row r="130" spans="1:4" ht="18" customHeight="1" x14ac:dyDescent="0.15">
      <c r="A130" s="8" t="s">
        <v>1</v>
      </c>
      <c r="B130" s="21">
        <v>1035</v>
      </c>
      <c r="C130" s="6">
        <v>1314</v>
      </c>
      <c r="D130" s="5">
        <v>2349</v>
      </c>
    </row>
    <row r="131" spans="1:4" ht="18" customHeight="1" x14ac:dyDescent="0.15">
      <c r="A131" s="4" t="s">
        <v>0</v>
      </c>
      <c r="B131" s="20">
        <v>5337</v>
      </c>
      <c r="C131" s="2">
        <v>4809</v>
      </c>
      <c r="D131" s="1">
        <v>1014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E865300-87B6-4807-B199-02C0116AEB0B}">
  <sheetPr codeName="Sheet2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1</v>
      </c>
      <c r="C5" s="11">
        <v>7</v>
      </c>
      <c r="D5" s="10">
        <v>18</v>
      </c>
    </row>
    <row r="6" spans="1:4" ht="18" customHeight="1" x14ac:dyDescent="0.15">
      <c r="A6" s="8">
        <v>1</v>
      </c>
      <c r="B6" s="21">
        <v>7</v>
      </c>
      <c r="C6" s="6">
        <v>15</v>
      </c>
      <c r="D6" s="5">
        <v>22</v>
      </c>
    </row>
    <row r="7" spans="1:4" ht="18" customHeight="1" x14ac:dyDescent="0.15">
      <c r="A7" s="8">
        <v>2</v>
      </c>
      <c r="B7" s="21">
        <v>7</v>
      </c>
      <c r="C7" s="6">
        <v>15</v>
      </c>
      <c r="D7" s="5">
        <v>22</v>
      </c>
    </row>
    <row r="8" spans="1:4" ht="18" customHeight="1" x14ac:dyDescent="0.15">
      <c r="A8" s="8">
        <v>3</v>
      </c>
      <c r="B8" s="21">
        <v>8</v>
      </c>
      <c r="C8" s="6">
        <v>11</v>
      </c>
      <c r="D8" s="5">
        <v>19</v>
      </c>
    </row>
    <row r="9" spans="1:4" ht="18" customHeight="1" x14ac:dyDescent="0.15">
      <c r="A9" s="8">
        <v>4</v>
      </c>
      <c r="B9" s="21">
        <v>12</v>
      </c>
      <c r="C9" s="6">
        <v>18</v>
      </c>
      <c r="D9" s="5">
        <v>30</v>
      </c>
    </row>
    <row r="10" spans="1:4" ht="18" customHeight="1" x14ac:dyDescent="0.15">
      <c r="A10" s="8" t="s">
        <v>25</v>
      </c>
      <c r="B10" s="21">
        <v>45</v>
      </c>
      <c r="C10" s="6">
        <v>66</v>
      </c>
      <c r="D10" s="5">
        <v>111</v>
      </c>
    </row>
    <row r="11" spans="1:4" ht="18" customHeight="1" x14ac:dyDescent="0.15">
      <c r="A11" s="8">
        <v>5</v>
      </c>
      <c r="B11" s="21">
        <v>18</v>
      </c>
      <c r="C11" s="6">
        <v>7</v>
      </c>
      <c r="D11" s="5">
        <v>25</v>
      </c>
    </row>
    <row r="12" spans="1:4" ht="18" customHeight="1" x14ac:dyDescent="0.15">
      <c r="A12" s="8">
        <v>6</v>
      </c>
      <c r="B12" s="21">
        <v>7</v>
      </c>
      <c r="C12" s="6">
        <v>11</v>
      </c>
      <c r="D12" s="5">
        <v>18</v>
      </c>
    </row>
    <row r="13" spans="1:4" ht="18" customHeight="1" x14ac:dyDescent="0.15">
      <c r="A13" s="8">
        <v>7</v>
      </c>
      <c r="B13" s="21">
        <v>14</v>
      </c>
      <c r="C13" s="6">
        <v>16</v>
      </c>
      <c r="D13" s="5">
        <v>30</v>
      </c>
    </row>
    <row r="14" spans="1:4" ht="18" customHeight="1" x14ac:dyDescent="0.15">
      <c r="A14" s="8">
        <v>8</v>
      </c>
      <c r="B14" s="21">
        <v>12</v>
      </c>
      <c r="C14" s="6">
        <v>13</v>
      </c>
      <c r="D14" s="5">
        <v>25</v>
      </c>
    </row>
    <row r="15" spans="1:4" ht="18" customHeight="1" x14ac:dyDescent="0.15">
      <c r="A15" s="8">
        <v>9</v>
      </c>
      <c r="B15" s="21">
        <v>9</v>
      </c>
      <c r="C15" s="6">
        <v>19</v>
      </c>
      <c r="D15" s="5">
        <v>28</v>
      </c>
    </row>
    <row r="16" spans="1:4" ht="18" customHeight="1" x14ac:dyDescent="0.15">
      <c r="A16" s="8" t="s">
        <v>24</v>
      </c>
      <c r="B16" s="21">
        <v>60</v>
      </c>
      <c r="C16" s="6">
        <v>66</v>
      </c>
      <c r="D16" s="5">
        <v>126</v>
      </c>
    </row>
    <row r="17" spans="1:4" ht="18" customHeight="1" x14ac:dyDescent="0.15">
      <c r="A17" s="8">
        <v>10</v>
      </c>
      <c r="B17" s="21">
        <v>13</v>
      </c>
      <c r="C17" s="6">
        <v>14</v>
      </c>
      <c r="D17" s="5">
        <v>27</v>
      </c>
    </row>
    <row r="18" spans="1:4" ht="18" customHeight="1" x14ac:dyDescent="0.15">
      <c r="A18" s="8">
        <v>11</v>
      </c>
      <c r="B18" s="21">
        <v>16</v>
      </c>
      <c r="C18" s="6">
        <v>10</v>
      </c>
      <c r="D18" s="5">
        <v>26</v>
      </c>
    </row>
    <row r="19" spans="1:4" ht="18" customHeight="1" x14ac:dyDescent="0.15">
      <c r="A19" s="8">
        <v>12</v>
      </c>
      <c r="B19" s="21">
        <v>11</v>
      </c>
      <c r="C19" s="6">
        <v>18</v>
      </c>
      <c r="D19" s="5">
        <v>29</v>
      </c>
    </row>
    <row r="20" spans="1:4" ht="18" customHeight="1" x14ac:dyDescent="0.15">
      <c r="A20" s="8">
        <v>13</v>
      </c>
      <c r="B20" s="21">
        <v>24</v>
      </c>
      <c r="C20" s="6">
        <v>18</v>
      </c>
      <c r="D20" s="5">
        <v>42</v>
      </c>
    </row>
    <row r="21" spans="1:4" ht="18" customHeight="1" x14ac:dyDescent="0.15">
      <c r="A21" s="8">
        <v>14</v>
      </c>
      <c r="B21" s="21">
        <v>10</v>
      </c>
      <c r="C21" s="6">
        <v>15</v>
      </c>
      <c r="D21" s="5">
        <v>25</v>
      </c>
    </row>
    <row r="22" spans="1:4" ht="18" customHeight="1" x14ac:dyDescent="0.15">
      <c r="A22" s="8" t="s">
        <v>23</v>
      </c>
      <c r="B22" s="21">
        <v>74</v>
      </c>
      <c r="C22" s="6">
        <v>75</v>
      </c>
      <c r="D22" s="5">
        <v>149</v>
      </c>
    </row>
    <row r="23" spans="1:4" ht="18" customHeight="1" x14ac:dyDescent="0.15">
      <c r="A23" s="8" t="s">
        <v>22</v>
      </c>
      <c r="B23" s="21">
        <v>179</v>
      </c>
      <c r="C23" s="6">
        <v>207</v>
      </c>
      <c r="D23" s="5">
        <v>386</v>
      </c>
    </row>
    <row r="24" spans="1:4" ht="18" customHeight="1" x14ac:dyDescent="0.15">
      <c r="A24" s="8">
        <v>15</v>
      </c>
      <c r="B24" s="21">
        <v>20</v>
      </c>
      <c r="C24" s="6">
        <v>17</v>
      </c>
      <c r="D24" s="5">
        <v>37</v>
      </c>
    </row>
    <row r="25" spans="1:4" ht="18" customHeight="1" x14ac:dyDescent="0.15">
      <c r="A25" s="8">
        <v>16</v>
      </c>
      <c r="B25" s="21">
        <v>13</v>
      </c>
      <c r="C25" s="6">
        <v>18</v>
      </c>
      <c r="D25" s="5">
        <v>31</v>
      </c>
    </row>
    <row r="26" spans="1:4" ht="18" customHeight="1" x14ac:dyDescent="0.15">
      <c r="A26" s="8">
        <v>17</v>
      </c>
      <c r="B26" s="21">
        <v>16</v>
      </c>
      <c r="C26" s="6">
        <v>18</v>
      </c>
      <c r="D26" s="5">
        <v>34</v>
      </c>
    </row>
    <row r="27" spans="1:4" ht="18" customHeight="1" x14ac:dyDescent="0.15">
      <c r="A27" s="8">
        <v>18</v>
      </c>
      <c r="B27" s="21">
        <v>25</v>
      </c>
      <c r="C27" s="6">
        <v>16</v>
      </c>
      <c r="D27" s="5">
        <v>41</v>
      </c>
    </row>
    <row r="28" spans="1:4" ht="18" customHeight="1" x14ac:dyDescent="0.15">
      <c r="A28" s="8">
        <v>19</v>
      </c>
      <c r="B28" s="21">
        <v>20</v>
      </c>
      <c r="C28" s="6">
        <v>21</v>
      </c>
      <c r="D28" s="5">
        <v>41</v>
      </c>
    </row>
    <row r="29" spans="1:4" ht="18" customHeight="1" x14ac:dyDescent="0.15">
      <c r="A29" s="8" t="s">
        <v>21</v>
      </c>
      <c r="B29" s="21">
        <v>94</v>
      </c>
      <c r="C29" s="6">
        <v>90</v>
      </c>
      <c r="D29" s="5">
        <v>184</v>
      </c>
    </row>
    <row r="30" spans="1:4" ht="18" customHeight="1" x14ac:dyDescent="0.15">
      <c r="A30" s="8">
        <v>20</v>
      </c>
      <c r="B30" s="21">
        <v>17</v>
      </c>
      <c r="C30" s="6">
        <v>21</v>
      </c>
      <c r="D30" s="5">
        <v>38</v>
      </c>
    </row>
    <row r="31" spans="1:4" ht="18" customHeight="1" x14ac:dyDescent="0.15">
      <c r="A31" s="8">
        <v>21</v>
      </c>
      <c r="B31" s="21">
        <v>22</v>
      </c>
      <c r="C31" s="6">
        <v>20</v>
      </c>
      <c r="D31" s="5">
        <v>42</v>
      </c>
    </row>
    <row r="32" spans="1:4" ht="18" customHeight="1" x14ac:dyDescent="0.15">
      <c r="A32" s="8">
        <v>22</v>
      </c>
      <c r="B32" s="21">
        <v>20</v>
      </c>
      <c r="C32" s="6">
        <v>24</v>
      </c>
      <c r="D32" s="5">
        <v>44</v>
      </c>
    </row>
    <row r="33" spans="1:4" ht="18" customHeight="1" x14ac:dyDescent="0.15">
      <c r="A33" s="8">
        <v>23</v>
      </c>
      <c r="B33" s="21">
        <v>29</v>
      </c>
      <c r="C33" s="6">
        <v>20</v>
      </c>
      <c r="D33" s="5">
        <v>49</v>
      </c>
    </row>
    <row r="34" spans="1:4" ht="18" customHeight="1" x14ac:dyDescent="0.15">
      <c r="A34" s="8">
        <v>24</v>
      </c>
      <c r="B34" s="21">
        <v>17</v>
      </c>
      <c r="C34" s="6">
        <v>18</v>
      </c>
      <c r="D34" s="5">
        <v>35</v>
      </c>
    </row>
    <row r="35" spans="1:4" ht="18" customHeight="1" x14ac:dyDescent="0.15">
      <c r="A35" s="8" t="s">
        <v>20</v>
      </c>
      <c r="B35" s="21">
        <v>105</v>
      </c>
      <c r="C35" s="6">
        <v>103</v>
      </c>
      <c r="D35" s="5">
        <v>208</v>
      </c>
    </row>
    <row r="36" spans="1:4" ht="18" customHeight="1" x14ac:dyDescent="0.15">
      <c r="A36" s="8">
        <v>25</v>
      </c>
      <c r="B36" s="21">
        <v>24</v>
      </c>
      <c r="C36" s="6">
        <v>33</v>
      </c>
      <c r="D36" s="5">
        <v>57</v>
      </c>
    </row>
    <row r="37" spans="1:4" ht="18" customHeight="1" x14ac:dyDescent="0.15">
      <c r="A37" s="8">
        <v>26</v>
      </c>
      <c r="B37" s="21">
        <v>14</v>
      </c>
      <c r="C37" s="6">
        <v>28</v>
      </c>
      <c r="D37" s="5">
        <v>42</v>
      </c>
    </row>
    <row r="38" spans="1:4" ht="18" customHeight="1" x14ac:dyDescent="0.15">
      <c r="A38" s="8">
        <v>27</v>
      </c>
      <c r="B38" s="21">
        <v>14</v>
      </c>
      <c r="C38" s="6">
        <v>27</v>
      </c>
      <c r="D38" s="5">
        <v>41</v>
      </c>
    </row>
    <row r="39" spans="1:4" ht="18" customHeight="1" x14ac:dyDescent="0.15">
      <c r="A39" s="8">
        <v>28</v>
      </c>
      <c r="B39" s="21">
        <v>27</v>
      </c>
      <c r="C39" s="6">
        <v>21</v>
      </c>
      <c r="D39" s="5">
        <v>48</v>
      </c>
    </row>
    <row r="40" spans="1:4" ht="18" customHeight="1" x14ac:dyDescent="0.15">
      <c r="A40" s="8">
        <v>29</v>
      </c>
      <c r="B40" s="21">
        <v>24</v>
      </c>
      <c r="C40" s="6">
        <v>17</v>
      </c>
      <c r="D40" s="5">
        <v>41</v>
      </c>
    </row>
    <row r="41" spans="1:4" ht="18" customHeight="1" x14ac:dyDescent="0.15">
      <c r="A41" s="8" t="s">
        <v>19</v>
      </c>
      <c r="B41" s="21">
        <v>103</v>
      </c>
      <c r="C41" s="6">
        <v>126</v>
      </c>
      <c r="D41" s="5">
        <v>229</v>
      </c>
    </row>
    <row r="42" spans="1:4" ht="18" customHeight="1" x14ac:dyDescent="0.15">
      <c r="A42" s="8">
        <v>30</v>
      </c>
      <c r="B42" s="21">
        <v>20</v>
      </c>
      <c r="C42" s="6">
        <v>19</v>
      </c>
      <c r="D42" s="5">
        <v>39</v>
      </c>
    </row>
    <row r="43" spans="1:4" ht="18" customHeight="1" x14ac:dyDescent="0.15">
      <c r="A43" s="8">
        <v>31</v>
      </c>
      <c r="B43" s="21">
        <v>16</v>
      </c>
      <c r="C43" s="6">
        <v>25</v>
      </c>
      <c r="D43" s="5">
        <v>41</v>
      </c>
    </row>
    <row r="44" spans="1:4" ht="18" customHeight="1" x14ac:dyDescent="0.15">
      <c r="A44" s="8">
        <v>32</v>
      </c>
      <c r="B44" s="21">
        <v>13</v>
      </c>
      <c r="C44" s="6">
        <v>12</v>
      </c>
      <c r="D44" s="5">
        <v>25</v>
      </c>
    </row>
    <row r="45" spans="1:4" ht="18" customHeight="1" x14ac:dyDescent="0.15">
      <c r="A45" s="8">
        <v>33</v>
      </c>
      <c r="B45" s="21">
        <v>20</v>
      </c>
      <c r="C45" s="6">
        <v>13</v>
      </c>
      <c r="D45" s="5">
        <v>33</v>
      </c>
    </row>
    <row r="46" spans="1:4" ht="18" customHeight="1" x14ac:dyDescent="0.15">
      <c r="A46" s="8">
        <v>34</v>
      </c>
      <c r="B46" s="21">
        <v>21</v>
      </c>
      <c r="C46" s="6">
        <v>12</v>
      </c>
      <c r="D46" s="5">
        <v>33</v>
      </c>
    </row>
    <row r="47" spans="1:4" ht="18" customHeight="1" x14ac:dyDescent="0.15">
      <c r="A47" s="8" t="s">
        <v>18</v>
      </c>
      <c r="B47" s="21">
        <v>90</v>
      </c>
      <c r="C47" s="6">
        <v>81</v>
      </c>
      <c r="D47" s="5">
        <v>171</v>
      </c>
    </row>
    <row r="48" spans="1:4" ht="18" customHeight="1" x14ac:dyDescent="0.15">
      <c r="A48" s="8">
        <v>35</v>
      </c>
      <c r="B48" s="21">
        <v>19</v>
      </c>
      <c r="C48" s="6">
        <v>16</v>
      </c>
      <c r="D48" s="5">
        <v>35</v>
      </c>
    </row>
    <row r="49" spans="1:4" ht="18" customHeight="1" x14ac:dyDescent="0.15">
      <c r="A49" s="8">
        <v>36</v>
      </c>
      <c r="B49" s="21">
        <v>23</v>
      </c>
      <c r="C49" s="6">
        <v>18</v>
      </c>
      <c r="D49" s="5">
        <v>41</v>
      </c>
    </row>
    <row r="50" spans="1:4" ht="18" customHeight="1" x14ac:dyDescent="0.15">
      <c r="A50" s="8">
        <v>37</v>
      </c>
      <c r="B50" s="21">
        <v>18</v>
      </c>
      <c r="C50" s="6">
        <v>10</v>
      </c>
      <c r="D50" s="5">
        <v>28</v>
      </c>
    </row>
    <row r="51" spans="1:4" ht="18" customHeight="1" x14ac:dyDescent="0.15">
      <c r="A51" s="8">
        <v>38</v>
      </c>
      <c r="B51" s="21">
        <v>21</v>
      </c>
      <c r="C51" s="6">
        <v>12</v>
      </c>
      <c r="D51" s="5">
        <v>33</v>
      </c>
    </row>
    <row r="52" spans="1:4" ht="18" customHeight="1" x14ac:dyDescent="0.15">
      <c r="A52" s="8">
        <v>39</v>
      </c>
      <c r="B52" s="21">
        <v>17</v>
      </c>
      <c r="C52" s="6">
        <v>25</v>
      </c>
      <c r="D52" s="5">
        <v>42</v>
      </c>
    </row>
    <row r="53" spans="1:4" ht="18" customHeight="1" x14ac:dyDescent="0.15">
      <c r="A53" s="8" t="s">
        <v>17</v>
      </c>
      <c r="B53" s="21">
        <v>98</v>
      </c>
      <c r="C53" s="6">
        <v>81</v>
      </c>
      <c r="D53" s="5">
        <v>179</v>
      </c>
    </row>
    <row r="54" spans="1:4" ht="18" customHeight="1" x14ac:dyDescent="0.15">
      <c r="A54" s="8">
        <v>40</v>
      </c>
      <c r="B54" s="21">
        <v>21</v>
      </c>
      <c r="C54" s="6">
        <v>29</v>
      </c>
      <c r="D54" s="5">
        <v>50</v>
      </c>
    </row>
    <row r="55" spans="1:4" ht="18" customHeight="1" x14ac:dyDescent="0.15">
      <c r="A55" s="8">
        <v>41</v>
      </c>
      <c r="B55" s="21">
        <v>18</v>
      </c>
      <c r="C55" s="6">
        <v>22</v>
      </c>
      <c r="D55" s="5">
        <v>40</v>
      </c>
    </row>
    <row r="56" spans="1:4" ht="18" customHeight="1" x14ac:dyDescent="0.15">
      <c r="A56" s="8">
        <v>42</v>
      </c>
      <c r="B56" s="21">
        <v>25</v>
      </c>
      <c r="C56" s="6">
        <v>16</v>
      </c>
      <c r="D56" s="5">
        <v>41</v>
      </c>
    </row>
    <row r="57" spans="1:4" ht="18" customHeight="1" x14ac:dyDescent="0.15">
      <c r="A57" s="8">
        <v>43</v>
      </c>
      <c r="B57" s="21">
        <v>16</v>
      </c>
      <c r="C57" s="6">
        <v>20</v>
      </c>
      <c r="D57" s="5">
        <v>36</v>
      </c>
    </row>
    <row r="58" spans="1:4" ht="18" customHeight="1" x14ac:dyDescent="0.15">
      <c r="A58" s="8">
        <v>44</v>
      </c>
      <c r="B58" s="21">
        <v>17</v>
      </c>
      <c r="C58" s="6">
        <v>26</v>
      </c>
      <c r="D58" s="5">
        <v>43</v>
      </c>
    </row>
    <row r="59" spans="1:4" ht="18" customHeight="1" x14ac:dyDescent="0.15">
      <c r="A59" s="8" t="s">
        <v>16</v>
      </c>
      <c r="B59" s="21">
        <v>97</v>
      </c>
      <c r="C59" s="6">
        <v>113</v>
      </c>
      <c r="D59" s="5">
        <v>210</v>
      </c>
    </row>
    <row r="60" spans="1:4" ht="18" customHeight="1" x14ac:dyDescent="0.15">
      <c r="A60" s="8">
        <v>45</v>
      </c>
      <c r="B60" s="21">
        <v>20</v>
      </c>
      <c r="C60" s="6">
        <v>20</v>
      </c>
      <c r="D60" s="5">
        <v>40</v>
      </c>
    </row>
    <row r="61" spans="1:4" ht="18" customHeight="1" x14ac:dyDescent="0.15">
      <c r="A61" s="8">
        <v>46</v>
      </c>
      <c r="B61" s="21">
        <v>27</v>
      </c>
      <c r="C61" s="6">
        <v>25</v>
      </c>
      <c r="D61" s="5">
        <v>52</v>
      </c>
    </row>
    <row r="62" spans="1:4" ht="18" customHeight="1" x14ac:dyDescent="0.15">
      <c r="A62" s="8">
        <v>47</v>
      </c>
      <c r="B62" s="21">
        <v>29</v>
      </c>
      <c r="C62" s="6">
        <v>22</v>
      </c>
      <c r="D62" s="5">
        <v>51</v>
      </c>
    </row>
    <row r="63" spans="1:4" ht="18" customHeight="1" x14ac:dyDescent="0.15">
      <c r="A63" s="8">
        <v>48</v>
      </c>
      <c r="B63" s="21">
        <v>25</v>
      </c>
      <c r="C63" s="6">
        <v>29</v>
      </c>
      <c r="D63" s="5">
        <v>54</v>
      </c>
    </row>
    <row r="64" spans="1:4" ht="18" customHeight="1" x14ac:dyDescent="0.15">
      <c r="A64" s="8">
        <v>49</v>
      </c>
      <c r="B64" s="21">
        <v>27</v>
      </c>
      <c r="C64" s="6">
        <v>35</v>
      </c>
      <c r="D64" s="5">
        <v>62</v>
      </c>
    </row>
    <row r="65" spans="1:4" ht="18" customHeight="1" x14ac:dyDescent="0.15">
      <c r="A65" s="8" t="s">
        <v>15</v>
      </c>
      <c r="B65" s="21">
        <v>128</v>
      </c>
      <c r="C65" s="6">
        <v>131</v>
      </c>
      <c r="D65" s="5">
        <v>259</v>
      </c>
    </row>
    <row r="66" spans="1:4" ht="18" customHeight="1" x14ac:dyDescent="0.15">
      <c r="A66" s="8">
        <v>50</v>
      </c>
      <c r="B66" s="21">
        <v>29</v>
      </c>
      <c r="C66" s="6">
        <v>29</v>
      </c>
      <c r="D66" s="5">
        <v>58</v>
      </c>
    </row>
    <row r="67" spans="1:4" ht="18" customHeight="1" x14ac:dyDescent="0.15">
      <c r="A67" s="8">
        <v>51</v>
      </c>
      <c r="B67" s="21">
        <v>39</v>
      </c>
      <c r="C67" s="6">
        <v>40</v>
      </c>
      <c r="D67" s="5">
        <v>79</v>
      </c>
    </row>
    <row r="68" spans="1:4" ht="18" customHeight="1" x14ac:dyDescent="0.15">
      <c r="A68" s="8">
        <v>52</v>
      </c>
      <c r="B68" s="21">
        <v>37</v>
      </c>
      <c r="C68" s="6">
        <v>37</v>
      </c>
      <c r="D68" s="5">
        <v>74</v>
      </c>
    </row>
    <row r="69" spans="1:4" ht="18" customHeight="1" x14ac:dyDescent="0.15">
      <c r="A69" s="8">
        <v>53</v>
      </c>
      <c r="B69" s="21">
        <v>34</v>
      </c>
      <c r="C69" s="6">
        <v>47</v>
      </c>
      <c r="D69" s="5">
        <v>81</v>
      </c>
    </row>
    <row r="70" spans="1:4" ht="18" customHeight="1" x14ac:dyDescent="0.15">
      <c r="A70" s="8">
        <v>54</v>
      </c>
      <c r="B70" s="21">
        <v>33</v>
      </c>
      <c r="C70" s="6">
        <v>32</v>
      </c>
      <c r="D70" s="5">
        <v>65</v>
      </c>
    </row>
    <row r="71" spans="1:4" ht="18" customHeight="1" x14ac:dyDescent="0.15">
      <c r="A71" s="8" t="s">
        <v>14</v>
      </c>
      <c r="B71" s="21">
        <v>172</v>
      </c>
      <c r="C71" s="6">
        <v>185</v>
      </c>
      <c r="D71" s="5">
        <v>357</v>
      </c>
    </row>
    <row r="72" spans="1:4" ht="18" customHeight="1" x14ac:dyDescent="0.15">
      <c r="A72" s="8">
        <v>55</v>
      </c>
      <c r="B72" s="21">
        <v>25</v>
      </c>
      <c r="C72" s="6">
        <v>33</v>
      </c>
      <c r="D72" s="5">
        <v>58</v>
      </c>
    </row>
    <row r="73" spans="1:4" ht="18" customHeight="1" x14ac:dyDescent="0.15">
      <c r="A73" s="8">
        <v>56</v>
      </c>
      <c r="B73" s="21">
        <v>32</v>
      </c>
      <c r="C73" s="6">
        <v>32</v>
      </c>
      <c r="D73" s="5">
        <v>64</v>
      </c>
    </row>
    <row r="74" spans="1:4" ht="18" customHeight="1" x14ac:dyDescent="0.15">
      <c r="A74" s="8">
        <v>57</v>
      </c>
      <c r="B74" s="21">
        <v>18</v>
      </c>
      <c r="C74" s="6">
        <v>29</v>
      </c>
      <c r="D74" s="5">
        <v>47</v>
      </c>
    </row>
    <row r="75" spans="1:4" ht="18" customHeight="1" x14ac:dyDescent="0.15">
      <c r="A75" s="8">
        <v>58</v>
      </c>
      <c r="B75" s="21">
        <v>37</v>
      </c>
      <c r="C75" s="6">
        <v>32</v>
      </c>
      <c r="D75" s="5">
        <v>69</v>
      </c>
    </row>
    <row r="76" spans="1:4" ht="18" customHeight="1" x14ac:dyDescent="0.15">
      <c r="A76" s="8">
        <v>59</v>
      </c>
      <c r="B76" s="21">
        <v>35</v>
      </c>
      <c r="C76" s="6">
        <v>26</v>
      </c>
      <c r="D76" s="5">
        <v>61</v>
      </c>
    </row>
    <row r="77" spans="1:4" ht="18" customHeight="1" x14ac:dyDescent="0.15">
      <c r="A77" s="8" t="s">
        <v>13</v>
      </c>
      <c r="B77" s="21">
        <v>147</v>
      </c>
      <c r="C77" s="6">
        <v>152</v>
      </c>
      <c r="D77" s="5">
        <v>299</v>
      </c>
    </row>
    <row r="78" spans="1:4" ht="18" customHeight="1" x14ac:dyDescent="0.15">
      <c r="A78" s="8">
        <v>60</v>
      </c>
      <c r="B78" s="21">
        <v>28</v>
      </c>
      <c r="C78" s="6">
        <v>41</v>
      </c>
      <c r="D78" s="5">
        <v>69</v>
      </c>
    </row>
    <row r="79" spans="1:4" ht="18" customHeight="1" x14ac:dyDescent="0.15">
      <c r="A79" s="8">
        <v>61</v>
      </c>
      <c r="B79" s="21">
        <v>27</v>
      </c>
      <c r="C79" s="6">
        <v>28</v>
      </c>
      <c r="D79" s="5">
        <v>55</v>
      </c>
    </row>
    <row r="80" spans="1:4" ht="18" customHeight="1" x14ac:dyDescent="0.15">
      <c r="A80" s="8">
        <v>62</v>
      </c>
      <c r="B80" s="21">
        <v>29</v>
      </c>
      <c r="C80" s="6">
        <v>22</v>
      </c>
      <c r="D80" s="5">
        <v>51</v>
      </c>
    </row>
    <row r="81" spans="1:4" ht="18" customHeight="1" x14ac:dyDescent="0.15">
      <c r="A81" s="8">
        <v>63</v>
      </c>
      <c r="B81" s="21">
        <v>26</v>
      </c>
      <c r="C81" s="6">
        <v>22</v>
      </c>
      <c r="D81" s="5">
        <v>48</v>
      </c>
    </row>
    <row r="82" spans="1:4" ht="18" customHeight="1" x14ac:dyDescent="0.15">
      <c r="A82" s="8">
        <v>64</v>
      </c>
      <c r="B82" s="21">
        <v>22</v>
      </c>
      <c r="C82" s="6">
        <v>23</v>
      </c>
      <c r="D82" s="5">
        <v>45</v>
      </c>
    </row>
    <row r="83" spans="1:4" ht="18" customHeight="1" x14ac:dyDescent="0.15">
      <c r="A83" s="8" t="s">
        <v>12</v>
      </c>
      <c r="B83" s="21">
        <v>132</v>
      </c>
      <c r="C83" s="6">
        <v>136</v>
      </c>
      <c r="D83" s="5">
        <v>268</v>
      </c>
    </row>
    <row r="84" spans="1:4" ht="18" customHeight="1" x14ac:dyDescent="0.15">
      <c r="A84" s="8" t="s">
        <v>11</v>
      </c>
      <c r="B84" s="21">
        <v>1166</v>
      </c>
      <c r="C84" s="6">
        <v>1198</v>
      </c>
      <c r="D84" s="5">
        <v>2364</v>
      </c>
    </row>
    <row r="85" spans="1:4" ht="18" customHeight="1" x14ac:dyDescent="0.15">
      <c r="A85" s="8">
        <v>65</v>
      </c>
      <c r="B85" s="21">
        <v>35</v>
      </c>
      <c r="C85" s="6">
        <v>25</v>
      </c>
      <c r="D85" s="5">
        <v>60</v>
      </c>
    </row>
    <row r="86" spans="1:4" ht="18" customHeight="1" x14ac:dyDescent="0.15">
      <c r="A86" s="8">
        <v>66</v>
      </c>
      <c r="B86" s="21">
        <v>23</v>
      </c>
      <c r="C86" s="6">
        <v>27</v>
      </c>
      <c r="D86" s="5">
        <v>50</v>
      </c>
    </row>
    <row r="87" spans="1:4" ht="18" customHeight="1" x14ac:dyDescent="0.15">
      <c r="A87" s="8">
        <v>67</v>
      </c>
      <c r="B87" s="21">
        <v>15</v>
      </c>
      <c r="C87" s="6">
        <v>25</v>
      </c>
      <c r="D87" s="5">
        <v>40</v>
      </c>
    </row>
    <row r="88" spans="1:4" ht="18" customHeight="1" x14ac:dyDescent="0.15">
      <c r="A88" s="8">
        <v>68</v>
      </c>
      <c r="B88" s="21">
        <v>17</v>
      </c>
      <c r="C88" s="6">
        <v>24</v>
      </c>
      <c r="D88" s="5">
        <v>41</v>
      </c>
    </row>
    <row r="89" spans="1:4" ht="18" customHeight="1" x14ac:dyDescent="0.15">
      <c r="A89" s="8">
        <v>69</v>
      </c>
      <c r="B89" s="21">
        <v>18</v>
      </c>
      <c r="C89" s="6">
        <v>18</v>
      </c>
      <c r="D89" s="5">
        <v>36</v>
      </c>
    </row>
    <row r="90" spans="1:4" ht="18" customHeight="1" x14ac:dyDescent="0.15">
      <c r="A90" s="8" t="s">
        <v>10</v>
      </c>
      <c r="B90" s="21">
        <v>108</v>
      </c>
      <c r="C90" s="6">
        <v>119</v>
      </c>
      <c r="D90" s="5">
        <v>227</v>
      </c>
    </row>
    <row r="91" spans="1:4" ht="18" customHeight="1" x14ac:dyDescent="0.15">
      <c r="A91" s="8">
        <v>70</v>
      </c>
      <c r="B91" s="21">
        <v>25</v>
      </c>
      <c r="C91" s="6">
        <v>29</v>
      </c>
      <c r="D91" s="5">
        <v>54</v>
      </c>
    </row>
    <row r="92" spans="1:4" ht="18" customHeight="1" x14ac:dyDescent="0.15">
      <c r="A92" s="8">
        <v>71</v>
      </c>
      <c r="B92" s="21">
        <v>22</v>
      </c>
      <c r="C92" s="6">
        <v>23</v>
      </c>
      <c r="D92" s="5">
        <v>45</v>
      </c>
    </row>
    <row r="93" spans="1:4" ht="18" customHeight="1" x14ac:dyDescent="0.15">
      <c r="A93" s="8">
        <v>72</v>
      </c>
      <c r="B93" s="21">
        <v>26</v>
      </c>
      <c r="C93" s="6">
        <v>22</v>
      </c>
      <c r="D93" s="5">
        <v>48</v>
      </c>
    </row>
    <row r="94" spans="1:4" ht="18" customHeight="1" x14ac:dyDescent="0.15">
      <c r="A94" s="8">
        <v>73</v>
      </c>
      <c r="B94" s="21">
        <v>19</v>
      </c>
      <c r="C94" s="6">
        <v>28</v>
      </c>
      <c r="D94" s="5">
        <v>47</v>
      </c>
    </row>
    <row r="95" spans="1:4" ht="18" customHeight="1" x14ac:dyDescent="0.15">
      <c r="A95" s="8">
        <v>74</v>
      </c>
      <c r="B95" s="21">
        <v>25</v>
      </c>
      <c r="C95" s="6">
        <v>30</v>
      </c>
      <c r="D95" s="5">
        <v>55</v>
      </c>
    </row>
    <row r="96" spans="1:4" ht="18" customHeight="1" x14ac:dyDescent="0.15">
      <c r="A96" s="8" t="s">
        <v>9</v>
      </c>
      <c r="B96" s="21">
        <v>117</v>
      </c>
      <c r="C96" s="6">
        <v>132</v>
      </c>
      <c r="D96" s="5">
        <v>249</v>
      </c>
    </row>
    <row r="97" spans="1:4" ht="18" customHeight="1" x14ac:dyDescent="0.15">
      <c r="A97" s="8">
        <v>75</v>
      </c>
      <c r="B97" s="21">
        <v>28</v>
      </c>
      <c r="C97" s="6">
        <v>35</v>
      </c>
      <c r="D97" s="5">
        <v>63</v>
      </c>
    </row>
    <row r="98" spans="1:4" ht="18" customHeight="1" x14ac:dyDescent="0.15">
      <c r="A98" s="8">
        <v>76</v>
      </c>
      <c r="B98" s="21">
        <v>33</v>
      </c>
      <c r="C98" s="6">
        <v>44</v>
      </c>
      <c r="D98" s="5">
        <v>77</v>
      </c>
    </row>
    <row r="99" spans="1:4" ht="18" customHeight="1" x14ac:dyDescent="0.15">
      <c r="A99" s="8">
        <v>77</v>
      </c>
      <c r="B99" s="21">
        <v>24</v>
      </c>
      <c r="C99" s="6">
        <v>31</v>
      </c>
      <c r="D99" s="5">
        <v>55</v>
      </c>
    </row>
    <row r="100" spans="1:4" ht="18" customHeight="1" x14ac:dyDescent="0.15">
      <c r="A100" s="8">
        <v>78</v>
      </c>
      <c r="B100" s="21">
        <v>26</v>
      </c>
      <c r="C100" s="6">
        <v>40</v>
      </c>
      <c r="D100" s="5">
        <v>66</v>
      </c>
    </row>
    <row r="101" spans="1:4" ht="18" customHeight="1" x14ac:dyDescent="0.15">
      <c r="A101" s="8">
        <v>79</v>
      </c>
      <c r="B101" s="21">
        <v>12</v>
      </c>
      <c r="C101" s="6">
        <v>20</v>
      </c>
      <c r="D101" s="5">
        <v>32</v>
      </c>
    </row>
    <row r="102" spans="1:4" ht="18" customHeight="1" x14ac:dyDescent="0.15">
      <c r="A102" s="8" t="s">
        <v>8</v>
      </c>
      <c r="B102" s="21">
        <v>123</v>
      </c>
      <c r="C102" s="6">
        <v>170</v>
      </c>
      <c r="D102" s="5">
        <v>293</v>
      </c>
    </row>
    <row r="103" spans="1:4" ht="18" customHeight="1" x14ac:dyDescent="0.15">
      <c r="A103" s="8">
        <v>80</v>
      </c>
      <c r="B103" s="21">
        <v>13</v>
      </c>
      <c r="C103" s="6">
        <v>16</v>
      </c>
      <c r="D103" s="5">
        <v>29</v>
      </c>
    </row>
    <row r="104" spans="1:4" ht="18" customHeight="1" x14ac:dyDescent="0.15">
      <c r="A104" s="8">
        <v>81</v>
      </c>
      <c r="B104" s="21">
        <v>19</v>
      </c>
      <c r="C104" s="6">
        <v>34</v>
      </c>
      <c r="D104" s="5">
        <v>53</v>
      </c>
    </row>
    <row r="105" spans="1:4" ht="18" customHeight="1" x14ac:dyDescent="0.15">
      <c r="A105" s="8">
        <v>82</v>
      </c>
      <c r="B105" s="21">
        <v>13</v>
      </c>
      <c r="C105" s="6">
        <v>27</v>
      </c>
      <c r="D105" s="5">
        <v>40</v>
      </c>
    </row>
    <row r="106" spans="1:4" ht="18" customHeight="1" x14ac:dyDescent="0.15">
      <c r="A106" s="8">
        <v>83</v>
      </c>
      <c r="B106" s="21">
        <v>19</v>
      </c>
      <c r="C106" s="6">
        <v>26</v>
      </c>
      <c r="D106" s="5">
        <v>45</v>
      </c>
    </row>
    <row r="107" spans="1:4" ht="18" customHeight="1" x14ac:dyDescent="0.15">
      <c r="A107" s="8">
        <v>84</v>
      </c>
      <c r="B107" s="21">
        <v>17</v>
      </c>
      <c r="C107" s="6">
        <v>33</v>
      </c>
      <c r="D107" s="5">
        <v>50</v>
      </c>
    </row>
    <row r="108" spans="1:4" ht="18" customHeight="1" x14ac:dyDescent="0.15">
      <c r="A108" s="8" t="s">
        <v>7</v>
      </c>
      <c r="B108" s="21">
        <v>81</v>
      </c>
      <c r="C108" s="6">
        <v>136</v>
      </c>
      <c r="D108" s="5">
        <v>217</v>
      </c>
    </row>
    <row r="109" spans="1:4" ht="18" customHeight="1" x14ac:dyDescent="0.15">
      <c r="A109" s="8">
        <v>85</v>
      </c>
      <c r="B109" s="21">
        <v>19</v>
      </c>
      <c r="C109" s="6">
        <v>23</v>
      </c>
      <c r="D109" s="5">
        <v>42</v>
      </c>
    </row>
    <row r="110" spans="1:4" ht="18" customHeight="1" x14ac:dyDescent="0.15">
      <c r="A110" s="8">
        <v>86</v>
      </c>
      <c r="B110" s="21">
        <v>11</v>
      </c>
      <c r="C110" s="6">
        <v>13</v>
      </c>
      <c r="D110" s="5">
        <v>24</v>
      </c>
    </row>
    <row r="111" spans="1:4" ht="18" customHeight="1" x14ac:dyDescent="0.15">
      <c r="A111" s="8">
        <v>87</v>
      </c>
      <c r="B111" s="21">
        <v>11</v>
      </c>
      <c r="C111" s="6">
        <v>20</v>
      </c>
      <c r="D111" s="5">
        <v>31</v>
      </c>
    </row>
    <row r="112" spans="1:4" ht="18" customHeight="1" x14ac:dyDescent="0.15">
      <c r="A112" s="8">
        <v>88</v>
      </c>
      <c r="B112" s="21">
        <v>9</v>
      </c>
      <c r="C112" s="6">
        <v>11</v>
      </c>
      <c r="D112" s="5">
        <v>20</v>
      </c>
    </row>
    <row r="113" spans="1:4" ht="18" customHeight="1" x14ac:dyDescent="0.15">
      <c r="A113" s="8">
        <v>89</v>
      </c>
      <c r="B113" s="21">
        <v>5</v>
      </c>
      <c r="C113" s="6">
        <v>18</v>
      </c>
      <c r="D113" s="5">
        <v>23</v>
      </c>
    </row>
    <row r="114" spans="1:4" ht="18" customHeight="1" x14ac:dyDescent="0.15">
      <c r="A114" s="8" t="s">
        <v>6</v>
      </c>
      <c r="B114" s="21">
        <v>55</v>
      </c>
      <c r="C114" s="6">
        <v>85</v>
      </c>
      <c r="D114" s="5">
        <v>140</v>
      </c>
    </row>
    <row r="115" spans="1:4" ht="18" customHeight="1" x14ac:dyDescent="0.15">
      <c r="A115" s="8">
        <v>90</v>
      </c>
      <c r="B115" s="21">
        <v>5</v>
      </c>
      <c r="C115" s="6">
        <v>9</v>
      </c>
      <c r="D115" s="5">
        <v>14</v>
      </c>
    </row>
    <row r="116" spans="1:4" ht="18" customHeight="1" x14ac:dyDescent="0.15">
      <c r="A116" s="8">
        <v>91</v>
      </c>
      <c r="B116" s="21">
        <v>5</v>
      </c>
      <c r="C116" s="6">
        <v>6</v>
      </c>
      <c r="D116" s="5">
        <v>11</v>
      </c>
    </row>
    <row r="117" spans="1:4" ht="18" customHeight="1" x14ac:dyDescent="0.15">
      <c r="A117" s="8">
        <v>92</v>
      </c>
      <c r="B117" s="21">
        <v>3</v>
      </c>
      <c r="C117" s="6">
        <v>8</v>
      </c>
      <c r="D117" s="5">
        <v>11</v>
      </c>
    </row>
    <row r="118" spans="1:4" ht="18" customHeight="1" x14ac:dyDescent="0.15">
      <c r="A118" s="8">
        <v>93</v>
      </c>
      <c r="B118" s="21">
        <v>5</v>
      </c>
      <c r="C118" s="6">
        <v>10</v>
      </c>
      <c r="D118" s="5">
        <v>15</v>
      </c>
    </row>
    <row r="119" spans="1:4" ht="18" customHeight="1" x14ac:dyDescent="0.15">
      <c r="A119" s="8">
        <v>94</v>
      </c>
      <c r="B119" s="21">
        <v>3</v>
      </c>
      <c r="C119" s="6">
        <v>8</v>
      </c>
      <c r="D119" s="5">
        <v>11</v>
      </c>
    </row>
    <row r="120" spans="1:4" ht="18" customHeight="1" x14ac:dyDescent="0.15">
      <c r="A120" s="8" t="s">
        <v>5</v>
      </c>
      <c r="B120" s="21">
        <v>21</v>
      </c>
      <c r="C120" s="6">
        <v>41</v>
      </c>
      <c r="D120" s="5">
        <v>62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7</v>
      </c>
      <c r="D126" s="5">
        <v>8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506</v>
      </c>
      <c r="C130" s="6">
        <v>692</v>
      </c>
      <c r="D130" s="5">
        <v>1198</v>
      </c>
    </row>
    <row r="131" spans="1:4" ht="18" customHeight="1" x14ac:dyDescent="0.15">
      <c r="A131" s="4" t="s">
        <v>0</v>
      </c>
      <c r="B131" s="20">
        <v>1851</v>
      </c>
      <c r="C131" s="2">
        <v>2097</v>
      </c>
      <c r="D131" s="1">
        <v>39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77861C-ADF3-4921-A763-387A18142103}">
  <sheetPr codeName="Sheet2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</v>
      </c>
      <c r="C5" s="11">
        <v>8</v>
      </c>
      <c r="D5" s="10">
        <v>13</v>
      </c>
    </row>
    <row r="6" spans="1:4" ht="18" customHeight="1" x14ac:dyDescent="0.15">
      <c r="A6" s="8">
        <v>1</v>
      </c>
      <c r="B6" s="21">
        <v>7</v>
      </c>
      <c r="C6" s="6">
        <v>8</v>
      </c>
      <c r="D6" s="5">
        <v>15</v>
      </c>
    </row>
    <row r="7" spans="1:4" ht="18" customHeight="1" x14ac:dyDescent="0.15">
      <c r="A7" s="8">
        <v>2</v>
      </c>
      <c r="B7" s="21">
        <v>5</v>
      </c>
      <c r="C7" s="6">
        <v>5</v>
      </c>
      <c r="D7" s="5">
        <v>10</v>
      </c>
    </row>
    <row r="8" spans="1:4" ht="18" customHeight="1" x14ac:dyDescent="0.15">
      <c r="A8" s="8">
        <v>3</v>
      </c>
      <c r="B8" s="21">
        <v>7</v>
      </c>
      <c r="C8" s="6">
        <v>7</v>
      </c>
      <c r="D8" s="5">
        <v>14</v>
      </c>
    </row>
    <row r="9" spans="1:4" ht="18" customHeight="1" x14ac:dyDescent="0.15">
      <c r="A9" s="8">
        <v>4</v>
      </c>
      <c r="B9" s="21">
        <v>9</v>
      </c>
      <c r="C9" s="6">
        <v>5</v>
      </c>
      <c r="D9" s="5">
        <v>14</v>
      </c>
    </row>
    <row r="10" spans="1:4" ht="18" customHeight="1" x14ac:dyDescent="0.15">
      <c r="A10" s="8" t="s">
        <v>25</v>
      </c>
      <c r="B10" s="21">
        <v>33</v>
      </c>
      <c r="C10" s="6">
        <v>33</v>
      </c>
      <c r="D10" s="5">
        <v>66</v>
      </c>
    </row>
    <row r="11" spans="1:4" ht="18" customHeight="1" x14ac:dyDescent="0.15">
      <c r="A11" s="8">
        <v>5</v>
      </c>
      <c r="B11" s="21">
        <v>2</v>
      </c>
      <c r="C11" s="6">
        <v>8</v>
      </c>
      <c r="D11" s="5">
        <v>10</v>
      </c>
    </row>
    <row r="12" spans="1:4" ht="18" customHeight="1" x14ac:dyDescent="0.15">
      <c r="A12" s="8">
        <v>6</v>
      </c>
      <c r="B12" s="21">
        <v>12</v>
      </c>
      <c r="C12" s="6">
        <v>8</v>
      </c>
      <c r="D12" s="5">
        <v>20</v>
      </c>
    </row>
    <row r="13" spans="1:4" ht="18" customHeight="1" x14ac:dyDescent="0.15">
      <c r="A13" s="8">
        <v>7</v>
      </c>
      <c r="B13" s="21">
        <v>4</v>
      </c>
      <c r="C13" s="6">
        <v>5</v>
      </c>
      <c r="D13" s="5">
        <v>9</v>
      </c>
    </row>
    <row r="14" spans="1:4" ht="18" customHeight="1" x14ac:dyDescent="0.15">
      <c r="A14" s="8">
        <v>8</v>
      </c>
      <c r="B14" s="21">
        <v>6</v>
      </c>
      <c r="C14" s="6">
        <v>12</v>
      </c>
      <c r="D14" s="5">
        <v>18</v>
      </c>
    </row>
    <row r="15" spans="1:4" ht="18" customHeight="1" x14ac:dyDescent="0.15">
      <c r="A15" s="8">
        <v>9</v>
      </c>
      <c r="B15" s="21">
        <v>6</v>
      </c>
      <c r="C15" s="6">
        <v>14</v>
      </c>
      <c r="D15" s="5">
        <v>20</v>
      </c>
    </row>
    <row r="16" spans="1:4" ht="18" customHeight="1" x14ac:dyDescent="0.15">
      <c r="A16" s="8" t="s">
        <v>24</v>
      </c>
      <c r="B16" s="21">
        <v>30</v>
      </c>
      <c r="C16" s="6">
        <v>47</v>
      </c>
      <c r="D16" s="5">
        <v>77</v>
      </c>
    </row>
    <row r="17" spans="1:4" ht="18" customHeight="1" x14ac:dyDescent="0.15">
      <c r="A17" s="8">
        <v>10</v>
      </c>
      <c r="B17" s="21">
        <v>8</v>
      </c>
      <c r="C17" s="6">
        <v>5</v>
      </c>
      <c r="D17" s="5">
        <v>13</v>
      </c>
    </row>
    <row r="18" spans="1:4" ht="18" customHeight="1" x14ac:dyDescent="0.15">
      <c r="A18" s="8">
        <v>11</v>
      </c>
      <c r="B18" s="21">
        <v>10</v>
      </c>
      <c r="C18" s="6">
        <v>6</v>
      </c>
      <c r="D18" s="5">
        <v>16</v>
      </c>
    </row>
    <row r="19" spans="1:4" ht="18" customHeight="1" x14ac:dyDescent="0.15">
      <c r="A19" s="8">
        <v>12</v>
      </c>
      <c r="B19" s="21">
        <v>6</v>
      </c>
      <c r="C19" s="6">
        <v>7</v>
      </c>
      <c r="D19" s="5">
        <v>13</v>
      </c>
    </row>
    <row r="20" spans="1:4" ht="18" customHeight="1" x14ac:dyDescent="0.15">
      <c r="A20" s="8">
        <v>13</v>
      </c>
      <c r="B20" s="21">
        <v>8</v>
      </c>
      <c r="C20" s="6">
        <v>9</v>
      </c>
      <c r="D20" s="5">
        <v>17</v>
      </c>
    </row>
    <row r="21" spans="1:4" ht="18" customHeight="1" x14ac:dyDescent="0.15">
      <c r="A21" s="8">
        <v>14</v>
      </c>
      <c r="B21" s="21">
        <v>12</v>
      </c>
      <c r="C21" s="6">
        <v>16</v>
      </c>
      <c r="D21" s="5">
        <v>28</v>
      </c>
    </row>
    <row r="22" spans="1:4" ht="18" customHeight="1" x14ac:dyDescent="0.15">
      <c r="A22" s="8" t="s">
        <v>23</v>
      </c>
      <c r="B22" s="21">
        <v>44</v>
      </c>
      <c r="C22" s="6">
        <v>43</v>
      </c>
      <c r="D22" s="5">
        <v>87</v>
      </c>
    </row>
    <row r="23" spans="1:4" ht="18" customHeight="1" x14ac:dyDescent="0.15">
      <c r="A23" s="8" t="s">
        <v>22</v>
      </c>
      <c r="B23" s="21">
        <v>107</v>
      </c>
      <c r="C23" s="6">
        <v>123</v>
      </c>
      <c r="D23" s="5">
        <v>230</v>
      </c>
    </row>
    <row r="24" spans="1:4" ht="18" customHeight="1" x14ac:dyDescent="0.15">
      <c r="A24" s="8">
        <v>15</v>
      </c>
      <c r="B24" s="21">
        <v>14</v>
      </c>
      <c r="C24" s="6">
        <v>10</v>
      </c>
      <c r="D24" s="5">
        <v>24</v>
      </c>
    </row>
    <row r="25" spans="1:4" ht="18" customHeight="1" x14ac:dyDescent="0.15">
      <c r="A25" s="8">
        <v>16</v>
      </c>
      <c r="B25" s="21">
        <v>6</v>
      </c>
      <c r="C25" s="6">
        <v>10</v>
      </c>
      <c r="D25" s="5">
        <v>16</v>
      </c>
    </row>
    <row r="26" spans="1:4" ht="18" customHeight="1" x14ac:dyDescent="0.15">
      <c r="A26" s="8">
        <v>17</v>
      </c>
      <c r="B26" s="21">
        <v>7</v>
      </c>
      <c r="C26" s="6">
        <v>9</v>
      </c>
      <c r="D26" s="5">
        <v>16</v>
      </c>
    </row>
    <row r="27" spans="1:4" ht="18" customHeight="1" x14ac:dyDescent="0.15">
      <c r="A27" s="8">
        <v>18</v>
      </c>
      <c r="B27" s="21">
        <v>8</v>
      </c>
      <c r="C27" s="6">
        <v>8</v>
      </c>
      <c r="D27" s="5">
        <v>16</v>
      </c>
    </row>
    <row r="28" spans="1:4" ht="18" customHeight="1" x14ac:dyDescent="0.15">
      <c r="A28" s="8">
        <v>19</v>
      </c>
      <c r="B28" s="21">
        <v>15</v>
      </c>
      <c r="C28" s="6">
        <v>12</v>
      </c>
      <c r="D28" s="5">
        <v>27</v>
      </c>
    </row>
    <row r="29" spans="1:4" ht="18" customHeight="1" x14ac:dyDescent="0.15">
      <c r="A29" s="8" t="s">
        <v>21</v>
      </c>
      <c r="B29" s="21">
        <v>50</v>
      </c>
      <c r="C29" s="6">
        <v>49</v>
      </c>
      <c r="D29" s="5">
        <v>99</v>
      </c>
    </row>
    <row r="30" spans="1:4" ht="18" customHeight="1" x14ac:dyDescent="0.15">
      <c r="A30" s="8">
        <v>20</v>
      </c>
      <c r="B30" s="21">
        <v>11</v>
      </c>
      <c r="C30" s="6">
        <v>10</v>
      </c>
      <c r="D30" s="5">
        <v>21</v>
      </c>
    </row>
    <row r="31" spans="1:4" ht="18" customHeight="1" x14ac:dyDescent="0.15">
      <c r="A31" s="8">
        <v>21</v>
      </c>
      <c r="B31" s="21">
        <v>8</v>
      </c>
      <c r="C31" s="6">
        <v>11</v>
      </c>
      <c r="D31" s="5">
        <v>19</v>
      </c>
    </row>
    <row r="32" spans="1:4" ht="18" customHeight="1" x14ac:dyDescent="0.15">
      <c r="A32" s="8">
        <v>22</v>
      </c>
      <c r="B32" s="21">
        <v>14</v>
      </c>
      <c r="C32" s="6">
        <v>7</v>
      </c>
      <c r="D32" s="5">
        <v>21</v>
      </c>
    </row>
    <row r="33" spans="1:4" ht="18" customHeight="1" x14ac:dyDescent="0.15">
      <c r="A33" s="8">
        <v>23</v>
      </c>
      <c r="B33" s="21">
        <v>12</v>
      </c>
      <c r="C33" s="6">
        <v>10</v>
      </c>
      <c r="D33" s="5">
        <v>22</v>
      </c>
    </row>
    <row r="34" spans="1:4" ht="18" customHeight="1" x14ac:dyDescent="0.15">
      <c r="A34" s="8">
        <v>24</v>
      </c>
      <c r="B34" s="21">
        <v>18</v>
      </c>
      <c r="C34" s="6">
        <v>17</v>
      </c>
      <c r="D34" s="5">
        <v>35</v>
      </c>
    </row>
    <row r="35" spans="1:4" ht="18" customHeight="1" x14ac:dyDescent="0.15">
      <c r="A35" s="8" t="s">
        <v>20</v>
      </c>
      <c r="B35" s="21">
        <v>63</v>
      </c>
      <c r="C35" s="6">
        <v>55</v>
      </c>
      <c r="D35" s="5">
        <v>118</v>
      </c>
    </row>
    <row r="36" spans="1:4" ht="18" customHeight="1" x14ac:dyDescent="0.15">
      <c r="A36" s="8">
        <v>25</v>
      </c>
      <c r="B36" s="21">
        <v>12</v>
      </c>
      <c r="C36" s="6">
        <v>12</v>
      </c>
      <c r="D36" s="5">
        <v>24</v>
      </c>
    </row>
    <row r="37" spans="1:4" ht="18" customHeight="1" x14ac:dyDescent="0.15">
      <c r="A37" s="8">
        <v>26</v>
      </c>
      <c r="B37" s="21">
        <v>15</v>
      </c>
      <c r="C37" s="6">
        <v>9</v>
      </c>
      <c r="D37" s="5">
        <v>24</v>
      </c>
    </row>
    <row r="38" spans="1:4" ht="18" customHeight="1" x14ac:dyDescent="0.15">
      <c r="A38" s="8">
        <v>27</v>
      </c>
      <c r="B38" s="21">
        <v>10</v>
      </c>
      <c r="C38" s="6">
        <v>8</v>
      </c>
      <c r="D38" s="5">
        <v>18</v>
      </c>
    </row>
    <row r="39" spans="1:4" ht="18" customHeight="1" x14ac:dyDescent="0.15">
      <c r="A39" s="8">
        <v>28</v>
      </c>
      <c r="B39" s="21">
        <v>10</v>
      </c>
      <c r="C39" s="6">
        <v>6</v>
      </c>
      <c r="D39" s="5">
        <v>16</v>
      </c>
    </row>
    <row r="40" spans="1:4" ht="18" customHeight="1" x14ac:dyDescent="0.15">
      <c r="A40" s="8">
        <v>29</v>
      </c>
      <c r="B40" s="21">
        <v>15</v>
      </c>
      <c r="C40" s="6">
        <v>15</v>
      </c>
      <c r="D40" s="5">
        <v>30</v>
      </c>
    </row>
    <row r="41" spans="1:4" ht="18" customHeight="1" x14ac:dyDescent="0.15">
      <c r="A41" s="8" t="s">
        <v>19</v>
      </c>
      <c r="B41" s="21">
        <v>62</v>
      </c>
      <c r="C41" s="6">
        <v>50</v>
      </c>
      <c r="D41" s="5">
        <v>112</v>
      </c>
    </row>
    <row r="42" spans="1:4" ht="18" customHeight="1" x14ac:dyDescent="0.15">
      <c r="A42" s="8">
        <v>30</v>
      </c>
      <c r="B42" s="21">
        <v>12</v>
      </c>
      <c r="C42" s="6">
        <v>8</v>
      </c>
      <c r="D42" s="5">
        <v>20</v>
      </c>
    </row>
    <row r="43" spans="1:4" ht="18" customHeight="1" x14ac:dyDescent="0.15">
      <c r="A43" s="8">
        <v>31</v>
      </c>
      <c r="B43" s="21">
        <v>14</v>
      </c>
      <c r="C43" s="6">
        <v>8</v>
      </c>
      <c r="D43" s="5">
        <v>22</v>
      </c>
    </row>
    <row r="44" spans="1:4" ht="18" customHeight="1" x14ac:dyDescent="0.15">
      <c r="A44" s="8">
        <v>32</v>
      </c>
      <c r="B44" s="21">
        <v>9</v>
      </c>
      <c r="C44" s="6">
        <v>8</v>
      </c>
      <c r="D44" s="5">
        <v>17</v>
      </c>
    </row>
    <row r="45" spans="1:4" ht="18" customHeight="1" x14ac:dyDescent="0.15">
      <c r="A45" s="8">
        <v>33</v>
      </c>
      <c r="B45" s="21">
        <v>12</v>
      </c>
      <c r="C45" s="6">
        <v>10</v>
      </c>
      <c r="D45" s="5">
        <v>22</v>
      </c>
    </row>
    <row r="46" spans="1:4" ht="18" customHeight="1" x14ac:dyDescent="0.15">
      <c r="A46" s="8">
        <v>34</v>
      </c>
      <c r="B46" s="21">
        <v>21</v>
      </c>
      <c r="C46" s="6">
        <v>9</v>
      </c>
      <c r="D46" s="5">
        <v>30</v>
      </c>
    </row>
    <row r="47" spans="1:4" ht="18" customHeight="1" x14ac:dyDescent="0.15">
      <c r="A47" s="8" t="s">
        <v>18</v>
      </c>
      <c r="B47" s="21">
        <v>68</v>
      </c>
      <c r="C47" s="6">
        <v>43</v>
      </c>
      <c r="D47" s="5">
        <v>111</v>
      </c>
    </row>
    <row r="48" spans="1:4" ht="18" customHeight="1" x14ac:dyDescent="0.15">
      <c r="A48" s="8">
        <v>35</v>
      </c>
      <c r="B48" s="21">
        <v>6</v>
      </c>
      <c r="C48" s="6">
        <v>6</v>
      </c>
      <c r="D48" s="5">
        <v>12</v>
      </c>
    </row>
    <row r="49" spans="1:4" ht="18" customHeight="1" x14ac:dyDescent="0.15">
      <c r="A49" s="8">
        <v>36</v>
      </c>
      <c r="B49" s="21">
        <v>15</v>
      </c>
      <c r="C49" s="6">
        <v>11</v>
      </c>
      <c r="D49" s="5">
        <v>26</v>
      </c>
    </row>
    <row r="50" spans="1:4" ht="18" customHeight="1" x14ac:dyDescent="0.15">
      <c r="A50" s="8">
        <v>37</v>
      </c>
      <c r="B50" s="21">
        <v>14</v>
      </c>
      <c r="C50" s="6">
        <v>9</v>
      </c>
      <c r="D50" s="5">
        <v>23</v>
      </c>
    </row>
    <row r="51" spans="1:4" ht="18" customHeight="1" x14ac:dyDescent="0.15">
      <c r="A51" s="8">
        <v>38</v>
      </c>
      <c r="B51" s="21">
        <v>9</v>
      </c>
      <c r="C51" s="6">
        <v>13</v>
      </c>
      <c r="D51" s="5">
        <v>22</v>
      </c>
    </row>
    <row r="52" spans="1:4" ht="18" customHeight="1" x14ac:dyDescent="0.15">
      <c r="A52" s="8">
        <v>39</v>
      </c>
      <c r="B52" s="21">
        <v>5</v>
      </c>
      <c r="C52" s="6">
        <v>15</v>
      </c>
      <c r="D52" s="5">
        <v>20</v>
      </c>
    </row>
    <row r="53" spans="1:4" ht="18" customHeight="1" x14ac:dyDescent="0.15">
      <c r="A53" s="8" t="s">
        <v>17</v>
      </c>
      <c r="B53" s="21">
        <v>49</v>
      </c>
      <c r="C53" s="6">
        <v>54</v>
      </c>
      <c r="D53" s="5">
        <v>103</v>
      </c>
    </row>
    <row r="54" spans="1:4" ht="18" customHeight="1" x14ac:dyDescent="0.15">
      <c r="A54" s="8">
        <v>40</v>
      </c>
      <c r="B54" s="21">
        <v>12</v>
      </c>
      <c r="C54" s="6">
        <v>11</v>
      </c>
      <c r="D54" s="5">
        <v>23</v>
      </c>
    </row>
    <row r="55" spans="1:4" ht="18" customHeight="1" x14ac:dyDescent="0.15">
      <c r="A55" s="8">
        <v>41</v>
      </c>
      <c r="B55" s="21">
        <v>13</v>
      </c>
      <c r="C55" s="6">
        <v>13</v>
      </c>
      <c r="D55" s="5">
        <v>26</v>
      </c>
    </row>
    <row r="56" spans="1:4" ht="18" customHeight="1" x14ac:dyDescent="0.15">
      <c r="A56" s="8">
        <v>42</v>
      </c>
      <c r="B56" s="21">
        <v>11</v>
      </c>
      <c r="C56" s="6">
        <v>11</v>
      </c>
      <c r="D56" s="5">
        <v>22</v>
      </c>
    </row>
    <row r="57" spans="1:4" ht="18" customHeight="1" x14ac:dyDescent="0.15">
      <c r="A57" s="8">
        <v>43</v>
      </c>
      <c r="B57" s="21">
        <v>13</v>
      </c>
      <c r="C57" s="6">
        <v>8</v>
      </c>
      <c r="D57" s="5">
        <v>21</v>
      </c>
    </row>
    <row r="58" spans="1:4" ht="18" customHeight="1" x14ac:dyDescent="0.15">
      <c r="A58" s="8">
        <v>44</v>
      </c>
      <c r="B58" s="21">
        <v>15</v>
      </c>
      <c r="C58" s="6">
        <v>9</v>
      </c>
      <c r="D58" s="5">
        <v>24</v>
      </c>
    </row>
    <row r="59" spans="1:4" ht="18" customHeight="1" x14ac:dyDescent="0.15">
      <c r="A59" s="8" t="s">
        <v>16</v>
      </c>
      <c r="B59" s="21">
        <v>64</v>
      </c>
      <c r="C59" s="6">
        <v>52</v>
      </c>
      <c r="D59" s="5">
        <v>116</v>
      </c>
    </row>
    <row r="60" spans="1:4" ht="18" customHeight="1" x14ac:dyDescent="0.15">
      <c r="A60" s="8">
        <v>45</v>
      </c>
      <c r="B60" s="21">
        <v>14</v>
      </c>
      <c r="C60" s="6">
        <v>16</v>
      </c>
      <c r="D60" s="5">
        <v>30</v>
      </c>
    </row>
    <row r="61" spans="1:4" ht="18" customHeight="1" x14ac:dyDescent="0.15">
      <c r="A61" s="8">
        <v>46</v>
      </c>
      <c r="B61" s="21">
        <v>19</v>
      </c>
      <c r="C61" s="6">
        <v>15</v>
      </c>
      <c r="D61" s="5">
        <v>34</v>
      </c>
    </row>
    <row r="62" spans="1:4" ht="18" customHeight="1" x14ac:dyDescent="0.15">
      <c r="A62" s="8">
        <v>47</v>
      </c>
      <c r="B62" s="21">
        <v>28</v>
      </c>
      <c r="C62" s="6">
        <v>16</v>
      </c>
      <c r="D62" s="5">
        <v>44</v>
      </c>
    </row>
    <row r="63" spans="1:4" ht="18" customHeight="1" x14ac:dyDescent="0.15">
      <c r="A63" s="8">
        <v>48</v>
      </c>
      <c r="B63" s="21">
        <v>22</v>
      </c>
      <c r="C63" s="6">
        <v>27</v>
      </c>
      <c r="D63" s="5">
        <v>49</v>
      </c>
    </row>
    <row r="64" spans="1:4" ht="18" customHeight="1" x14ac:dyDescent="0.15">
      <c r="A64" s="8">
        <v>49</v>
      </c>
      <c r="B64" s="21">
        <v>22</v>
      </c>
      <c r="C64" s="6">
        <v>18</v>
      </c>
      <c r="D64" s="5">
        <v>40</v>
      </c>
    </row>
    <row r="65" spans="1:4" ht="18" customHeight="1" x14ac:dyDescent="0.15">
      <c r="A65" s="8" t="s">
        <v>15</v>
      </c>
      <c r="B65" s="21">
        <v>105</v>
      </c>
      <c r="C65" s="6">
        <v>92</v>
      </c>
      <c r="D65" s="5">
        <v>197</v>
      </c>
    </row>
    <row r="66" spans="1:4" ht="18" customHeight="1" x14ac:dyDescent="0.15">
      <c r="A66" s="8">
        <v>50</v>
      </c>
      <c r="B66" s="21">
        <v>20</v>
      </c>
      <c r="C66" s="6">
        <v>18</v>
      </c>
      <c r="D66" s="5">
        <v>38</v>
      </c>
    </row>
    <row r="67" spans="1:4" ht="18" customHeight="1" x14ac:dyDescent="0.15">
      <c r="A67" s="8">
        <v>51</v>
      </c>
      <c r="B67" s="21">
        <v>27</v>
      </c>
      <c r="C67" s="6">
        <v>25</v>
      </c>
      <c r="D67" s="5">
        <v>52</v>
      </c>
    </row>
    <row r="68" spans="1:4" ht="18" customHeight="1" x14ac:dyDescent="0.15">
      <c r="A68" s="8">
        <v>52</v>
      </c>
      <c r="B68" s="21">
        <v>20</v>
      </c>
      <c r="C68" s="6">
        <v>18</v>
      </c>
      <c r="D68" s="5">
        <v>38</v>
      </c>
    </row>
    <row r="69" spans="1:4" ht="18" customHeight="1" x14ac:dyDescent="0.15">
      <c r="A69" s="8">
        <v>53</v>
      </c>
      <c r="B69" s="21">
        <v>22</v>
      </c>
      <c r="C69" s="6">
        <v>19</v>
      </c>
      <c r="D69" s="5">
        <v>41</v>
      </c>
    </row>
    <row r="70" spans="1:4" ht="18" customHeight="1" x14ac:dyDescent="0.15">
      <c r="A70" s="8">
        <v>54</v>
      </c>
      <c r="B70" s="21">
        <v>20</v>
      </c>
      <c r="C70" s="6">
        <v>23</v>
      </c>
      <c r="D70" s="5">
        <v>43</v>
      </c>
    </row>
    <row r="71" spans="1:4" ht="18" customHeight="1" x14ac:dyDescent="0.15">
      <c r="A71" s="8" t="s">
        <v>14</v>
      </c>
      <c r="B71" s="21">
        <v>109</v>
      </c>
      <c r="C71" s="6">
        <v>103</v>
      </c>
      <c r="D71" s="5">
        <v>212</v>
      </c>
    </row>
    <row r="72" spans="1:4" ht="18" customHeight="1" x14ac:dyDescent="0.15">
      <c r="A72" s="8">
        <v>55</v>
      </c>
      <c r="B72" s="21">
        <v>28</v>
      </c>
      <c r="C72" s="6">
        <v>23</v>
      </c>
      <c r="D72" s="5">
        <v>51</v>
      </c>
    </row>
    <row r="73" spans="1:4" ht="18" customHeight="1" x14ac:dyDescent="0.15">
      <c r="A73" s="8">
        <v>56</v>
      </c>
      <c r="B73" s="21">
        <v>24</v>
      </c>
      <c r="C73" s="6">
        <v>19</v>
      </c>
      <c r="D73" s="5">
        <v>43</v>
      </c>
    </row>
    <row r="74" spans="1:4" ht="18" customHeight="1" x14ac:dyDescent="0.15">
      <c r="A74" s="8">
        <v>57</v>
      </c>
      <c r="B74" s="21">
        <v>26</v>
      </c>
      <c r="C74" s="6">
        <v>20</v>
      </c>
      <c r="D74" s="5">
        <v>46</v>
      </c>
    </row>
    <row r="75" spans="1:4" ht="18" customHeight="1" x14ac:dyDescent="0.15">
      <c r="A75" s="8">
        <v>58</v>
      </c>
      <c r="B75" s="21">
        <v>18</v>
      </c>
      <c r="C75" s="6">
        <v>14</v>
      </c>
      <c r="D75" s="5">
        <v>32</v>
      </c>
    </row>
    <row r="76" spans="1:4" ht="18" customHeight="1" x14ac:dyDescent="0.15">
      <c r="A76" s="8">
        <v>59</v>
      </c>
      <c r="B76" s="21">
        <v>20</v>
      </c>
      <c r="C76" s="6">
        <v>19</v>
      </c>
      <c r="D76" s="5">
        <v>39</v>
      </c>
    </row>
    <row r="77" spans="1:4" ht="18" customHeight="1" x14ac:dyDescent="0.15">
      <c r="A77" s="8" t="s">
        <v>13</v>
      </c>
      <c r="B77" s="21">
        <v>116</v>
      </c>
      <c r="C77" s="6">
        <v>95</v>
      </c>
      <c r="D77" s="5">
        <v>211</v>
      </c>
    </row>
    <row r="78" spans="1:4" ht="18" customHeight="1" x14ac:dyDescent="0.15">
      <c r="A78" s="8">
        <v>60</v>
      </c>
      <c r="B78" s="21">
        <v>28</v>
      </c>
      <c r="C78" s="6">
        <v>23</v>
      </c>
      <c r="D78" s="5">
        <v>51</v>
      </c>
    </row>
    <row r="79" spans="1:4" ht="18" customHeight="1" x14ac:dyDescent="0.15">
      <c r="A79" s="8">
        <v>61</v>
      </c>
      <c r="B79" s="21">
        <v>32</v>
      </c>
      <c r="C79" s="6">
        <v>13</v>
      </c>
      <c r="D79" s="5">
        <v>45</v>
      </c>
    </row>
    <row r="80" spans="1:4" ht="18" customHeight="1" x14ac:dyDescent="0.15">
      <c r="A80" s="8">
        <v>62</v>
      </c>
      <c r="B80" s="21">
        <v>16</v>
      </c>
      <c r="C80" s="6">
        <v>30</v>
      </c>
      <c r="D80" s="5">
        <v>46</v>
      </c>
    </row>
    <row r="81" spans="1:4" ht="18" customHeight="1" x14ac:dyDescent="0.15">
      <c r="A81" s="8">
        <v>63</v>
      </c>
      <c r="B81" s="21">
        <v>23</v>
      </c>
      <c r="C81" s="6">
        <v>14</v>
      </c>
      <c r="D81" s="5">
        <v>37</v>
      </c>
    </row>
    <row r="82" spans="1:4" ht="18" customHeight="1" x14ac:dyDescent="0.15">
      <c r="A82" s="8">
        <v>64</v>
      </c>
      <c r="B82" s="21">
        <v>11</v>
      </c>
      <c r="C82" s="6">
        <v>24</v>
      </c>
      <c r="D82" s="5">
        <v>35</v>
      </c>
    </row>
    <row r="83" spans="1:4" ht="18" customHeight="1" x14ac:dyDescent="0.15">
      <c r="A83" s="8" t="s">
        <v>12</v>
      </c>
      <c r="B83" s="21">
        <v>110</v>
      </c>
      <c r="C83" s="6">
        <v>104</v>
      </c>
      <c r="D83" s="5">
        <v>214</v>
      </c>
    </row>
    <row r="84" spans="1:4" ht="18" customHeight="1" x14ac:dyDescent="0.15">
      <c r="A84" s="8" t="s">
        <v>11</v>
      </c>
      <c r="B84" s="21">
        <v>796</v>
      </c>
      <c r="C84" s="6">
        <v>697</v>
      </c>
      <c r="D84" s="5">
        <v>1493</v>
      </c>
    </row>
    <row r="85" spans="1:4" ht="18" customHeight="1" x14ac:dyDescent="0.15">
      <c r="A85" s="8">
        <v>65</v>
      </c>
      <c r="B85" s="21">
        <v>17</v>
      </c>
      <c r="C85" s="6">
        <v>12</v>
      </c>
      <c r="D85" s="5">
        <v>29</v>
      </c>
    </row>
    <row r="86" spans="1:4" ht="18" customHeight="1" x14ac:dyDescent="0.15">
      <c r="A86" s="8">
        <v>66</v>
      </c>
      <c r="B86" s="21">
        <v>17</v>
      </c>
      <c r="C86" s="6">
        <v>15</v>
      </c>
      <c r="D86" s="5">
        <v>32</v>
      </c>
    </row>
    <row r="87" spans="1:4" ht="18" customHeight="1" x14ac:dyDescent="0.15">
      <c r="A87" s="8">
        <v>67</v>
      </c>
      <c r="B87" s="21">
        <v>9</v>
      </c>
      <c r="C87" s="6">
        <v>22</v>
      </c>
      <c r="D87" s="5">
        <v>31</v>
      </c>
    </row>
    <row r="88" spans="1:4" ht="18" customHeight="1" x14ac:dyDescent="0.15">
      <c r="A88" s="8">
        <v>68</v>
      </c>
      <c r="B88" s="21">
        <v>12</v>
      </c>
      <c r="C88" s="6">
        <v>12</v>
      </c>
      <c r="D88" s="5">
        <v>24</v>
      </c>
    </row>
    <row r="89" spans="1:4" ht="18" customHeight="1" x14ac:dyDescent="0.15">
      <c r="A89" s="8">
        <v>69</v>
      </c>
      <c r="B89" s="21">
        <v>18</v>
      </c>
      <c r="C89" s="6">
        <v>16</v>
      </c>
      <c r="D89" s="5">
        <v>34</v>
      </c>
    </row>
    <row r="90" spans="1:4" ht="18" customHeight="1" x14ac:dyDescent="0.15">
      <c r="A90" s="8" t="s">
        <v>10</v>
      </c>
      <c r="B90" s="21">
        <v>73</v>
      </c>
      <c r="C90" s="6">
        <v>77</v>
      </c>
      <c r="D90" s="5">
        <v>150</v>
      </c>
    </row>
    <row r="91" spans="1:4" ht="18" customHeight="1" x14ac:dyDescent="0.15">
      <c r="A91" s="8">
        <v>70</v>
      </c>
      <c r="B91" s="21">
        <v>15</v>
      </c>
      <c r="C91" s="6">
        <v>16</v>
      </c>
      <c r="D91" s="5">
        <v>31</v>
      </c>
    </row>
    <row r="92" spans="1:4" ht="18" customHeight="1" x14ac:dyDescent="0.15">
      <c r="A92" s="8">
        <v>71</v>
      </c>
      <c r="B92" s="21">
        <v>18</v>
      </c>
      <c r="C92" s="6">
        <v>21</v>
      </c>
      <c r="D92" s="5">
        <v>39</v>
      </c>
    </row>
    <row r="93" spans="1:4" ht="18" customHeight="1" x14ac:dyDescent="0.15">
      <c r="A93" s="8">
        <v>72</v>
      </c>
      <c r="B93" s="21">
        <v>17</v>
      </c>
      <c r="C93" s="6">
        <v>30</v>
      </c>
      <c r="D93" s="5">
        <v>47</v>
      </c>
    </row>
    <row r="94" spans="1:4" ht="18" customHeight="1" x14ac:dyDescent="0.15">
      <c r="A94" s="8">
        <v>73</v>
      </c>
      <c r="B94" s="21">
        <v>19</v>
      </c>
      <c r="C94" s="6">
        <v>33</v>
      </c>
      <c r="D94" s="5">
        <v>52</v>
      </c>
    </row>
    <row r="95" spans="1:4" ht="18" customHeight="1" x14ac:dyDescent="0.15">
      <c r="A95" s="8">
        <v>74</v>
      </c>
      <c r="B95" s="21">
        <v>18</v>
      </c>
      <c r="C95" s="6">
        <v>23</v>
      </c>
      <c r="D95" s="5">
        <v>41</v>
      </c>
    </row>
    <row r="96" spans="1:4" ht="18" customHeight="1" x14ac:dyDescent="0.15">
      <c r="A96" s="8" t="s">
        <v>9</v>
      </c>
      <c r="B96" s="21">
        <v>87</v>
      </c>
      <c r="C96" s="6">
        <v>123</v>
      </c>
      <c r="D96" s="5">
        <v>210</v>
      </c>
    </row>
    <row r="97" spans="1:4" ht="18" customHeight="1" x14ac:dyDescent="0.15">
      <c r="A97" s="8">
        <v>75</v>
      </c>
      <c r="B97" s="21">
        <v>21</v>
      </c>
      <c r="C97" s="6">
        <v>36</v>
      </c>
      <c r="D97" s="5">
        <v>57</v>
      </c>
    </row>
    <row r="98" spans="1:4" ht="18" customHeight="1" x14ac:dyDescent="0.15">
      <c r="A98" s="8">
        <v>76</v>
      </c>
      <c r="B98" s="21">
        <v>36</v>
      </c>
      <c r="C98" s="6">
        <v>40</v>
      </c>
      <c r="D98" s="5">
        <v>76</v>
      </c>
    </row>
    <row r="99" spans="1:4" ht="18" customHeight="1" x14ac:dyDescent="0.15">
      <c r="A99" s="8">
        <v>77</v>
      </c>
      <c r="B99" s="21">
        <v>35</v>
      </c>
      <c r="C99" s="6">
        <v>42</v>
      </c>
      <c r="D99" s="5">
        <v>77</v>
      </c>
    </row>
    <row r="100" spans="1:4" ht="18" customHeight="1" x14ac:dyDescent="0.15">
      <c r="A100" s="8">
        <v>78</v>
      </c>
      <c r="B100" s="21">
        <v>42</v>
      </c>
      <c r="C100" s="6">
        <v>43</v>
      </c>
      <c r="D100" s="5">
        <v>85</v>
      </c>
    </row>
    <row r="101" spans="1:4" ht="18" customHeight="1" x14ac:dyDescent="0.15">
      <c r="A101" s="8">
        <v>79</v>
      </c>
      <c r="B101" s="21">
        <v>15</v>
      </c>
      <c r="C101" s="6">
        <v>29</v>
      </c>
      <c r="D101" s="5">
        <v>44</v>
      </c>
    </row>
    <row r="102" spans="1:4" ht="18" customHeight="1" x14ac:dyDescent="0.15">
      <c r="A102" s="8" t="s">
        <v>8</v>
      </c>
      <c r="B102" s="21">
        <v>149</v>
      </c>
      <c r="C102" s="6">
        <v>190</v>
      </c>
      <c r="D102" s="5">
        <v>339</v>
      </c>
    </row>
    <row r="103" spans="1:4" ht="18" customHeight="1" x14ac:dyDescent="0.15">
      <c r="A103" s="8">
        <v>80</v>
      </c>
      <c r="B103" s="21">
        <v>14</v>
      </c>
      <c r="C103" s="6">
        <v>30</v>
      </c>
      <c r="D103" s="5">
        <v>44</v>
      </c>
    </row>
    <row r="104" spans="1:4" ht="18" customHeight="1" x14ac:dyDescent="0.15">
      <c r="A104" s="8">
        <v>81</v>
      </c>
      <c r="B104" s="21">
        <v>20</v>
      </c>
      <c r="C104" s="6">
        <v>31</v>
      </c>
      <c r="D104" s="5">
        <v>51</v>
      </c>
    </row>
    <row r="105" spans="1:4" ht="18" customHeight="1" x14ac:dyDescent="0.15">
      <c r="A105" s="8">
        <v>82</v>
      </c>
      <c r="B105" s="21">
        <v>17</v>
      </c>
      <c r="C105" s="6">
        <v>33</v>
      </c>
      <c r="D105" s="5">
        <v>50</v>
      </c>
    </row>
    <row r="106" spans="1:4" ht="18" customHeight="1" x14ac:dyDescent="0.15">
      <c r="A106" s="8">
        <v>83</v>
      </c>
      <c r="B106" s="21">
        <v>16</v>
      </c>
      <c r="C106" s="6">
        <v>26</v>
      </c>
      <c r="D106" s="5">
        <v>42</v>
      </c>
    </row>
    <row r="107" spans="1:4" ht="18" customHeight="1" x14ac:dyDescent="0.15">
      <c r="A107" s="8">
        <v>84</v>
      </c>
      <c r="B107" s="21">
        <v>17</v>
      </c>
      <c r="C107" s="6">
        <v>33</v>
      </c>
      <c r="D107" s="5">
        <v>50</v>
      </c>
    </row>
    <row r="108" spans="1:4" ht="18" customHeight="1" x14ac:dyDescent="0.15">
      <c r="A108" s="8" t="s">
        <v>7</v>
      </c>
      <c r="B108" s="21">
        <v>84</v>
      </c>
      <c r="C108" s="6">
        <v>153</v>
      </c>
      <c r="D108" s="5">
        <v>237</v>
      </c>
    </row>
    <row r="109" spans="1:4" ht="18" customHeight="1" x14ac:dyDescent="0.15">
      <c r="A109" s="8">
        <v>85</v>
      </c>
      <c r="B109" s="21">
        <v>14</v>
      </c>
      <c r="C109" s="6">
        <v>19</v>
      </c>
      <c r="D109" s="5">
        <v>33</v>
      </c>
    </row>
    <row r="110" spans="1:4" ht="18" customHeight="1" x14ac:dyDescent="0.15">
      <c r="A110" s="8">
        <v>86</v>
      </c>
      <c r="B110" s="21">
        <v>7</v>
      </c>
      <c r="C110" s="6">
        <v>22</v>
      </c>
      <c r="D110" s="5">
        <v>29</v>
      </c>
    </row>
    <row r="111" spans="1:4" ht="18" customHeight="1" x14ac:dyDescent="0.15">
      <c r="A111" s="8">
        <v>87</v>
      </c>
      <c r="B111" s="21">
        <v>6</v>
      </c>
      <c r="C111" s="6">
        <v>21</v>
      </c>
      <c r="D111" s="5">
        <v>27</v>
      </c>
    </row>
    <row r="112" spans="1:4" ht="18" customHeight="1" x14ac:dyDescent="0.15">
      <c r="A112" s="8">
        <v>88</v>
      </c>
      <c r="B112" s="21">
        <v>11</v>
      </c>
      <c r="C112" s="6">
        <v>20</v>
      </c>
      <c r="D112" s="5">
        <v>31</v>
      </c>
    </row>
    <row r="113" spans="1:4" ht="18" customHeight="1" x14ac:dyDescent="0.15">
      <c r="A113" s="8">
        <v>89</v>
      </c>
      <c r="B113" s="21">
        <v>12</v>
      </c>
      <c r="C113" s="6">
        <v>18</v>
      </c>
      <c r="D113" s="5">
        <v>30</v>
      </c>
    </row>
    <row r="114" spans="1:4" ht="18" customHeight="1" x14ac:dyDescent="0.15">
      <c r="A114" s="8" t="s">
        <v>6</v>
      </c>
      <c r="B114" s="21">
        <v>50</v>
      </c>
      <c r="C114" s="6">
        <v>100</v>
      </c>
      <c r="D114" s="5">
        <v>150</v>
      </c>
    </row>
    <row r="115" spans="1:4" ht="18" customHeight="1" x14ac:dyDescent="0.15">
      <c r="A115" s="8">
        <v>90</v>
      </c>
      <c r="B115" s="21">
        <v>8</v>
      </c>
      <c r="C115" s="6">
        <v>20</v>
      </c>
      <c r="D115" s="5">
        <v>28</v>
      </c>
    </row>
    <row r="116" spans="1:4" ht="18" customHeight="1" x14ac:dyDescent="0.15">
      <c r="A116" s="8">
        <v>91</v>
      </c>
      <c r="B116" s="21">
        <v>4</v>
      </c>
      <c r="C116" s="6">
        <v>16</v>
      </c>
      <c r="D116" s="5">
        <v>20</v>
      </c>
    </row>
    <row r="117" spans="1:4" ht="18" customHeight="1" x14ac:dyDescent="0.15">
      <c r="A117" s="8">
        <v>92</v>
      </c>
      <c r="B117" s="21">
        <v>7</v>
      </c>
      <c r="C117" s="6">
        <v>12</v>
      </c>
      <c r="D117" s="5">
        <v>19</v>
      </c>
    </row>
    <row r="118" spans="1:4" ht="18" customHeight="1" x14ac:dyDescent="0.15">
      <c r="A118" s="8">
        <v>93</v>
      </c>
      <c r="B118" s="21">
        <v>3</v>
      </c>
      <c r="C118" s="6">
        <v>16</v>
      </c>
      <c r="D118" s="5">
        <v>19</v>
      </c>
    </row>
    <row r="119" spans="1:4" ht="18" customHeight="1" x14ac:dyDescent="0.15">
      <c r="A119" s="8">
        <v>94</v>
      </c>
      <c r="B119" s="21">
        <v>4</v>
      </c>
      <c r="C119" s="6">
        <v>3</v>
      </c>
      <c r="D119" s="5">
        <v>7</v>
      </c>
    </row>
    <row r="120" spans="1:4" ht="18" customHeight="1" x14ac:dyDescent="0.15">
      <c r="A120" s="8" t="s">
        <v>5</v>
      </c>
      <c r="B120" s="21">
        <v>26</v>
      </c>
      <c r="C120" s="6">
        <v>67</v>
      </c>
      <c r="D120" s="5">
        <v>93</v>
      </c>
    </row>
    <row r="121" spans="1:4" ht="18" customHeight="1" x14ac:dyDescent="0.15">
      <c r="A121" s="8">
        <v>95</v>
      </c>
      <c r="B121" s="21">
        <v>1</v>
      </c>
      <c r="C121" s="6">
        <v>7</v>
      </c>
      <c r="D121" s="5">
        <v>8</v>
      </c>
    </row>
    <row r="122" spans="1:4" ht="18" customHeight="1" x14ac:dyDescent="0.15">
      <c r="A122" s="8">
        <v>96</v>
      </c>
      <c r="B122" s="21">
        <v>0</v>
      </c>
      <c r="C122" s="6">
        <v>8</v>
      </c>
      <c r="D122" s="5">
        <v>8</v>
      </c>
    </row>
    <row r="123" spans="1:4" ht="18" customHeight="1" x14ac:dyDescent="0.15">
      <c r="A123" s="8">
        <v>97</v>
      </c>
      <c r="B123" s="21">
        <v>0</v>
      </c>
      <c r="C123" s="6">
        <v>7</v>
      </c>
      <c r="D123" s="5">
        <v>7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25</v>
      </c>
      <c r="D126" s="5">
        <v>26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7</v>
      </c>
      <c r="D129" s="5">
        <v>7</v>
      </c>
    </row>
    <row r="130" spans="1:4" ht="18" customHeight="1" x14ac:dyDescent="0.15">
      <c r="A130" s="8" t="s">
        <v>1</v>
      </c>
      <c r="B130" s="21">
        <v>470</v>
      </c>
      <c r="C130" s="6">
        <v>742</v>
      </c>
      <c r="D130" s="5">
        <v>1212</v>
      </c>
    </row>
    <row r="131" spans="1:4" ht="18" customHeight="1" x14ac:dyDescent="0.15">
      <c r="A131" s="4" t="s">
        <v>0</v>
      </c>
      <c r="B131" s="20">
        <v>1373</v>
      </c>
      <c r="C131" s="2">
        <v>1562</v>
      </c>
      <c r="D131" s="1">
        <v>29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891ED4-543B-4D9A-B427-21D1BD80EBE3}">
  <sheetPr codeName="Sheet1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1</v>
      </c>
      <c r="B1" s="44"/>
      <c r="C1" s="44"/>
      <c r="D1" s="44"/>
    </row>
    <row r="2" spans="1:4" ht="14.25" customHeight="1" x14ac:dyDescent="0.15">
      <c r="A2" s="19"/>
      <c r="B2" s="19"/>
      <c r="C2" s="19"/>
      <c r="D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16" t="s">
        <v>28</v>
      </c>
      <c r="C4" s="15" t="s">
        <v>27</v>
      </c>
      <c r="D4" s="14" t="s">
        <v>26</v>
      </c>
    </row>
    <row r="5" spans="1:4" ht="18" customHeight="1" x14ac:dyDescent="0.15">
      <c r="A5" s="13">
        <v>0</v>
      </c>
      <c r="B5" s="12">
        <v>7</v>
      </c>
      <c r="C5" s="11">
        <v>6</v>
      </c>
      <c r="D5" s="10">
        <v>13</v>
      </c>
    </row>
    <row r="6" spans="1:4" ht="18" customHeight="1" x14ac:dyDescent="0.15">
      <c r="A6" s="8">
        <v>1</v>
      </c>
      <c r="B6" s="7">
        <v>4</v>
      </c>
      <c r="C6" s="6">
        <v>3</v>
      </c>
      <c r="D6" s="5">
        <v>7</v>
      </c>
    </row>
    <row r="7" spans="1:4" ht="18" customHeight="1" x14ac:dyDescent="0.15">
      <c r="A7" s="8">
        <v>2</v>
      </c>
      <c r="B7" s="7">
        <v>8</v>
      </c>
      <c r="C7" s="6">
        <v>9</v>
      </c>
      <c r="D7" s="5">
        <v>17</v>
      </c>
    </row>
    <row r="8" spans="1:4" ht="18" customHeight="1" x14ac:dyDescent="0.15">
      <c r="A8" s="8">
        <v>3</v>
      </c>
      <c r="B8" s="7">
        <v>6</v>
      </c>
      <c r="C8" s="6">
        <v>8</v>
      </c>
      <c r="D8" s="5">
        <v>14</v>
      </c>
    </row>
    <row r="9" spans="1:4" ht="18" customHeight="1" x14ac:dyDescent="0.15">
      <c r="A9" s="8">
        <v>4</v>
      </c>
      <c r="B9" s="7">
        <v>11</v>
      </c>
      <c r="C9" s="6">
        <v>6</v>
      </c>
      <c r="D9" s="5">
        <v>17</v>
      </c>
    </row>
    <row r="10" spans="1:4" ht="18" customHeight="1" x14ac:dyDescent="0.15">
      <c r="A10" s="8" t="s">
        <v>25</v>
      </c>
      <c r="B10" s="7">
        <v>36</v>
      </c>
      <c r="C10" s="6">
        <v>32</v>
      </c>
      <c r="D10" s="5">
        <v>68</v>
      </c>
    </row>
    <row r="11" spans="1:4" ht="18" customHeight="1" x14ac:dyDescent="0.15">
      <c r="A11" s="8">
        <v>5</v>
      </c>
      <c r="B11" s="7">
        <v>15</v>
      </c>
      <c r="C11" s="6">
        <v>4</v>
      </c>
      <c r="D11" s="5">
        <v>19</v>
      </c>
    </row>
    <row r="12" spans="1:4" ht="18" customHeight="1" x14ac:dyDescent="0.15">
      <c r="A12" s="8">
        <v>6</v>
      </c>
      <c r="B12" s="7">
        <v>9</v>
      </c>
      <c r="C12" s="6">
        <v>4</v>
      </c>
      <c r="D12" s="5">
        <v>13</v>
      </c>
    </row>
    <row r="13" spans="1:4" ht="18" customHeight="1" x14ac:dyDescent="0.15">
      <c r="A13" s="8">
        <v>7</v>
      </c>
      <c r="B13" s="7">
        <v>7</v>
      </c>
      <c r="C13" s="6">
        <v>6</v>
      </c>
      <c r="D13" s="5">
        <v>13</v>
      </c>
    </row>
    <row r="14" spans="1:4" ht="18" customHeight="1" x14ac:dyDescent="0.15">
      <c r="A14" s="8">
        <v>8</v>
      </c>
      <c r="B14" s="7">
        <v>7</v>
      </c>
      <c r="C14" s="6">
        <v>8</v>
      </c>
      <c r="D14" s="5">
        <v>15</v>
      </c>
    </row>
    <row r="15" spans="1:4" ht="18" customHeight="1" x14ac:dyDescent="0.15">
      <c r="A15" s="8">
        <v>9</v>
      </c>
      <c r="B15" s="7">
        <v>8</v>
      </c>
      <c r="C15" s="6">
        <v>13</v>
      </c>
      <c r="D15" s="5">
        <v>21</v>
      </c>
    </row>
    <row r="16" spans="1:4" ht="18" customHeight="1" x14ac:dyDescent="0.15">
      <c r="A16" s="8" t="s">
        <v>24</v>
      </c>
      <c r="B16" s="7">
        <v>46</v>
      </c>
      <c r="C16" s="6">
        <v>35</v>
      </c>
      <c r="D16" s="5">
        <v>81</v>
      </c>
    </row>
    <row r="17" spans="1:4" ht="18" customHeight="1" x14ac:dyDescent="0.15">
      <c r="A17" s="8">
        <v>10</v>
      </c>
      <c r="B17" s="7">
        <v>7</v>
      </c>
      <c r="C17" s="6">
        <v>8</v>
      </c>
      <c r="D17" s="5">
        <v>15</v>
      </c>
    </row>
    <row r="18" spans="1:4" ht="18" customHeight="1" x14ac:dyDescent="0.15">
      <c r="A18" s="8">
        <v>11</v>
      </c>
      <c r="B18" s="7">
        <v>8</v>
      </c>
      <c r="C18" s="6">
        <v>10</v>
      </c>
      <c r="D18" s="5">
        <v>18</v>
      </c>
    </row>
    <row r="19" spans="1:4" ht="18" customHeight="1" x14ac:dyDescent="0.15">
      <c r="A19" s="8">
        <v>12</v>
      </c>
      <c r="B19" s="7">
        <v>10</v>
      </c>
      <c r="C19" s="6">
        <v>15</v>
      </c>
      <c r="D19" s="5">
        <v>25</v>
      </c>
    </row>
    <row r="20" spans="1:4" ht="18" customHeight="1" x14ac:dyDescent="0.15">
      <c r="A20" s="8">
        <v>13</v>
      </c>
      <c r="B20" s="7">
        <v>3</v>
      </c>
      <c r="C20" s="6">
        <v>7</v>
      </c>
      <c r="D20" s="5">
        <v>10</v>
      </c>
    </row>
    <row r="21" spans="1:4" ht="18" customHeight="1" x14ac:dyDescent="0.15">
      <c r="A21" s="8">
        <v>14</v>
      </c>
      <c r="B21" s="7">
        <v>8</v>
      </c>
      <c r="C21" s="6">
        <v>4</v>
      </c>
      <c r="D21" s="5">
        <v>12</v>
      </c>
    </row>
    <row r="22" spans="1:4" ht="18" customHeight="1" x14ac:dyDescent="0.15">
      <c r="A22" s="8" t="s">
        <v>23</v>
      </c>
      <c r="B22" s="7">
        <v>36</v>
      </c>
      <c r="C22" s="6">
        <v>44</v>
      </c>
      <c r="D22" s="5">
        <v>80</v>
      </c>
    </row>
    <row r="23" spans="1:4" ht="18" customHeight="1" x14ac:dyDescent="0.15">
      <c r="A23" s="8" t="s">
        <v>22</v>
      </c>
      <c r="B23" s="7">
        <v>118</v>
      </c>
      <c r="C23" s="6">
        <v>111</v>
      </c>
      <c r="D23" s="5">
        <v>229</v>
      </c>
    </row>
    <row r="24" spans="1:4" ht="18" customHeight="1" x14ac:dyDescent="0.15">
      <c r="A24" s="8">
        <v>15</v>
      </c>
      <c r="B24" s="7">
        <v>11</v>
      </c>
      <c r="C24" s="6">
        <v>3</v>
      </c>
      <c r="D24" s="5">
        <v>14</v>
      </c>
    </row>
    <row r="25" spans="1:4" ht="18" customHeight="1" x14ac:dyDescent="0.15">
      <c r="A25" s="8">
        <v>16</v>
      </c>
      <c r="B25" s="7">
        <v>13</v>
      </c>
      <c r="C25" s="6">
        <v>3</v>
      </c>
      <c r="D25" s="5">
        <v>16</v>
      </c>
    </row>
    <row r="26" spans="1:4" ht="18" customHeight="1" x14ac:dyDescent="0.15">
      <c r="A26" s="8">
        <v>17</v>
      </c>
      <c r="B26" s="7">
        <v>8</v>
      </c>
      <c r="C26" s="6">
        <v>11</v>
      </c>
      <c r="D26" s="5">
        <v>19</v>
      </c>
    </row>
    <row r="27" spans="1:4" ht="18" customHeight="1" x14ac:dyDescent="0.15">
      <c r="A27" s="8">
        <v>18</v>
      </c>
      <c r="B27" s="7">
        <v>7</v>
      </c>
      <c r="C27" s="6">
        <v>7</v>
      </c>
      <c r="D27" s="5">
        <v>14</v>
      </c>
    </row>
    <row r="28" spans="1:4" ht="18" customHeight="1" x14ac:dyDescent="0.15">
      <c r="A28" s="8">
        <v>19</v>
      </c>
      <c r="B28" s="7">
        <v>5</v>
      </c>
      <c r="C28" s="6">
        <v>10</v>
      </c>
      <c r="D28" s="5">
        <v>15</v>
      </c>
    </row>
    <row r="29" spans="1:4" ht="18" customHeight="1" x14ac:dyDescent="0.15">
      <c r="A29" s="8" t="s">
        <v>21</v>
      </c>
      <c r="B29" s="7">
        <v>44</v>
      </c>
      <c r="C29" s="6">
        <v>34</v>
      </c>
      <c r="D29" s="5">
        <v>78</v>
      </c>
    </row>
    <row r="30" spans="1:4" ht="18" customHeight="1" x14ac:dyDescent="0.15">
      <c r="A30" s="8">
        <v>20</v>
      </c>
      <c r="B30" s="7">
        <v>6</v>
      </c>
      <c r="C30" s="6">
        <v>6</v>
      </c>
      <c r="D30" s="5">
        <v>12</v>
      </c>
    </row>
    <row r="31" spans="1:4" ht="18" customHeight="1" x14ac:dyDescent="0.15">
      <c r="A31" s="8">
        <v>21</v>
      </c>
      <c r="B31" s="7">
        <v>7</v>
      </c>
      <c r="C31" s="6">
        <v>6</v>
      </c>
      <c r="D31" s="5">
        <v>13</v>
      </c>
    </row>
    <row r="32" spans="1:4" ht="18" customHeight="1" x14ac:dyDescent="0.15">
      <c r="A32" s="8">
        <v>22</v>
      </c>
      <c r="B32" s="7">
        <v>5</v>
      </c>
      <c r="C32" s="6">
        <v>8</v>
      </c>
      <c r="D32" s="5">
        <v>13</v>
      </c>
    </row>
    <row r="33" spans="1:4" ht="18" customHeight="1" x14ac:dyDescent="0.15">
      <c r="A33" s="8">
        <v>23</v>
      </c>
      <c r="B33" s="7">
        <v>4</v>
      </c>
      <c r="C33" s="6">
        <v>6</v>
      </c>
      <c r="D33" s="5">
        <v>10</v>
      </c>
    </row>
    <row r="34" spans="1:4" ht="18" customHeight="1" x14ac:dyDescent="0.15">
      <c r="A34" s="8">
        <v>24</v>
      </c>
      <c r="B34" s="7">
        <v>12</v>
      </c>
      <c r="C34" s="6">
        <v>8</v>
      </c>
      <c r="D34" s="5">
        <v>20</v>
      </c>
    </row>
    <row r="35" spans="1:4" ht="18" customHeight="1" x14ac:dyDescent="0.15">
      <c r="A35" s="8" t="s">
        <v>20</v>
      </c>
      <c r="B35" s="7">
        <v>34</v>
      </c>
      <c r="C35" s="6">
        <v>34</v>
      </c>
      <c r="D35" s="5">
        <v>68</v>
      </c>
    </row>
    <row r="36" spans="1:4" ht="18" customHeight="1" x14ac:dyDescent="0.15">
      <c r="A36" s="8">
        <v>25</v>
      </c>
      <c r="B36" s="7">
        <v>6</v>
      </c>
      <c r="C36" s="6">
        <v>8</v>
      </c>
      <c r="D36" s="5">
        <v>14</v>
      </c>
    </row>
    <row r="37" spans="1:4" ht="18" customHeight="1" x14ac:dyDescent="0.15">
      <c r="A37" s="8">
        <v>26</v>
      </c>
      <c r="B37" s="7">
        <v>16</v>
      </c>
      <c r="C37" s="6">
        <v>8</v>
      </c>
      <c r="D37" s="5">
        <v>24</v>
      </c>
    </row>
    <row r="38" spans="1:4" ht="18" customHeight="1" x14ac:dyDescent="0.15">
      <c r="A38" s="8">
        <v>27</v>
      </c>
      <c r="B38" s="7">
        <v>10</v>
      </c>
      <c r="C38" s="6">
        <v>6</v>
      </c>
      <c r="D38" s="5">
        <v>16</v>
      </c>
    </row>
    <row r="39" spans="1:4" ht="18" customHeight="1" x14ac:dyDescent="0.15">
      <c r="A39" s="8">
        <v>28</v>
      </c>
      <c r="B39" s="7">
        <v>6</v>
      </c>
      <c r="C39" s="6">
        <v>4</v>
      </c>
      <c r="D39" s="5">
        <v>10</v>
      </c>
    </row>
    <row r="40" spans="1:4" ht="18" customHeight="1" x14ac:dyDescent="0.15">
      <c r="A40" s="8">
        <v>29</v>
      </c>
      <c r="B40" s="7">
        <v>6</v>
      </c>
      <c r="C40" s="6">
        <v>7</v>
      </c>
      <c r="D40" s="5">
        <v>13</v>
      </c>
    </row>
    <row r="41" spans="1:4" ht="18" customHeight="1" x14ac:dyDescent="0.15">
      <c r="A41" s="8" t="s">
        <v>19</v>
      </c>
      <c r="B41" s="7">
        <v>44</v>
      </c>
      <c r="C41" s="6">
        <v>33</v>
      </c>
      <c r="D41" s="5">
        <v>77</v>
      </c>
    </row>
    <row r="42" spans="1:4" ht="18" customHeight="1" x14ac:dyDescent="0.15">
      <c r="A42" s="8">
        <v>30</v>
      </c>
      <c r="B42" s="7">
        <v>7</v>
      </c>
      <c r="C42" s="6">
        <v>4</v>
      </c>
      <c r="D42" s="5">
        <v>11</v>
      </c>
    </row>
    <row r="43" spans="1:4" ht="18" customHeight="1" x14ac:dyDescent="0.15">
      <c r="A43" s="8">
        <v>31</v>
      </c>
      <c r="B43" s="7">
        <v>8</v>
      </c>
      <c r="C43" s="6">
        <v>3</v>
      </c>
      <c r="D43" s="5">
        <v>11</v>
      </c>
    </row>
    <row r="44" spans="1:4" ht="18" customHeight="1" x14ac:dyDescent="0.15">
      <c r="A44" s="8">
        <v>32</v>
      </c>
      <c r="B44" s="7">
        <v>9</v>
      </c>
      <c r="C44" s="6">
        <v>10</v>
      </c>
      <c r="D44" s="5">
        <v>19</v>
      </c>
    </row>
    <row r="45" spans="1:4" ht="18" customHeight="1" x14ac:dyDescent="0.15">
      <c r="A45" s="8">
        <v>33</v>
      </c>
      <c r="B45" s="7">
        <v>12</v>
      </c>
      <c r="C45" s="6">
        <v>11</v>
      </c>
      <c r="D45" s="5">
        <v>23</v>
      </c>
    </row>
    <row r="46" spans="1:4" ht="18" customHeight="1" x14ac:dyDescent="0.15">
      <c r="A46" s="8">
        <v>34</v>
      </c>
      <c r="B46" s="7">
        <v>6</v>
      </c>
      <c r="C46" s="6">
        <v>12</v>
      </c>
      <c r="D46" s="5">
        <v>18</v>
      </c>
    </row>
    <row r="47" spans="1:4" ht="18" customHeight="1" x14ac:dyDescent="0.15">
      <c r="A47" s="8" t="s">
        <v>18</v>
      </c>
      <c r="B47" s="7">
        <v>42</v>
      </c>
      <c r="C47" s="6">
        <v>40</v>
      </c>
      <c r="D47" s="5">
        <v>82</v>
      </c>
    </row>
    <row r="48" spans="1:4" ht="18" customHeight="1" x14ac:dyDescent="0.15">
      <c r="A48" s="8">
        <v>35</v>
      </c>
      <c r="B48" s="7">
        <v>8</v>
      </c>
      <c r="C48" s="6">
        <v>10</v>
      </c>
      <c r="D48" s="5">
        <v>18</v>
      </c>
    </row>
    <row r="49" spans="1:4" ht="18" customHeight="1" x14ac:dyDescent="0.15">
      <c r="A49" s="8">
        <v>36</v>
      </c>
      <c r="B49" s="7">
        <v>11</v>
      </c>
      <c r="C49" s="6">
        <v>6</v>
      </c>
      <c r="D49" s="5">
        <v>17</v>
      </c>
    </row>
    <row r="50" spans="1:4" ht="18" customHeight="1" x14ac:dyDescent="0.15">
      <c r="A50" s="8">
        <v>37</v>
      </c>
      <c r="B50" s="7">
        <v>11</v>
      </c>
      <c r="C50" s="6">
        <v>15</v>
      </c>
      <c r="D50" s="5">
        <v>26</v>
      </c>
    </row>
    <row r="51" spans="1:4" ht="18" customHeight="1" x14ac:dyDescent="0.15">
      <c r="A51" s="8">
        <v>38</v>
      </c>
      <c r="B51" s="7">
        <v>16</v>
      </c>
      <c r="C51" s="6">
        <v>12</v>
      </c>
      <c r="D51" s="5">
        <v>28</v>
      </c>
    </row>
    <row r="52" spans="1:4" ht="18" customHeight="1" x14ac:dyDescent="0.15">
      <c r="A52" s="8">
        <v>39</v>
      </c>
      <c r="B52" s="7">
        <v>17</v>
      </c>
      <c r="C52" s="6">
        <v>12</v>
      </c>
      <c r="D52" s="5">
        <v>29</v>
      </c>
    </row>
    <row r="53" spans="1:4" ht="18" customHeight="1" x14ac:dyDescent="0.15">
      <c r="A53" s="8" t="s">
        <v>17</v>
      </c>
      <c r="B53" s="7">
        <v>63</v>
      </c>
      <c r="C53" s="6">
        <v>55</v>
      </c>
      <c r="D53" s="5">
        <v>118</v>
      </c>
    </row>
    <row r="54" spans="1:4" ht="18" customHeight="1" x14ac:dyDescent="0.15">
      <c r="A54" s="8">
        <v>40</v>
      </c>
      <c r="B54" s="7">
        <v>17</v>
      </c>
      <c r="C54" s="6">
        <v>19</v>
      </c>
      <c r="D54" s="5">
        <v>36</v>
      </c>
    </row>
    <row r="55" spans="1:4" ht="18" customHeight="1" x14ac:dyDescent="0.15">
      <c r="A55" s="8">
        <v>41</v>
      </c>
      <c r="B55" s="7">
        <v>14</v>
      </c>
      <c r="C55" s="6">
        <v>12</v>
      </c>
      <c r="D55" s="5">
        <v>26</v>
      </c>
    </row>
    <row r="56" spans="1:4" ht="18" customHeight="1" x14ac:dyDescent="0.15">
      <c r="A56" s="8">
        <v>42</v>
      </c>
      <c r="B56" s="7">
        <v>11</v>
      </c>
      <c r="C56" s="6">
        <v>10</v>
      </c>
      <c r="D56" s="5">
        <v>21</v>
      </c>
    </row>
    <row r="57" spans="1:4" ht="18" customHeight="1" x14ac:dyDescent="0.15">
      <c r="A57" s="8">
        <v>43</v>
      </c>
      <c r="B57" s="7">
        <v>14</v>
      </c>
      <c r="C57" s="6">
        <v>9</v>
      </c>
      <c r="D57" s="5">
        <v>23</v>
      </c>
    </row>
    <row r="58" spans="1:4" ht="18" customHeight="1" x14ac:dyDescent="0.15">
      <c r="A58" s="8">
        <v>44</v>
      </c>
      <c r="B58" s="7">
        <v>20</v>
      </c>
      <c r="C58" s="6">
        <v>14</v>
      </c>
      <c r="D58" s="5">
        <v>34</v>
      </c>
    </row>
    <row r="59" spans="1:4" ht="18" customHeight="1" x14ac:dyDescent="0.15">
      <c r="A59" s="8" t="s">
        <v>16</v>
      </c>
      <c r="B59" s="7">
        <v>76</v>
      </c>
      <c r="C59" s="6">
        <v>64</v>
      </c>
      <c r="D59" s="5">
        <v>140</v>
      </c>
    </row>
    <row r="60" spans="1:4" ht="18" customHeight="1" x14ac:dyDescent="0.15">
      <c r="A60" s="8">
        <v>45</v>
      </c>
      <c r="B60" s="7">
        <v>9</v>
      </c>
      <c r="C60" s="6">
        <v>11</v>
      </c>
      <c r="D60" s="5">
        <v>20</v>
      </c>
    </row>
    <row r="61" spans="1:4" ht="18" customHeight="1" x14ac:dyDescent="0.15">
      <c r="A61" s="8">
        <v>46</v>
      </c>
      <c r="B61" s="7">
        <v>13</v>
      </c>
      <c r="C61" s="6">
        <v>21</v>
      </c>
      <c r="D61" s="5">
        <v>34</v>
      </c>
    </row>
    <row r="62" spans="1:4" ht="18" customHeight="1" x14ac:dyDescent="0.15">
      <c r="A62" s="8">
        <v>47</v>
      </c>
      <c r="B62" s="7">
        <v>5</v>
      </c>
      <c r="C62" s="6">
        <v>17</v>
      </c>
      <c r="D62" s="5">
        <v>22</v>
      </c>
    </row>
    <row r="63" spans="1:4" ht="18" customHeight="1" x14ac:dyDescent="0.15">
      <c r="A63" s="8">
        <v>48</v>
      </c>
      <c r="B63" s="7">
        <v>23</v>
      </c>
      <c r="C63" s="6">
        <v>21</v>
      </c>
      <c r="D63" s="5">
        <v>44</v>
      </c>
    </row>
    <row r="64" spans="1:4" ht="18" customHeight="1" x14ac:dyDescent="0.15">
      <c r="A64" s="8">
        <v>49</v>
      </c>
      <c r="B64" s="7">
        <v>22</v>
      </c>
      <c r="C64" s="6">
        <v>11</v>
      </c>
      <c r="D64" s="5">
        <v>33</v>
      </c>
    </row>
    <row r="65" spans="1:4" ht="18" customHeight="1" x14ac:dyDescent="0.15">
      <c r="A65" s="8" t="s">
        <v>15</v>
      </c>
      <c r="B65" s="7">
        <v>72</v>
      </c>
      <c r="C65" s="6">
        <v>81</v>
      </c>
      <c r="D65" s="5">
        <v>153</v>
      </c>
    </row>
    <row r="66" spans="1:4" ht="18" customHeight="1" x14ac:dyDescent="0.15">
      <c r="A66" s="8">
        <v>50</v>
      </c>
      <c r="B66" s="7">
        <v>23</v>
      </c>
      <c r="C66" s="6">
        <v>22</v>
      </c>
      <c r="D66" s="5">
        <v>45</v>
      </c>
    </row>
    <row r="67" spans="1:4" ht="18" customHeight="1" x14ac:dyDescent="0.15">
      <c r="A67" s="8">
        <v>51</v>
      </c>
      <c r="B67" s="7">
        <v>16</v>
      </c>
      <c r="C67" s="6">
        <v>21</v>
      </c>
      <c r="D67" s="5">
        <v>37</v>
      </c>
    </row>
    <row r="68" spans="1:4" ht="18" customHeight="1" x14ac:dyDescent="0.15">
      <c r="A68" s="8">
        <v>52</v>
      </c>
      <c r="B68" s="7">
        <v>19</v>
      </c>
      <c r="C68" s="6">
        <v>23</v>
      </c>
      <c r="D68" s="5">
        <v>42</v>
      </c>
    </row>
    <row r="69" spans="1:4" ht="18" customHeight="1" x14ac:dyDescent="0.15">
      <c r="A69" s="8">
        <v>53</v>
      </c>
      <c r="B69" s="7">
        <v>19</v>
      </c>
      <c r="C69" s="6">
        <v>24</v>
      </c>
      <c r="D69" s="5">
        <v>43</v>
      </c>
    </row>
    <row r="70" spans="1:4" ht="18" customHeight="1" x14ac:dyDescent="0.15">
      <c r="A70" s="8">
        <v>54</v>
      </c>
      <c r="B70" s="7">
        <v>19</v>
      </c>
      <c r="C70" s="6">
        <v>20</v>
      </c>
      <c r="D70" s="5">
        <v>39</v>
      </c>
    </row>
    <row r="71" spans="1:4" ht="18" customHeight="1" x14ac:dyDescent="0.15">
      <c r="A71" s="8" t="s">
        <v>14</v>
      </c>
      <c r="B71" s="7">
        <v>96</v>
      </c>
      <c r="C71" s="6">
        <v>110</v>
      </c>
      <c r="D71" s="5">
        <v>206</v>
      </c>
    </row>
    <row r="72" spans="1:4" ht="18" customHeight="1" x14ac:dyDescent="0.15">
      <c r="A72" s="8">
        <v>55</v>
      </c>
      <c r="B72" s="7">
        <v>20</v>
      </c>
      <c r="C72" s="6">
        <v>23</v>
      </c>
      <c r="D72" s="5">
        <v>43</v>
      </c>
    </row>
    <row r="73" spans="1:4" ht="18" customHeight="1" x14ac:dyDescent="0.15">
      <c r="A73" s="8">
        <v>56</v>
      </c>
      <c r="B73" s="7">
        <v>21</v>
      </c>
      <c r="C73" s="6">
        <v>23</v>
      </c>
      <c r="D73" s="5">
        <v>44</v>
      </c>
    </row>
    <row r="74" spans="1:4" ht="18" customHeight="1" x14ac:dyDescent="0.15">
      <c r="A74" s="8">
        <v>57</v>
      </c>
      <c r="B74" s="7">
        <v>23</v>
      </c>
      <c r="C74" s="6">
        <v>28</v>
      </c>
      <c r="D74" s="5">
        <v>51</v>
      </c>
    </row>
    <row r="75" spans="1:4" ht="18" customHeight="1" x14ac:dyDescent="0.15">
      <c r="A75" s="8">
        <v>58</v>
      </c>
      <c r="B75" s="7">
        <v>19</v>
      </c>
      <c r="C75" s="6">
        <v>16</v>
      </c>
      <c r="D75" s="5">
        <v>35</v>
      </c>
    </row>
    <row r="76" spans="1:4" ht="18" customHeight="1" x14ac:dyDescent="0.15">
      <c r="A76" s="8">
        <v>59</v>
      </c>
      <c r="B76" s="7">
        <v>13</v>
      </c>
      <c r="C76" s="6">
        <v>12</v>
      </c>
      <c r="D76" s="5">
        <v>25</v>
      </c>
    </row>
    <row r="77" spans="1:4" ht="18" customHeight="1" x14ac:dyDescent="0.15">
      <c r="A77" s="8" t="s">
        <v>13</v>
      </c>
      <c r="B77" s="7">
        <v>96</v>
      </c>
      <c r="C77" s="6">
        <v>102</v>
      </c>
      <c r="D77" s="5">
        <v>198</v>
      </c>
    </row>
    <row r="78" spans="1:4" ht="18" customHeight="1" x14ac:dyDescent="0.15">
      <c r="A78" s="8">
        <v>60</v>
      </c>
      <c r="B78" s="7">
        <v>9</v>
      </c>
      <c r="C78" s="6">
        <v>14</v>
      </c>
      <c r="D78" s="5">
        <v>23</v>
      </c>
    </row>
    <row r="79" spans="1:4" ht="18" customHeight="1" x14ac:dyDescent="0.15">
      <c r="A79" s="8">
        <v>61</v>
      </c>
      <c r="B79" s="7">
        <v>21</v>
      </c>
      <c r="C79" s="6">
        <v>12</v>
      </c>
      <c r="D79" s="5">
        <v>33</v>
      </c>
    </row>
    <row r="80" spans="1:4" ht="18" customHeight="1" x14ac:dyDescent="0.15">
      <c r="A80" s="8">
        <v>62</v>
      </c>
      <c r="B80" s="7">
        <v>13</v>
      </c>
      <c r="C80" s="6">
        <v>16</v>
      </c>
      <c r="D80" s="5">
        <v>29</v>
      </c>
    </row>
    <row r="81" spans="1:4" ht="18" customHeight="1" x14ac:dyDescent="0.15">
      <c r="A81" s="8">
        <v>63</v>
      </c>
      <c r="B81" s="7">
        <v>20</v>
      </c>
      <c r="C81" s="6">
        <v>11</v>
      </c>
      <c r="D81" s="5">
        <v>31</v>
      </c>
    </row>
    <row r="82" spans="1:4" ht="18" customHeight="1" x14ac:dyDescent="0.15">
      <c r="A82" s="8">
        <v>64</v>
      </c>
      <c r="B82" s="7">
        <v>18</v>
      </c>
      <c r="C82" s="6">
        <v>25</v>
      </c>
      <c r="D82" s="5">
        <v>43</v>
      </c>
    </row>
    <row r="83" spans="1:4" ht="18" customHeight="1" x14ac:dyDescent="0.15">
      <c r="A83" s="8" t="s">
        <v>12</v>
      </c>
      <c r="B83" s="7">
        <v>81</v>
      </c>
      <c r="C83" s="6">
        <v>78</v>
      </c>
      <c r="D83" s="5">
        <v>159</v>
      </c>
    </row>
    <row r="84" spans="1:4" ht="18" customHeight="1" x14ac:dyDescent="0.15">
      <c r="A84" s="8" t="s">
        <v>11</v>
      </c>
      <c r="B84" s="7">
        <v>648</v>
      </c>
      <c r="C84" s="6">
        <v>631</v>
      </c>
      <c r="D84" s="5">
        <v>1279</v>
      </c>
    </row>
    <row r="85" spans="1:4" ht="18" customHeight="1" x14ac:dyDescent="0.15">
      <c r="A85" s="8">
        <v>65</v>
      </c>
      <c r="B85" s="7">
        <v>12</v>
      </c>
      <c r="C85" s="6">
        <v>24</v>
      </c>
      <c r="D85" s="5">
        <v>36</v>
      </c>
    </row>
    <row r="86" spans="1:4" ht="18" customHeight="1" x14ac:dyDescent="0.15">
      <c r="A86" s="8">
        <v>66</v>
      </c>
      <c r="B86" s="7">
        <v>12</v>
      </c>
      <c r="C86" s="6">
        <v>18</v>
      </c>
      <c r="D86" s="5">
        <v>30</v>
      </c>
    </row>
    <row r="87" spans="1:4" ht="18" customHeight="1" x14ac:dyDescent="0.15">
      <c r="A87" s="8">
        <v>67</v>
      </c>
      <c r="B87" s="7">
        <v>14</v>
      </c>
      <c r="C87" s="6">
        <v>16</v>
      </c>
      <c r="D87" s="5">
        <v>30</v>
      </c>
    </row>
    <row r="88" spans="1:4" ht="18" customHeight="1" x14ac:dyDescent="0.15">
      <c r="A88" s="8">
        <v>68</v>
      </c>
      <c r="B88" s="7">
        <v>13</v>
      </c>
      <c r="C88" s="6">
        <v>24</v>
      </c>
      <c r="D88" s="5">
        <v>37</v>
      </c>
    </row>
    <row r="89" spans="1:4" ht="18" customHeight="1" x14ac:dyDescent="0.15">
      <c r="A89" s="8">
        <v>69</v>
      </c>
      <c r="B89" s="7">
        <v>21</v>
      </c>
      <c r="C89" s="6">
        <v>11</v>
      </c>
      <c r="D89" s="5">
        <v>32</v>
      </c>
    </row>
    <row r="90" spans="1:4" ht="18" customHeight="1" x14ac:dyDescent="0.15">
      <c r="A90" s="8" t="s">
        <v>10</v>
      </c>
      <c r="B90" s="7">
        <v>72</v>
      </c>
      <c r="C90" s="6">
        <v>93</v>
      </c>
      <c r="D90" s="5">
        <v>165</v>
      </c>
    </row>
    <row r="91" spans="1:4" ht="18" customHeight="1" x14ac:dyDescent="0.15">
      <c r="A91" s="8">
        <v>70</v>
      </c>
      <c r="B91" s="7">
        <v>18</v>
      </c>
      <c r="C91" s="6">
        <v>20</v>
      </c>
      <c r="D91" s="5">
        <v>38</v>
      </c>
    </row>
    <row r="92" spans="1:4" ht="18" customHeight="1" x14ac:dyDescent="0.15">
      <c r="A92" s="8">
        <v>71</v>
      </c>
      <c r="B92" s="7">
        <v>13</v>
      </c>
      <c r="C92" s="6">
        <v>19</v>
      </c>
      <c r="D92" s="5">
        <v>32</v>
      </c>
    </row>
    <row r="93" spans="1:4" ht="18" customHeight="1" x14ac:dyDescent="0.15">
      <c r="A93" s="8">
        <v>72</v>
      </c>
      <c r="B93" s="7">
        <v>16</v>
      </c>
      <c r="C93" s="6">
        <v>14</v>
      </c>
      <c r="D93" s="5">
        <v>30</v>
      </c>
    </row>
    <row r="94" spans="1:4" ht="18" customHeight="1" x14ac:dyDescent="0.15">
      <c r="A94" s="8">
        <v>73</v>
      </c>
      <c r="B94" s="7">
        <v>14</v>
      </c>
      <c r="C94" s="6">
        <v>21</v>
      </c>
      <c r="D94" s="5">
        <v>35</v>
      </c>
    </row>
    <row r="95" spans="1:4" ht="18" customHeight="1" x14ac:dyDescent="0.15">
      <c r="A95" s="8">
        <v>74</v>
      </c>
      <c r="B95" s="7">
        <v>11</v>
      </c>
      <c r="C95" s="6">
        <v>10</v>
      </c>
      <c r="D95" s="5">
        <v>21</v>
      </c>
    </row>
    <row r="96" spans="1:4" ht="18" customHeight="1" x14ac:dyDescent="0.15">
      <c r="A96" s="8" t="s">
        <v>9</v>
      </c>
      <c r="B96" s="7">
        <v>72</v>
      </c>
      <c r="C96" s="6">
        <v>84</v>
      </c>
      <c r="D96" s="5">
        <v>156</v>
      </c>
    </row>
    <row r="97" spans="1:4" ht="18" customHeight="1" x14ac:dyDescent="0.15">
      <c r="A97" s="8">
        <v>75</v>
      </c>
      <c r="B97" s="7">
        <v>12</v>
      </c>
      <c r="C97" s="6">
        <v>24</v>
      </c>
      <c r="D97" s="5">
        <v>36</v>
      </c>
    </row>
    <row r="98" spans="1:4" ht="18" customHeight="1" x14ac:dyDescent="0.15">
      <c r="A98" s="8">
        <v>76</v>
      </c>
      <c r="B98" s="7">
        <v>17</v>
      </c>
      <c r="C98" s="6">
        <v>23</v>
      </c>
      <c r="D98" s="5">
        <v>40</v>
      </c>
    </row>
    <row r="99" spans="1:4" ht="18" customHeight="1" x14ac:dyDescent="0.15">
      <c r="A99" s="8">
        <v>77</v>
      </c>
      <c r="B99" s="7">
        <v>11</v>
      </c>
      <c r="C99" s="6">
        <v>19</v>
      </c>
      <c r="D99" s="5">
        <v>30</v>
      </c>
    </row>
    <row r="100" spans="1:4" ht="18" customHeight="1" x14ac:dyDescent="0.15">
      <c r="A100" s="8">
        <v>78</v>
      </c>
      <c r="B100" s="7">
        <v>13</v>
      </c>
      <c r="C100" s="6">
        <v>23</v>
      </c>
      <c r="D100" s="5">
        <v>36</v>
      </c>
    </row>
    <row r="101" spans="1:4" ht="18" customHeight="1" x14ac:dyDescent="0.15">
      <c r="A101" s="8">
        <v>79</v>
      </c>
      <c r="B101" s="7">
        <v>9</v>
      </c>
      <c r="C101" s="6">
        <v>11</v>
      </c>
      <c r="D101" s="5">
        <v>20</v>
      </c>
    </row>
    <row r="102" spans="1:4" ht="18" customHeight="1" x14ac:dyDescent="0.15">
      <c r="A102" s="8" t="s">
        <v>8</v>
      </c>
      <c r="B102" s="7">
        <v>62</v>
      </c>
      <c r="C102" s="6">
        <v>100</v>
      </c>
      <c r="D102" s="5">
        <v>162</v>
      </c>
    </row>
    <row r="103" spans="1:4" ht="18" customHeight="1" x14ac:dyDescent="0.15">
      <c r="A103" s="8">
        <v>80</v>
      </c>
      <c r="B103" s="7">
        <v>11</v>
      </c>
      <c r="C103" s="6">
        <v>11</v>
      </c>
      <c r="D103" s="5">
        <v>22</v>
      </c>
    </row>
    <row r="104" spans="1:4" ht="18" customHeight="1" x14ac:dyDescent="0.15">
      <c r="A104" s="8">
        <v>81</v>
      </c>
      <c r="B104" s="7">
        <v>15</v>
      </c>
      <c r="C104" s="6">
        <v>14</v>
      </c>
      <c r="D104" s="5">
        <v>29</v>
      </c>
    </row>
    <row r="105" spans="1:4" ht="18" customHeight="1" x14ac:dyDescent="0.15">
      <c r="A105" s="8">
        <v>82</v>
      </c>
      <c r="B105" s="7">
        <v>7</v>
      </c>
      <c r="C105" s="6">
        <v>17</v>
      </c>
      <c r="D105" s="5">
        <v>24</v>
      </c>
    </row>
    <row r="106" spans="1:4" ht="18" customHeight="1" x14ac:dyDescent="0.15">
      <c r="A106" s="8">
        <v>83</v>
      </c>
      <c r="B106" s="7">
        <v>5</v>
      </c>
      <c r="C106" s="6">
        <v>13</v>
      </c>
      <c r="D106" s="5">
        <v>18</v>
      </c>
    </row>
    <row r="107" spans="1:4" ht="18" customHeight="1" x14ac:dyDescent="0.15">
      <c r="A107" s="8">
        <v>84</v>
      </c>
      <c r="B107" s="7">
        <v>10</v>
      </c>
      <c r="C107" s="6">
        <v>13</v>
      </c>
      <c r="D107" s="5">
        <v>23</v>
      </c>
    </row>
    <row r="108" spans="1:4" ht="18" customHeight="1" x14ac:dyDescent="0.15">
      <c r="A108" s="8" t="s">
        <v>7</v>
      </c>
      <c r="B108" s="7">
        <v>48</v>
      </c>
      <c r="C108" s="6">
        <v>68</v>
      </c>
      <c r="D108" s="5">
        <v>116</v>
      </c>
    </row>
    <row r="109" spans="1:4" ht="18" customHeight="1" x14ac:dyDescent="0.15">
      <c r="A109" s="8">
        <v>85</v>
      </c>
      <c r="B109" s="7">
        <v>11</v>
      </c>
      <c r="C109" s="6">
        <v>18</v>
      </c>
      <c r="D109" s="5">
        <v>29</v>
      </c>
    </row>
    <row r="110" spans="1:4" ht="18" customHeight="1" x14ac:dyDescent="0.15">
      <c r="A110" s="8">
        <v>86</v>
      </c>
      <c r="B110" s="7">
        <v>7</v>
      </c>
      <c r="C110" s="6">
        <v>12</v>
      </c>
      <c r="D110" s="5">
        <v>19</v>
      </c>
    </row>
    <row r="111" spans="1:4" ht="18" customHeight="1" x14ac:dyDescent="0.15">
      <c r="A111" s="8">
        <v>87</v>
      </c>
      <c r="B111" s="7">
        <v>3</v>
      </c>
      <c r="C111" s="6">
        <v>4</v>
      </c>
      <c r="D111" s="5">
        <v>7</v>
      </c>
    </row>
    <row r="112" spans="1:4" ht="18" customHeight="1" x14ac:dyDescent="0.15">
      <c r="A112" s="8">
        <v>88</v>
      </c>
      <c r="B112" s="7">
        <v>1</v>
      </c>
      <c r="C112" s="6">
        <v>10</v>
      </c>
      <c r="D112" s="5">
        <v>11</v>
      </c>
    </row>
    <row r="113" spans="1:4" ht="18" customHeight="1" x14ac:dyDescent="0.15">
      <c r="A113" s="8">
        <v>89</v>
      </c>
      <c r="B113" s="7">
        <v>2</v>
      </c>
      <c r="C113" s="6">
        <v>16</v>
      </c>
      <c r="D113" s="5">
        <v>18</v>
      </c>
    </row>
    <row r="114" spans="1:4" ht="18" customHeight="1" x14ac:dyDescent="0.15">
      <c r="A114" s="8" t="s">
        <v>6</v>
      </c>
      <c r="B114" s="7">
        <v>24</v>
      </c>
      <c r="C114" s="6">
        <v>60</v>
      </c>
      <c r="D114" s="5">
        <v>84</v>
      </c>
    </row>
    <row r="115" spans="1:4" ht="18" customHeight="1" x14ac:dyDescent="0.15">
      <c r="A115" s="8">
        <v>90</v>
      </c>
      <c r="B115" s="7">
        <v>4</v>
      </c>
      <c r="C115" s="6">
        <v>9</v>
      </c>
      <c r="D115" s="5">
        <v>13</v>
      </c>
    </row>
    <row r="116" spans="1:4" ht="18" customHeight="1" x14ac:dyDescent="0.15">
      <c r="A116" s="8">
        <v>91</v>
      </c>
      <c r="B116" s="7">
        <v>4</v>
      </c>
      <c r="C116" s="6">
        <v>5</v>
      </c>
      <c r="D116" s="5">
        <v>9</v>
      </c>
    </row>
    <row r="117" spans="1:4" ht="18" customHeight="1" x14ac:dyDescent="0.15">
      <c r="A117" s="8">
        <v>92</v>
      </c>
      <c r="B117" s="7">
        <v>8</v>
      </c>
      <c r="C117" s="6">
        <v>9</v>
      </c>
      <c r="D117" s="5">
        <v>17</v>
      </c>
    </row>
    <row r="118" spans="1:4" ht="18" customHeight="1" x14ac:dyDescent="0.15">
      <c r="A118" s="8">
        <v>93</v>
      </c>
      <c r="B118" s="7">
        <v>1</v>
      </c>
      <c r="C118" s="6">
        <v>5</v>
      </c>
      <c r="D118" s="5">
        <v>6</v>
      </c>
    </row>
    <row r="119" spans="1:4" ht="18" customHeight="1" x14ac:dyDescent="0.15">
      <c r="A119" s="8">
        <v>94</v>
      </c>
      <c r="B119" s="7">
        <v>1</v>
      </c>
      <c r="C119" s="6">
        <v>6</v>
      </c>
      <c r="D119" s="5">
        <v>7</v>
      </c>
    </row>
    <row r="120" spans="1:4" ht="18" customHeight="1" x14ac:dyDescent="0.15">
      <c r="A120" s="8" t="s">
        <v>5</v>
      </c>
      <c r="B120" s="7">
        <v>18</v>
      </c>
      <c r="C120" s="6">
        <v>34</v>
      </c>
      <c r="D120" s="5">
        <v>52</v>
      </c>
    </row>
    <row r="121" spans="1:4" ht="18" customHeight="1" x14ac:dyDescent="0.15">
      <c r="A121" s="8">
        <v>95</v>
      </c>
      <c r="B121" s="7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7">
        <v>1</v>
      </c>
      <c r="C122" s="6">
        <v>5</v>
      </c>
      <c r="D122" s="5">
        <v>6</v>
      </c>
    </row>
    <row r="123" spans="1:4" ht="18" customHeight="1" x14ac:dyDescent="0.15">
      <c r="A123" s="8">
        <v>97</v>
      </c>
      <c r="B123" s="7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7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7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7">
        <v>3</v>
      </c>
      <c r="C126" s="6">
        <v>11</v>
      </c>
      <c r="D126" s="5">
        <v>14</v>
      </c>
    </row>
    <row r="127" spans="1:4" ht="18" customHeight="1" x14ac:dyDescent="0.15">
      <c r="A127" s="8">
        <v>100</v>
      </c>
      <c r="B127" s="7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7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7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7">
        <v>299</v>
      </c>
      <c r="C130" s="6">
        <v>455</v>
      </c>
      <c r="D130" s="5">
        <v>754</v>
      </c>
    </row>
    <row r="131" spans="1:4" ht="18" customHeight="1" x14ac:dyDescent="0.15">
      <c r="A131" s="4" t="s">
        <v>0</v>
      </c>
      <c r="B131" s="3">
        <v>1065</v>
      </c>
      <c r="C131" s="2">
        <v>1197</v>
      </c>
      <c r="D131" s="1">
        <v>22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6553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E82E961-3C98-4BC7-8877-2CB56710D148}">
  <sheetPr codeName="Sheet3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4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6</v>
      </c>
      <c r="C5" s="11">
        <v>12</v>
      </c>
      <c r="D5" s="10">
        <v>28</v>
      </c>
    </row>
    <row r="6" spans="1:4" ht="18" customHeight="1" x14ac:dyDescent="0.15">
      <c r="A6" s="8">
        <v>1</v>
      </c>
      <c r="B6" s="21">
        <v>13</v>
      </c>
      <c r="C6" s="6">
        <v>14</v>
      </c>
      <c r="D6" s="5">
        <v>27</v>
      </c>
    </row>
    <row r="7" spans="1:4" ht="18" customHeight="1" x14ac:dyDescent="0.15">
      <c r="A7" s="8">
        <v>2</v>
      </c>
      <c r="B7" s="21">
        <v>20</v>
      </c>
      <c r="C7" s="6">
        <v>23</v>
      </c>
      <c r="D7" s="5">
        <v>43</v>
      </c>
    </row>
    <row r="8" spans="1:4" ht="18" customHeight="1" x14ac:dyDescent="0.15">
      <c r="A8" s="8">
        <v>3</v>
      </c>
      <c r="B8" s="21">
        <v>13</v>
      </c>
      <c r="C8" s="6">
        <v>26</v>
      </c>
      <c r="D8" s="5">
        <v>39</v>
      </c>
    </row>
    <row r="9" spans="1:4" ht="18" customHeight="1" x14ac:dyDescent="0.15">
      <c r="A9" s="8">
        <v>4</v>
      </c>
      <c r="B9" s="21">
        <v>22</v>
      </c>
      <c r="C9" s="6">
        <v>17</v>
      </c>
      <c r="D9" s="5">
        <v>39</v>
      </c>
    </row>
    <row r="10" spans="1:4" ht="18" customHeight="1" x14ac:dyDescent="0.15">
      <c r="A10" s="8" t="s">
        <v>25</v>
      </c>
      <c r="B10" s="21">
        <v>84</v>
      </c>
      <c r="C10" s="6">
        <v>92</v>
      </c>
      <c r="D10" s="5">
        <v>176</v>
      </c>
    </row>
    <row r="11" spans="1:4" ht="18" customHeight="1" x14ac:dyDescent="0.15">
      <c r="A11" s="8">
        <v>5</v>
      </c>
      <c r="B11" s="21">
        <v>28</v>
      </c>
      <c r="C11" s="6">
        <v>19</v>
      </c>
      <c r="D11" s="5">
        <v>47</v>
      </c>
    </row>
    <row r="12" spans="1:4" ht="18" customHeight="1" x14ac:dyDescent="0.15">
      <c r="A12" s="8">
        <v>6</v>
      </c>
      <c r="B12" s="21">
        <v>24</v>
      </c>
      <c r="C12" s="6">
        <v>18</v>
      </c>
      <c r="D12" s="5">
        <v>42</v>
      </c>
    </row>
    <row r="13" spans="1:4" ht="18" customHeight="1" x14ac:dyDescent="0.15">
      <c r="A13" s="8">
        <v>7</v>
      </c>
      <c r="B13" s="21">
        <v>17</v>
      </c>
      <c r="C13" s="6">
        <v>16</v>
      </c>
      <c r="D13" s="5">
        <v>33</v>
      </c>
    </row>
    <row r="14" spans="1:4" ht="18" customHeight="1" x14ac:dyDescent="0.15">
      <c r="A14" s="8">
        <v>8</v>
      </c>
      <c r="B14" s="21">
        <v>18</v>
      </c>
      <c r="C14" s="6">
        <v>21</v>
      </c>
      <c r="D14" s="5">
        <v>39</v>
      </c>
    </row>
    <row r="15" spans="1:4" ht="18" customHeight="1" x14ac:dyDescent="0.15">
      <c r="A15" s="8">
        <v>9</v>
      </c>
      <c r="B15" s="21">
        <v>24</v>
      </c>
      <c r="C15" s="6">
        <v>19</v>
      </c>
      <c r="D15" s="5">
        <v>43</v>
      </c>
    </row>
    <row r="16" spans="1:4" ht="18" customHeight="1" x14ac:dyDescent="0.15">
      <c r="A16" s="8" t="s">
        <v>24</v>
      </c>
      <c r="B16" s="21">
        <v>111</v>
      </c>
      <c r="C16" s="6">
        <v>93</v>
      </c>
      <c r="D16" s="5">
        <v>204</v>
      </c>
    </row>
    <row r="17" spans="1:4" ht="18" customHeight="1" x14ac:dyDescent="0.15">
      <c r="A17" s="8">
        <v>10</v>
      </c>
      <c r="B17" s="21">
        <v>24</v>
      </c>
      <c r="C17" s="6">
        <v>19</v>
      </c>
      <c r="D17" s="5">
        <v>43</v>
      </c>
    </row>
    <row r="18" spans="1:4" ht="18" customHeight="1" x14ac:dyDescent="0.15">
      <c r="A18" s="8">
        <v>11</v>
      </c>
      <c r="B18" s="21">
        <v>24</v>
      </c>
      <c r="C18" s="6">
        <v>32</v>
      </c>
      <c r="D18" s="5">
        <v>56</v>
      </c>
    </row>
    <row r="19" spans="1:4" ht="18" customHeight="1" x14ac:dyDescent="0.15">
      <c r="A19" s="8">
        <v>12</v>
      </c>
      <c r="B19" s="21">
        <v>20</v>
      </c>
      <c r="C19" s="6">
        <v>21</v>
      </c>
      <c r="D19" s="5">
        <v>41</v>
      </c>
    </row>
    <row r="20" spans="1:4" ht="18" customHeight="1" x14ac:dyDescent="0.15">
      <c r="A20" s="8">
        <v>13</v>
      </c>
      <c r="B20" s="21">
        <v>25</v>
      </c>
      <c r="C20" s="6">
        <v>31</v>
      </c>
      <c r="D20" s="5">
        <v>56</v>
      </c>
    </row>
    <row r="21" spans="1:4" ht="18" customHeight="1" x14ac:dyDescent="0.15">
      <c r="A21" s="8">
        <v>14</v>
      </c>
      <c r="B21" s="21">
        <v>18</v>
      </c>
      <c r="C21" s="6">
        <v>20</v>
      </c>
      <c r="D21" s="5">
        <v>38</v>
      </c>
    </row>
    <row r="22" spans="1:4" ht="18" customHeight="1" x14ac:dyDescent="0.15">
      <c r="A22" s="8" t="s">
        <v>23</v>
      </c>
      <c r="B22" s="21">
        <v>111</v>
      </c>
      <c r="C22" s="6">
        <v>123</v>
      </c>
      <c r="D22" s="5">
        <v>234</v>
      </c>
    </row>
    <row r="23" spans="1:4" ht="18" customHeight="1" x14ac:dyDescent="0.15">
      <c r="A23" s="8" t="s">
        <v>22</v>
      </c>
      <c r="B23" s="21">
        <v>306</v>
      </c>
      <c r="C23" s="6">
        <v>308</v>
      </c>
      <c r="D23" s="5">
        <v>614</v>
      </c>
    </row>
    <row r="24" spans="1:4" ht="18" customHeight="1" x14ac:dyDescent="0.15">
      <c r="A24" s="8">
        <v>15</v>
      </c>
      <c r="B24" s="21">
        <v>21</v>
      </c>
      <c r="C24" s="6">
        <v>26</v>
      </c>
      <c r="D24" s="5">
        <v>47</v>
      </c>
    </row>
    <row r="25" spans="1:4" ht="18" customHeight="1" x14ac:dyDescent="0.15">
      <c r="A25" s="8">
        <v>16</v>
      </c>
      <c r="B25" s="21">
        <v>21</v>
      </c>
      <c r="C25" s="6">
        <v>27</v>
      </c>
      <c r="D25" s="5">
        <v>48</v>
      </c>
    </row>
    <row r="26" spans="1:4" ht="18" customHeight="1" x14ac:dyDescent="0.15">
      <c r="A26" s="8">
        <v>17</v>
      </c>
      <c r="B26" s="21">
        <v>29</v>
      </c>
      <c r="C26" s="6">
        <v>22</v>
      </c>
      <c r="D26" s="5">
        <v>51</v>
      </c>
    </row>
    <row r="27" spans="1:4" ht="18" customHeight="1" x14ac:dyDescent="0.15">
      <c r="A27" s="8">
        <v>18</v>
      </c>
      <c r="B27" s="21">
        <v>15</v>
      </c>
      <c r="C27" s="6">
        <v>29</v>
      </c>
      <c r="D27" s="5">
        <v>44</v>
      </c>
    </row>
    <row r="28" spans="1:4" ht="18" customHeight="1" x14ac:dyDescent="0.15">
      <c r="A28" s="8">
        <v>19</v>
      </c>
      <c r="B28" s="21">
        <v>29</v>
      </c>
      <c r="C28" s="6">
        <v>23</v>
      </c>
      <c r="D28" s="5">
        <v>52</v>
      </c>
    </row>
    <row r="29" spans="1:4" ht="18" customHeight="1" x14ac:dyDescent="0.15">
      <c r="A29" s="8" t="s">
        <v>21</v>
      </c>
      <c r="B29" s="21">
        <v>115</v>
      </c>
      <c r="C29" s="6">
        <v>127</v>
      </c>
      <c r="D29" s="5">
        <v>242</v>
      </c>
    </row>
    <row r="30" spans="1:4" ht="18" customHeight="1" x14ac:dyDescent="0.15">
      <c r="A30" s="8">
        <v>20</v>
      </c>
      <c r="B30" s="21">
        <v>27</v>
      </c>
      <c r="C30" s="6">
        <v>19</v>
      </c>
      <c r="D30" s="5">
        <v>46</v>
      </c>
    </row>
    <row r="31" spans="1:4" ht="18" customHeight="1" x14ac:dyDescent="0.15">
      <c r="A31" s="8">
        <v>21</v>
      </c>
      <c r="B31" s="21">
        <v>24</v>
      </c>
      <c r="C31" s="6">
        <v>34</v>
      </c>
      <c r="D31" s="5">
        <v>58</v>
      </c>
    </row>
    <row r="32" spans="1:4" ht="18" customHeight="1" x14ac:dyDescent="0.15">
      <c r="A32" s="8">
        <v>22</v>
      </c>
      <c r="B32" s="21">
        <v>20</v>
      </c>
      <c r="C32" s="6">
        <v>27</v>
      </c>
      <c r="D32" s="5">
        <v>47</v>
      </c>
    </row>
    <row r="33" spans="1:4" ht="18" customHeight="1" x14ac:dyDescent="0.15">
      <c r="A33" s="8">
        <v>23</v>
      </c>
      <c r="B33" s="21">
        <v>32</v>
      </c>
      <c r="C33" s="6">
        <v>23</v>
      </c>
      <c r="D33" s="5">
        <v>55</v>
      </c>
    </row>
    <row r="34" spans="1:4" ht="18" customHeight="1" x14ac:dyDescent="0.15">
      <c r="A34" s="8">
        <v>24</v>
      </c>
      <c r="B34" s="21">
        <v>32</v>
      </c>
      <c r="C34" s="6">
        <v>17</v>
      </c>
      <c r="D34" s="5">
        <v>49</v>
      </c>
    </row>
    <row r="35" spans="1:4" ht="18" customHeight="1" x14ac:dyDescent="0.15">
      <c r="A35" s="8" t="s">
        <v>20</v>
      </c>
      <c r="B35" s="21">
        <v>135</v>
      </c>
      <c r="C35" s="6">
        <v>120</v>
      </c>
      <c r="D35" s="5">
        <v>255</v>
      </c>
    </row>
    <row r="36" spans="1:4" ht="18" customHeight="1" x14ac:dyDescent="0.15">
      <c r="A36" s="8">
        <v>25</v>
      </c>
      <c r="B36" s="21">
        <v>30</v>
      </c>
      <c r="C36" s="6">
        <v>19</v>
      </c>
      <c r="D36" s="5">
        <v>49</v>
      </c>
    </row>
    <row r="37" spans="1:4" ht="18" customHeight="1" x14ac:dyDescent="0.15">
      <c r="A37" s="8">
        <v>26</v>
      </c>
      <c r="B37" s="21">
        <v>24</v>
      </c>
      <c r="C37" s="6">
        <v>28</v>
      </c>
      <c r="D37" s="5">
        <v>52</v>
      </c>
    </row>
    <row r="38" spans="1:4" ht="18" customHeight="1" x14ac:dyDescent="0.15">
      <c r="A38" s="8">
        <v>27</v>
      </c>
      <c r="B38" s="21">
        <v>31</v>
      </c>
      <c r="C38" s="6">
        <v>25</v>
      </c>
      <c r="D38" s="5">
        <v>56</v>
      </c>
    </row>
    <row r="39" spans="1:4" ht="18" customHeight="1" x14ac:dyDescent="0.15">
      <c r="A39" s="8">
        <v>28</v>
      </c>
      <c r="B39" s="21">
        <v>26</v>
      </c>
      <c r="C39" s="6">
        <v>25</v>
      </c>
      <c r="D39" s="5">
        <v>51</v>
      </c>
    </row>
    <row r="40" spans="1:4" ht="18" customHeight="1" x14ac:dyDescent="0.15">
      <c r="A40" s="8">
        <v>29</v>
      </c>
      <c r="B40" s="21">
        <v>30</v>
      </c>
      <c r="C40" s="6">
        <v>20</v>
      </c>
      <c r="D40" s="5">
        <v>50</v>
      </c>
    </row>
    <row r="41" spans="1:4" ht="18" customHeight="1" x14ac:dyDescent="0.15">
      <c r="A41" s="8" t="s">
        <v>19</v>
      </c>
      <c r="B41" s="21">
        <v>141</v>
      </c>
      <c r="C41" s="6">
        <v>117</v>
      </c>
      <c r="D41" s="5">
        <v>258</v>
      </c>
    </row>
    <row r="42" spans="1:4" ht="18" customHeight="1" x14ac:dyDescent="0.15">
      <c r="A42" s="8">
        <v>30</v>
      </c>
      <c r="B42" s="21">
        <v>32</v>
      </c>
      <c r="C42" s="6">
        <v>21</v>
      </c>
      <c r="D42" s="5">
        <v>53</v>
      </c>
    </row>
    <row r="43" spans="1:4" ht="18" customHeight="1" x14ac:dyDescent="0.15">
      <c r="A43" s="8">
        <v>31</v>
      </c>
      <c r="B43" s="21">
        <v>34</v>
      </c>
      <c r="C43" s="6">
        <v>20</v>
      </c>
      <c r="D43" s="5">
        <v>54</v>
      </c>
    </row>
    <row r="44" spans="1:4" ht="18" customHeight="1" x14ac:dyDescent="0.15">
      <c r="A44" s="8">
        <v>32</v>
      </c>
      <c r="B44" s="21">
        <v>23</v>
      </c>
      <c r="C44" s="6">
        <v>28</v>
      </c>
      <c r="D44" s="5">
        <v>51</v>
      </c>
    </row>
    <row r="45" spans="1:4" ht="18" customHeight="1" x14ac:dyDescent="0.15">
      <c r="A45" s="8">
        <v>33</v>
      </c>
      <c r="B45" s="21">
        <v>39</v>
      </c>
      <c r="C45" s="6">
        <v>32</v>
      </c>
      <c r="D45" s="5">
        <v>71</v>
      </c>
    </row>
    <row r="46" spans="1:4" ht="18" customHeight="1" x14ac:dyDescent="0.15">
      <c r="A46" s="8">
        <v>34</v>
      </c>
      <c r="B46" s="21">
        <v>29</v>
      </c>
      <c r="C46" s="6">
        <v>19</v>
      </c>
      <c r="D46" s="5">
        <v>48</v>
      </c>
    </row>
    <row r="47" spans="1:4" ht="18" customHeight="1" x14ac:dyDescent="0.15">
      <c r="A47" s="8" t="s">
        <v>18</v>
      </c>
      <c r="B47" s="21">
        <v>157</v>
      </c>
      <c r="C47" s="6">
        <v>120</v>
      </c>
      <c r="D47" s="5">
        <v>277</v>
      </c>
    </row>
    <row r="48" spans="1:4" ht="18" customHeight="1" x14ac:dyDescent="0.15">
      <c r="A48" s="8">
        <v>35</v>
      </c>
      <c r="B48" s="21">
        <v>40</v>
      </c>
      <c r="C48" s="6">
        <v>27</v>
      </c>
      <c r="D48" s="5">
        <v>67</v>
      </c>
    </row>
    <row r="49" spans="1:4" ht="18" customHeight="1" x14ac:dyDescent="0.15">
      <c r="A49" s="8">
        <v>36</v>
      </c>
      <c r="B49" s="21">
        <v>18</v>
      </c>
      <c r="C49" s="6">
        <v>28</v>
      </c>
      <c r="D49" s="5">
        <v>46</v>
      </c>
    </row>
    <row r="50" spans="1:4" ht="18" customHeight="1" x14ac:dyDescent="0.15">
      <c r="A50" s="8">
        <v>37</v>
      </c>
      <c r="B50" s="21">
        <v>35</v>
      </c>
      <c r="C50" s="6">
        <v>24</v>
      </c>
      <c r="D50" s="5">
        <v>59</v>
      </c>
    </row>
    <row r="51" spans="1:4" ht="18" customHeight="1" x14ac:dyDescent="0.15">
      <c r="A51" s="8">
        <v>38</v>
      </c>
      <c r="B51" s="21">
        <v>33</v>
      </c>
      <c r="C51" s="6">
        <v>29</v>
      </c>
      <c r="D51" s="5">
        <v>62</v>
      </c>
    </row>
    <row r="52" spans="1:4" ht="18" customHeight="1" x14ac:dyDescent="0.15">
      <c r="A52" s="8">
        <v>39</v>
      </c>
      <c r="B52" s="21">
        <v>46</v>
      </c>
      <c r="C52" s="6">
        <v>33</v>
      </c>
      <c r="D52" s="5">
        <v>79</v>
      </c>
    </row>
    <row r="53" spans="1:4" ht="18" customHeight="1" x14ac:dyDescent="0.15">
      <c r="A53" s="8" t="s">
        <v>17</v>
      </c>
      <c r="B53" s="21">
        <v>172</v>
      </c>
      <c r="C53" s="6">
        <v>141</v>
      </c>
      <c r="D53" s="5">
        <v>313</v>
      </c>
    </row>
    <row r="54" spans="1:4" ht="18" customHeight="1" x14ac:dyDescent="0.15">
      <c r="A54" s="8">
        <v>40</v>
      </c>
      <c r="B54" s="21">
        <v>35</v>
      </c>
      <c r="C54" s="6">
        <v>27</v>
      </c>
      <c r="D54" s="5">
        <v>62</v>
      </c>
    </row>
    <row r="55" spans="1:4" ht="18" customHeight="1" x14ac:dyDescent="0.15">
      <c r="A55" s="8">
        <v>41</v>
      </c>
      <c r="B55" s="21">
        <v>29</v>
      </c>
      <c r="C55" s="6">
        <v>35</v>
      </c>
      <c r="D55" s="5">
        <v>64</v>
      </c>
    </row>
    <row r="56" spans="1:4" ht="18" customHeight="1" x14ac:dyDescent="0.15">
      <c r="A56" s="8">
        <v>42</v>
      </c>
      <c r="B56" s="21">
        <v>35</v>
      </c>
      <c r="C56" s="6">
        <v>29</v>
      </c>
      <c r="D56" s="5">
        <v>64</v>
      </c>
    </row>
    <row r="57" spans="1:4" ht="18" customHeight="1" x14ac:dyDescent="0.15">
      <c r="A57" s="8">
        <v>43</v>
      </c>
      <c r="B57" s="21">
        <v>38</v>
      </c>
      <c r="C57" s="6">
        <v>29</v>
      </c>
      <c r="D57" s="5">
        <v>67</v>
      </c>
    </row>
    <row r="58" spans="1:4" ht="18" customHeight="1" x14ac:dyDescent="0.15">
      <c r="A58" s="8">
        <v>44</v>
      </c>
      <c r="B58" s="21">
        <v>33</v>
      </c>
      <c r="C58" s="6">
        <v>33</v>
      </c>
      <c r="D58" s="5">
        <v>66</v>
      </c>
    </row>
    <row r="59" spans="1:4" ht="18" customHeight="1" x14ac:dyDescent="0.15">
      <c r="A59" s="8" t="s">
        <v>16</v>
      </c>
      <c r="B59" s="21">
        <v>170</v>
      </c>
      <c r="C59" s="6">
        <v>153</v>
      </c>
      <c r="D59" s="5">
        <v>323</v>
      </c>
    </row>
    <row r="60" spans="1:4" ht="18" customHeight="1" x14ac:dyDescent="0.15">
      <c r="A60" s="8">
        <v>45</v>
      </c>
      <c r="B60" s="21">
        <v>32</v>
      </c>
      <c r="C60" s="6">
        <v>35</v>
      </c>
      <c r="D60" s="5">
        <v>67</v>
      </c>
    </row>
    <row r="61" spans="1:4" ht="18" customHeight="1" x14ac:dyDescent="0.15">
      <c r="A61" s="8">
        <v>46</v>
      </c>
      <c r="B61" s="21">
        <v>32</v>
      </c>
      <c r="C61" s="6">
        <v>32</v>
      </c>
      <c r="D61" s="5">
        <v>64</v>
      </c>
    </row>
    <row r="62" spans="1:4" ht="18" customHeight="1" x14ac:dyDescent="0.15">
      <c r="A62" s="8">
        <v>47</v>
      </c>
      <c r="B62" s="21">
        <v>36</v>
      </c>
      <c r="C62" s="6">
        <v>36</v>
      </c>
      <c r="D62" s="5">
        <v>72</v>
      </c>
    </row>
    <row r="63" spans="1:4" ht="18" customHeight="1" x14ac:dyDescent="0.15">
      <c r="A63" s="8">
        <v>48</v>
      </c>
      <c r="B63" s="21">
        <v>54</v>
      </c>
      <c r="C63" s="6">
        <v>39</v>
      </c>
      <c r="D63" s="5">
        <v>93</v>
      </c>
    </row>
    <row r="64" spans="1:4" ht="18" customHeight="1" x14ac:dyDescent="0.15">
      <c r="A64" s="8">
        <v>49</v>
      </c>
      <c r="B64" s="21">
        <v>42</v>
      </c>
      <c r="C64" s="6">
        <v>40</v>
      </c>
      <c r="D64" s="5">
        <v>82</v>
      </c>
    </row>
    <row r="65" spans="1:4" ht="18" customHeight="1" x14ac:dyDescent="0.15">
      <c r="A65" s="8" t="s">
        <v>15</v>
      </c>
      <c r="B65" s="21">
        <v>196</v>
      </c>
      <c r="C65" s="6">
        <v>182</v>
      </c>
      <c r="D65" s="5">
        <v>378</v>
      </c>
    </row>
    <row r="66" spans="1:4" ht="18" customHeight="1" x14ac:dyDescent="0.15">
      <c r="A66" s="8">
        <v>50</v>
      </c>
      <c r="B66" s="21">
        <v>48</v>
      </c>
      <c r="C66" s="6">
        <v>43</v>
      </c>
      <c r="D66" s="5">
        <v>91</v>
      </c>
    </row>
    <row r="67" spans="1:4" ht="18" customHeight="1" x14ac:dyDescent="0.15">
      <c r="A67" s="8">
        <v>51</v>
      </c>
      <c r="B67" s="21">
        <v>36</v>
      </c>
      <c r="C67" s="6">
        <v>45</v>
      </c>
      <c r="D67" s="5">
        <v>81</v>
      </c>
    </row>
    <row r="68" spans="1:4" ht="18" customHeight="1" x14ac:dyDescent="0.15">
      <c r="A68" s="8">
        <v>52</v>
      </c>
      <c r="B68" s="21">
        <v>55</v>
      </c>
      <c r="C68" s="6">
        <v>51</v>
      </c>
      <c r="D68" s="5">
        <v>106</v>
      </c>
    </row>
    <row r="69" spans="1:4" ht="18" customHeight="1" x14ac:dyDescent="0.15">
      <c r="A69" s="8">
        <v>53</v>
      </c>
      <c r="B69" s="21">
        <v>45</v>
      </c>
      <c r="C69" s="6">
        <v>38</v>
      </c>
      <c r="D69" s="5">
        <v>83</v>
      </c>
    </row>
    <row r="70" spans="1:4" ht="18" customHeight="1" x14ac:dyDescent="0.15">
      <c r="A70" s="8">
        <v>54</v>
      </c>
      <c r="B70" s="21">
        <v>43</v>
      </c>
      <c r="C70" s="6">
        <v>46</v>
      </c>
      <c r="D70" s="5">
        <v>89</v>
      </c>
    </row>
    <row r="71" spans="1:4" ht="18" customHeight="1" x14ac:dyDescent="0.15">
      <c r="A71" s="8" t="s">
        <v>14</v>
      </c>
      <c r="B71" s="21">
        <v>227</v>
      </c>
      <c r="C71" s="6">
        <v>223</v>
      </c>
      <c r="D71" s="5">
        <v>450</v>
      </c>
    </row>
    <row r="72" spans="1:4" ht="18" customHeight="1" x14ac:dyDescent="0.15">
      <c r="A72" s="8">
        <v>55</v>
      </c>
      <c r="B72" s="21">
        <v>49</v>
      </c>
      <c r="C72" s="6">
        <v>35</v>
      </c>
      <c r="D72" s="5">
        <v>84</v>
      </c>
    </row>
    <row r="73" spans="1:4" ht="18" customHeight="1" x14ac:dyDescent="0.15">
      <c r="A73" s="8">
        <v>56</v>
      </c>
      <c r="B73" s="21">
        <v>52</v>
      </c>
      <c r="C73" s="6">
        <v>32</v>
      </c>
      <c r="D73" s="5">
        <v>84</v>
      </c>
    </row>
    <row r="74" spans="1:4" ht="18" customHeight="1" x14ac:dyDescent="0.15">
      <c r="A74" s="8">
        <v>57</v>
      </c>
      <c r="B74" s="21">
        <v>50</v>
      </c>
      <c r="C74" s="6">
        <v>47</v>
      </c>
      <c r="D74" s="5">
        <v>97</v>
      </c>
    </row>
    <row r="75" spans="1:4" ht="18" customHeight="1" x14ac:dyDescent="0.15">
      <c r="A75" s="8">
        <v>58</v>
      </c>
      <c r="B75" s="21">
        <v>31</v>
      </c>
      <c r="C75" s="6">
        <v>35</v>
      </c>
      <c r="D75" s="5">
        <v>66</v>
      </c>
    </row>
    <row r="76" spans="1:4" ht="18" customHeight="1" x14ac:dyDescent="0.15">
      <c r="A76" s="8">
        <v>59</v>
      </c>
      <c r="B76" s="21">
        <v>30</v>
      </c>
      <c r="C76" s="6">
        <v>34</v>
      </c>
      <c r="D76" s="5">
        <v>64</v>
      </c>
    </row>
    <row r="77" spans="1:4" ht="18" customHeight="1" x14ac:dyDescent="0.15">
      <c r="A77" s="8" t="s">
        <v>13</v>
      </c>
      <c r="B77" s="21">
        <v>212</v>
      </c>
      <c r="C77" s="6">
        <v>183</v>
      </c>
      <c r="D77" s="5">
        <v>395</v>
      </c>
    </row>
    <row r="78" spans="1:4" ht="18" customHeight="1" x14ac:dyDescent="0.15">
      <c r="A78" s="8">
        <v>60</v>
      </c>
      <c r="B78" s="21">
        <v>39</v>
      </c>
      <c r="C78" s="6">
        <v>35</v>
      </c>
      <c r="D78" s="5">
        <v>74</v>
      </c>
    </row>
    <row r="79" spans="1:4" ht="18" customHeight="1" x14ac:dyDescent="0.15">
      <c r="A79" s="8">
        <v>61</v>
      </c>
      <c r="B79" s="21">
        <v>41</v>
      </c>
      <c r="C79" s="6">
        <v>35</v>
      </c>
      <c r="D79" s="5">
        <v>76</v>
      </c>
    </row>
    <row r="80" spans="1:4" ht="18" customHeight="1" x14ac:dyDescent="0.15">
      <c r="A80" s="8">
        <v>62</v>
      </c>
      <c r="B80" s="21">
        <v>42</v>
      </c>
      <c r="C80" s="6">
        <v>37</v>
      </c>
      <c r="D80" s="5">
        <v>79</v>
      </c>
    </row>
    <row r="81" spans="1:4" ht="18" customHeight="1" x14ac:dyDescent="0.15">
      <c r="A81" s="8">
        <v>63</v>
      </c>
      <c r="B81" s="21">
        <v>27</v>
      </c>
      <c r="C81" s="6">
        <v>26</v>
      </c>
      <c r="D81" s="5">
        <v>53</v>
      </c>
    </row>
    <row r="82" spans="1:4" ht="18" customHeight="1" x14ac:dyDescent="0.15">
      <c r="A82" s="8">
        <v>64</v>
      </c>
      <c r="B82" s="21">
        <v>30</v>
      </c>
      <c r="C82" s="6">
        <v>30</v>
      </c>
      <c r="D82" s="5">
        <v>60</v>
      </c>
    </row>
    <row r="83" spans="1:4" ht="18" customHeight="1" x14ac:dyDescent="0.15">
      <c r="A83" s="8" t="s">
        <v>12</v>
      </c>
      <c r="B83" s="21">
        <v>179</v>
      </c>
      <c r="C83" s="6">
        <v>163</v>
      </c>
      <c r="D83" s="5">
        <v>342</v>
      </c>
    </row>
    <row r="84" spans="1:4" ht="18" customHeight="1" x14ac:dyDescent="0.15">
      <c r="A84" s="8" t="s">
        <v>11</v>
      </c>
      <c r="B84" s="21">
        <v>1704</v>
      </c>
      <c r="C84" s="6">
        <v>1529</v>
      </c>
      <c r="D84" s="5">
        <v>3233</v>
      </c>
    </row>
    <row r="85" spans="1:4" ht="18" customHeight="1" x14ac:dyDescent="0.15">
      <c r="A85" s="8">
        <v>65</v>
      </c>
      <c r="B85" s="21">
        <v>26</v>
      </c>
      <c r="C85" s="6">
        <v>37</v>
      </c>
      <c r="D85" s="5">
        <v>63</v>
      </c>
    </row>
    <row r="86" spans="1:4" ht="18" customHeight="1" x14ac:dyDescent="0.15">
      <c r="A86" s="8">
        <v>66</v>
      </c>
      <c r="B86" s="21">
        <v>33</v>
      </c>
      <c r="C86" s="6">
        <v>40</v>
      </c>
      <c r="D86" s="5">
        <v>73</v>
      </c>
    </row>
    <row r="87" spans="1:4" ht="18" customHeight="1" x14ac:dyDescent="0.15">
      <c r="A87" s="8">
        <v>67</v>
      </c>
      <c r="B87" s="21">
        <v>27</v>
      </c>
      <c r="C87" s="6">
        <v>31</v>
      </c>
      <c r="D87" s="5">
        <v>58</v>
      </c>
    </row>
    <row r="88" spans="1:4" ht="18" customHeight="1" x14ac:dyDescent="0.15">
      <c r="A88" s="8">
        <v>68</v>
      </c>
      <c r="B88" s="21">
        <v>27</v>
      </c>
      <c r="C88" s="6">
        <v>29</v>
      </c>
      <c r="D88" s="5">
        <v>56</v>
      </c>
    </row>
    <row r="89" spans="1:4" ht="18" customHeight="1" x14ac:dyDescent="0.15">
      <c r="A89" s="8">
        <v>69</v>
      </c>
      <c r="B89" s="21">
        <v>31</v>
      </c>
      <c r="C89" s="6">
        <v>49</v>
      </c>
      <c r="D89" s="5">
        <v>80</v>
      </c>
    </row>
    <row r="90" spans="1:4" ht="18" customHeight="1" x14ac:dyDescent="0.15">
      <c r="A90" s="8" t="s">
        <v>10</v>
      </c>
      <c r="B90" s="21">
        <v>144</v>
      </c>
      <c r="C90" s="6">
        <v>186</v>
      </c>
      <c r="D90" s="5">
        <v>330</v>
      </c>
    </row>
    <row r="91" spans="1:4" ht="18" customHeight="1" x14ac:dyDescent="0.15">
      <c r="A91" s="8">
        <v>70</v>
      </c>
      <c r="B91" s="21">
        <v>41</v>
      </c>
      <c r="C91" s="6">
        <v>36</v>
      </c>
      <c r="D91" s="5">
        <v>77</v>
      </c>
    </row>
    <row r="92" spans="1:4" ht="18" customHeight="1" x14ac:dyDescent="0.15">
      <c r="A92" s="8">
        <v>71</v>
      </c>
      <c r="B92" s="21">
        <v>43</v>
      </c>
      <c r="C92" s="6">
        <v>28</v>
      </c>
      <c r="D92" s="5">
        <v>71</v>
      </c>
    </row>
    <row r="93" spans="1:4" ht="18" customHeight="1" x14ac:dyDescent="0.15">
      <c r="A93" s="8">
        <v>72</v>
      </c>
      <c r="B93" s="21">
        <v>42</v>
      </c>
      <c r="C93" s="6">
        <v>41</v>
      </c>
      <c r="D93" s="5">
        <v>83</v>
      </c>
    </row>
    <row r="94" spans="1:4" ht="18" customHeight="1" x14ac:dyDescent="0.15">
      <c r="A94" s="8">
        <v>73</v>
      </c>
      <c r="B94" s="21">
        <v>33</v>
      </c>
      <c r="C94" s="6">
        <v>34</v>
      </c>
      <c r="D94" s="5">
        <v>67</v>
      </c>
    </row>
    <row r="95" spans="1:4" ht="18" customHeight="1" x14ac:dyDescent="0.15">
      <c r="A95" s="8">
        <v>74</v>
      </c>
      <c r="B95" s="21">
        <v>43</v>
      </c>
      <c r="C95" s="6">
        <v>58</v>
      </c>
      <c r="D95" s="5">
        <v>101</v>
      </c>
    </row>
    <row r="96" spans="1:4" ht="18" customHeight="1" x14ac:dyDescent="0.15">
      <c r="A96" s="8" t="s">
        <v>9</v>
      </c>
      <c r="B96" s="21">
        <v>202</v>
      </c>
      <c r="C96" s="6">
        <v>197</v>
      </c>
      <c r="D96" s="5">
        <v>399</v>
      </c>
    </row>
    <row r="97" spans="1:4" ht="18" customHeight="1" x14ac:dyDescent="0.15">
      <c r="A97" s="8">
        <v>75</v>
      </c>
      <c r="B97" s="21">
        <v>37</v>
      </c>
      <c r="C97" s="6">
        <v>46</v>
      </c>
      <c r="D97" s="5">
        <v>83</v>
      </c>
    </row>
    <row r="98" spans="1:4" ht="18" customHeight="1" x14ac:dyDescent="0.15">
      <c r="A98" s="8">
        <v>76</v>
      </c>
      <c r="B98" s="21">
        <v>49</v>
      </c>
      <c r="C98" s="6">
        <v>51</v>
      </c>
      <c r="D98" s="5">
        <v>100</v>
      </c>
    </row>
    <row r="99" spans="1:4" ht="18" customHeight="1" x14ac:dyDescent="0.15">
      <c r="A99" s="8">
        <v>77</v>
      </c>
      <c r="B99" s="21">
        <v>44</v>
      </c>
      <c r="C99" s="6">
        <v>63</v>
      </c>
      <c r="D99" s="5">
        <v>107</v>
      </c>
    </row>
    <row r="100" spans="1:4" ht="18" customHeight="1" x14ac:dyDescent="0.15">
      <c r="A100" s="8">
        <v>78</v>
      </c>
      <c r="B100" s="21">
        <v>39</v>
      </c>
      <c r="C100" s="6">
        <v>61</v>
      </c>
      <c r="D100" s="5">
        <v>100</v>
      </c>
    </row>
    <row r="101" spans="1:4" ht="18" customHeight="1" x14ac:dyDescent="0.15">
      <c r="A101" s="8">
        <v>79</v>
      </c>
      <c r="B101" s="21">
        <v>17</v>
      </c>
      <c r="C101" s="6">
        <v>34</v>
      </c>
      <c r="D101" s="5">
        <v>51</v>
      </c>
    </row>
    <row r="102" spans="1:4" ht="18" customHeight="1" x14ac:dyDescent="0.15">
      <c r="A102" s="8" t="s">
        <v>8</v>
      </c>
      <c r="B102" s="21">
        <v>186</v>
      </c>
      <c r="C102" s="6">
        <v>255</v>
      </c>
      <c r="D102" s="5">
        <v>441</v>
      </c>
    </row>
    <row r="103" spans="1:4" ht="18" customHeight="1" x14ac:dyDescent="0.15">
      <c r="A103" s="8">
        <v>80</v>
      </c>
      <c r="B103" s="21">
        <v>25</v>
      </c>
      <c r="C103" s="6">
        <v>27</v>
      </c>
      <c r="D103" s="5">
        <v>52</v>
      </c>
    </row>
    <row r="104" spans="1:4" ht="18" customHeight="1" x14ac:dyDescent="0.15">
      <c r="A104" s="8">
        <v>81</v>
      </c>
      <c r="B104" s="21">
        <v>37</v>
      </c>
      <c r="C104" s="6">
        <v>41</v>
      </c>
      <c r="D104" s="5">
        <v>78</v>
      </c>
    </row>
    <row r="105" spans="1:4" ht="18" customHeight="1" x14ac:dyDescent="0.15">
      <c r="A105" s="8">
        <v>82</v>
      </c>
      <c r="B105" s="21">
        <v>29</v>
      </c>
      <c r="C105" s="6">
        <v>38</v>
      </c>
      <c r="D105" s="5">
        <v>67</v>
      </c>
    </row>
    <row r="106" spans="1:4" ht="18" customHeight="1" x14ac:dyDescent="0.15">
      <c r="A106" s="8">
        <v>83</v>
      </c>
      <c r="B106" s="21">
        <v>32</v>
      </c>
      <c r="C106" s="6">
        <v>36</v>
      </c>
      <c r="D106" s="5">
        <v>68</v>
      </c>
    </row>
    <row r="107" spans="1:4" ht="18" customHeight="1" x14ac:dyDescent="0.15">
      <c r="A107" s="8">
        <v>84</v>
      </c>
      <c r="B107" s="21">
        <v>20</v>
      </c>
      <c r="C107" s="6">
        <v>37</v>
      </c>
      <c r="D107" s="5">
        <v>57</v>
      </c>
    </row>
    <row r="108" spans="1:4" ht="18" customHeight="1" x14ac:dyDescent="0.15">
      <c r="A108" s="8" t="s">
        <v>7</v>
      </c>
      <c r="B108" s="21">
        <v>143</v>
      </c>
      <c r="C108" s="6">
        <v>179</v>
      </c>
      <c r="D108" s="5">
        <v>322</v>
      </c>
    </row>
    <row r="109" spans="1:4" ht="18" customHeight="1" x14ac:dyDescent="0.15">
      <c r="A109" s="8">
        <v>85</v>
      </c>
      <c r="B109" s="21">
        <v>19</v>
      </c>
      <c r="C109" s="6">
        <v>28</v>
      </c>
      <c r="D109" s="5">
        <v>47</v>
      </c>
    </row>
    <row r="110" spans="1:4" ht="18" customHeight="1" x14ac:dyDescent="0.15">
      <c r="A110" s="8">
        <v>86</v>
      </c>
      <c r="B110" s="21">
        <v>13</v>
      </c>
      <c r="C110" s="6">
        <v>25</v>
      </c>
      <c r="D110" s="5">
        <v>38</v>
      </c>
    </row>
    <row r="111" spans="1:4" ht="18" customHeight="1" x14ac:dyDescent="0.15">
      <c r="A111" s="8">
        <v>87</v>
      </c>
      <c r="B111" s="21">
        <v>12</v>
      </c>
      <c r="C111" s="6">
        <v>19</v>
      </c>
      <c r="D111" s="5">
        <v>31</v>
      </c>
    </row>
    <row r="112" spans="1:4" ht="18" customHeight="1" x14ac:dyDescent="0.15">
      <c r="A112" s="8">
        <v>88</v>
      </c>
      <c r="B112" s="21">
        <v>10</v>
      </c>
      <c r="C112" s="6">
        <v>17</v>
      </c>
      <c r="D112" s="5">
        <v>27</v>
      </c>
    </row>
    <row r="113" spans="1:4" ht="18" customHeight="1" x14ac:dyDescent="0.15">
      <c r="A113" s="8">
        <v>89</v>
      </c>
      <c r="B113" s="21">
        <v>11</v>
      </c>
      <c r="C113" s="6">
        <v>17</v>
      </c>
      <c r="D113" s="5">
        <v>28</v>
      </c>
    </row>
    <row r="114" spans="1:4" ht="18" customHeight="1" x14ac:dyDescent="0.15">
      <c r="A114" s="8" t="s">
        <v>6</v>
      </c>
      <c r="B114" s="21">
        <v>65</v>
      </c>
      <c r="C114" s="6">
        <v>106</v>
      </c>
      <c r="D114" s="5">
        <v>171</v>
      </c>
    </row>
    <row r="115" spans="1:4" ht="18" customHeight="1" x14ac:dyDescent="0.15">
      <c r="A115" s="8">
        <v>90</v>
      </c>
      <c r="B115" s="21">
        <v>7</v>
      </c>
      <c r="C115" s="6">
        <v>29</v>
      </c>
      <c r="D115" s="5">
        <v>36</v>
      </c>
    </row>
    <row r="116" spans="1:4" ht="18" customHeight="1" x14ac:dyDescent="0.15">
      <c r="A116" s="8">
        <v>91</v>
      </c>
      <c r="B116" s="21">
        <v>4</v>
      </c>
      <c r="C116" s="6">
        <v>20</v>
      </c>
      <c r="D116" s="5">
        <v>24</v>
      </c>
    </row>
    <row r="117" spans="1:4" ht="18" customHeight="1" x14ac:dyDescent="0.15">
      <c r="A117" s="8">
        <v>92</v>
      </c>
      <c r="B117" s="21">
        <v>6</v>
      </c>
      <c r="C117" s="6">
        <v>14</v>
      </c>
      <c r="D117" s="5">
        <v>20</v>
      </c>
    </row>
    <row r="118" spans="1:4" ht="18" customHeight="1" x14ac:dyDescent="0.15">
      <c r="A118" s="8">
        <v>93</v>
      </c>
      <c r="B118" s="21">
        <v>9</v>
      </c>
      <c r="C118" s="6">
        <v>14</v>
      </c>
      <c r="D118" s="5">
        <v>23</v>
      </c>
    </row>
    <row r="119" spans="1:4" ht="18" customHeight="1" x14ac:dyDescent="0.15">
      <c r="A119" s="8">
        <v>94</v>
      </c>
      <c r="B119" s="21">
        <v>3</v>
      </c>
      <c r="C119" s="6">
        <v>10</v>
      </c>
      <c r="D119" s="5">
        <v>13</v>
      </c>
    </row>
    <row r="120" spans="1:4" ht="18" customHeight="1" x14ac:dyDescent="0.15">
      <c r="A120" s="8" t="s">
        <v>5</v>
      </c>
      <c r="B120" s="21">
        <v>29</v>
      </c>
      <c r="C120" s="6">
        <v>87</v>
      </c>
      <c r="D120" s="5">
        <v>116</v>
      </c>
    </row>
    <row r="121" spans="1:4" ht="18" customHeight="1" x14ac:dyDescent="0.15">
      <c r="A121" s="8">
        <v>95</v>
      </c>
      <c r="B121" s="21">
        <v>1</v>
      </c>
      <c r="C121" s="6">
        <v>11</v>
      </c>
      <c r="D121" s="5">
        <v>12</v>
      </c>
    </row>
    <row r="122" spans="1:4" ht="18" customHeight="1" x14ac:dyDescent="0.15">
      <c r="A122" s="8">
        <v>96</v>
      </c>
      <c r="B122" s="21">
        <v>3</v>
      </c>
      <c r="C122" s="6">
        <v>5</v>
      </c>
      <c r="D122" s="5">
        <v>8</v>
      </c>
    </row>
    <row r="123" spans="1:4" ht="18" customHeight="1" x14ac:dyDescent="0.15">
      <c r="A123" s="8">
        <v>97</v>
      </c>
      <c r="B123" s="21">
        <v>1</v>
      </c>
      <c r="C123" s="6">
        <v>13</v>
      </c>
      <c r="D123" s="5">
        <v>14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5</v>
      </c>
      <c r="C126" s="6">
        <v>34</v>
      </c>
      <c r="D126" s="5">
        <v>39</v>
      </c>
    </row>
    <row r="127" spans="1:4" ht="18" customHeight="1" x14ac:dyDescent="0.15">
      <c r="A127" s="8">
        <v>100</v>
      </c>
      <c r="B127" s="21">
        <v>2</v>
      </c>
      <c r="C127" s="6">
        <v>5</v>
      </c>
      <c r="D127" s="5">
        <v>7</v>
      </c>
    </row>
    <row r="128" spans="1:4" ht="18" customHeight="1" x14ac:dyDescent="0.15">
      <c r="A128" s="9" t="s">
        <v>3</v>
      </c>
      <c r="B128" s="21">
        <v>1</v>
      </c>
      <c r="C128" s="6">
        <v>3</v>
      </c>
      <c r="D128" s="5">
        <v>4</v>
      </c>
    </row>
    <row r="129" spans="1:4" ht="18" customHeight="1" x14ac:dyDescent="0.15">
      <c r="A129" s="8" t="s">
        <v>2</v>
      </c>
      <c r="B129" s="21">
        <v>3</v>
      </c>
      <c r="C129" s="6">
        <v>8</v>
      </c>
      <c r="D129" s="5">
        <v>11</v>
      </c>
    </row>
    <row r="130" spans="1:4" ht="18" customHeight="1" x14ac:dyDescent="0.15">
      <c r="A130" s="8" t="s">
        <v>1</v>
      </c>
      <c r="B130" s="21">
        <v>777</v>
      </c>
      <c r="C130" s="6">
        <v>1052</v>
      </c>
      <c r="D130" s="5">
        <v>1829</v>
      </c>
    </row>
    <row r="131" spans="1:4" ht="18" customHeight="1" x14ac:dyDescent="0.15">
      <c r="A131" s="4" t="s">
        <v>0</v>
      </c>
      <c r="B131" s="20">
        <v>2787</v>
      </c>
      <c r="C131" s="2">
        <v>2889</v>
      </c>
      <c r="D131" s="1">
        <v>567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38F939-2850-454C-BA3C-B98789B82A3D}">
  <sheetPr codeName="Sheet3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9</v>
      </c>
      <c r="C5" s="11">
        <v>21</v>
      </c>
      <c r="D5" s="10">
        <v>30</v>
      </c>
    </row>
    <row r="6" spans="1:4" ht="18" customHeight="1" x14ac:dyDescent="0.15">
      <c r="A6" s="8">
        <v>1</v>
      </c>
      <c r="B6" s="21">
        <v>20</v>
      </c>
      <c r="C6" s="6">
        <v>23</v>
      </c>
      <c r="D6" s="5">
        <v>43</v>
      </c>
    </row>
    <row r="7" spans="1:4" ht="18" customHeight="1" x14ac:dyDescent="0.15">
      <c r="A7" s="8">
        <v>2</v>
      </c>
      <c r="B7" s="21">
        <v>23</v>
      </c>
      <c r="C7" s="6">
        <v>20</v>
      </c>
      <c r="D7" s="5">
        <v>43</v>
      </c>
    </row>
    <row r="8" spans="1:4" ht="18" customHeight="1" x14ac:dyDescent="0.15">
      <c r="A8" s="8">
        <v>3</v>
      </c>
      <c r="B8" s="21">
        <v>31</v>
      </c>
      <c r="C8" s="6">
        <v>19</v>
      </c>
      <c r="D8" s="5">
        <v>50</v>
      </c>
    </row>
    <row r="9" spans="1:4" ht="18" customHeight="1" x14ac:dyDescent="0.15">
      <c r="A9" s="8">
        <v>4</v>
      </c>
      <c r="B9" s="21">
        <v>24</v>
      </c>
      <c r="C9" s="6">
        <v>29</v>
      </c>
      <c r="D9" s="5">
        <v>53</v>
      </c>
    </row>
    <row r="10" spans="1:4" ht="18" customHeight="1" x14ac:dyDescent="0.15">
      <c r="A10" s="8" t="s">
        <v>25</v>
      </c>
      <c r="B10" s="21">
        <v>107</v>
      </c>
      <c r="C10" s="6">
        <v>112</v>
      </c>
      <c r="D10" s="5">
        <v>219</v>
      </c>
    </row>
    <row r="11" spans="1:4" ht="18" customHeight="1" x14ac:dyDescent="0.15">
      <c r="A11" s="8">
        <v>5</v>
      </c>
      <c r="B11" s="21">
        <v>25</v>
      </c>
      <c r="C11" s="6">
        <v>14</v>
      </c>
      <c r="D11" s="5">
        <v>39</v>
      </c>
    </row>
    <row r="12" spans="1:4" ht="18" customHeight="1" x14ac:dyDescent="0.15">
      <c r="A12" s="8">
        <v>6</v>
      </c>
      <c r="B12" s="21">
        <v>23</v>
      </c>
      <c r="C12" s="6">
        <v>20</v>
      </c>
      <c r="D12" s="5">
        <v>43</v>
      </c>
    </row>
    <row r="13" spans="1:4" ht="18" customHeight="1" x14ac:dyDescent="0.15">
      <c r="A13" s="8">
        <v>7</v>
      </c>
      <c r="B13" s="21">
        <v>28</v>
      </c>
      <c r="C13" s="6">
        <v>20</v>
      </c>
      <c r="D13" s="5">
        <v>48</v>
      </c>
    </row>
    <row r="14" spans="1:4" ht="18" customHeight="1" x14ac:dyDescent="0.15">
      <c r="A14" s="8">
        <v>8</v>
      </c>
      <c r="B14" s="21">
        <v>26</v>
      </c>
      <c r="C14" s="6">
        <v>25</v>
      </c>
      <c r="D14" s="5">
        <v>51</v>
      </c>
    </row>
    <row r="15" spans="1:4" ht="18" customHeight="1" x14ac:dyDescent="0.15">
      <c r="A15" s="8">
        <v>9</v>
      </c>
      <c r="B15" s="21">
        <v>23</v>
      </c>
      <c r="C15" s="6">
        <v>28</v>
      </c>
      <c r="D15" s="5">
        <v>51</v>
      </c>
    </row>
    <row r="16" spans="1:4" ht="18" customHeight="1" x14ac:dyDescent="0.15">
      <c r="A16" s="8" t="s">
        <v>24</v>
      </c>
      <c r="B16" s="21">
        <v>125</v>
      </c>
      <c r="C16" s="6">
        <v>107</v>
      </c>
      <c r="D16" s="5">
        <v>232</v>
      </c>
    </row>
    <row r="17" spans="1:4" ht="18" customHeight="1" x14ac:dyDescent="0.15">
      <c r="A17" s="8">
        <v>10</v>
      </c>
      <c r="B17" s="21">
        <v>25</v>
      </c>
      <c r="C17" s="6">
        <v>27</v>
      </c>
      <c r="D17" s="5">
        <v>52</v>
      </c>
    </row>
    <row r="18" spans="1:4" ht="18" customHeight="1" x14ac:dyDescent="0.15">
      <c r="A18" s="8">
        <v>11</v>
      </c>
      <c r="B18" s="21">
        <v>30</v>
      </c>
      <c r="C18" s="6">
        <v>34</v>
      </c>
      <c r="D18" s="5">
        <v>64</v>
      </c>
    </row>
    <row r="19" spans="1:4" ht="18" customHeight="1" x14ac:dyDescent="0.15">
      <c r="A19" s="8">
        <v>12</v>
      </c>
      <c r="B19" s="21">
        <v>26</v>
      </c>
      <c r="C19" s="6">
        <v>19</v>
      </c>
      <c r="D19" s="5">
        <v>45</v>
      </c>
    </row>
    <row r="20" spans="1:4" ht="18" customHeight="1" x14ac:dyDescent="0.15">
      <c r="A20" s="8">
        <v>13</v>
      </c>
      <c r="B20" s="21">
        <v>33</v>
      </c>
      <c r="C20" s="6">
        <v>37</v>
      </c>
      <c r="D20" s="5">
        <v>70</v>
      </c>
    </row>
    <row r="21" spans="1:4" ht="18" customHeight="1" x14ac:dyDescent="0.15">
      <c r="A21" s="8">
        <v>14</v>
      </c>
      <c r="B21" s="21">
        <v>38</v>
      </c>
      <c r="C21" s="6">
        <v>29</v>
      </c>
      <c r="D21" s="5">
        <v>67</v>
      </c>
    </row>
    <row r="22" spans="1:4" ht="18" customHeight="1" x14ac:dyDescent="0.15">
      <c r="A22" s="8" t="s">
        <v>23</v>
      </c>
      <c r="B22" s="21">
        <v>152</v>
      </c>
      <c r="C22" s="6">
        <v>146</v>
      </c>
      <c r="D22" s="5">
        <v>298</v>
      </c>
    </row>
    <row r="23" spans="1:4" ht="18" customHeight="1" x14ac:dyDescent="0.15">
      <c r="A23" s="8" t="s">
        <v>22</v>
      </c>
      <c r="B23" s="21">
        <v>384</v>
      </c>
      <c r="C23" s="6">
        <v>365</v>
      </c>
      <c r="D23" s="5">
        <v>749</v>
      </c>
    </row>
    <row r="24" spans="1:4" ht="18" customHeight="1" x14ac:dyDescent="0.15">
      <c r="A24" s="8">
        <v>15</v>
      </c>
      <c r="B24" s="21">
        <v>36</v>
      </c>
      <c r="C24" s="6">
        <v>19</v>
      </c>
      <c r="D24" s="5">
        <v>55</v>
      </c>
    </row>
    <row r="25" spans="1:4" ht="18" customHeight="1" x14ac:dyDescent="0.15">
      <c r="A25" s="8">
        <v>16</v>
      </c>
      <c r="B25" s="21">
        <v>31</v>
      </c>
      <c r="C25" s="6">
        <v>35</v>
      </c>
      <c r="D25" s="5">
        <v>66</v>
      </c>
    </row>
    <row r="26" spans="1:4" ht="18" customHeight="1" x14ac:dyDescent="0.15">
      <c r="A26" s="8">
        <v>17</v>
      </c>
      <c r="B26" s="21">
        <v>28</v>
      </c>
      <c r="C26" s="6">
        <v>22</v>
      </c>
      <c r="D26" s="5">
        <v>50</v>
      </c>
    </row>
    <row r="27" spans="1:4" ht="18" customHeight="1" x14ac:dyDescent="0.15">
      <c r="A27" s="8">
        <v>18</v>
      </c>
      <c r="B27" s="21">
        <v>41</v>
      </c>
      <c r="C27" s="6">
        <v>38</v>
      </c>
      <c r="D27" s="5">
        <v>79</v>
      </c>
    </row>
    <row r="28" spans="1:4" ht="18" customHeight="1" x14ac:dyDescent="0.15">
      <c r="A28" s="8">
        <v>19</v>
      </c>
      <c r="B28" s="21">
        <v>32</v>
      </c>
      <c r="C28" s="6">
        <v>32</v>
      </c>
      <c r="D28" s="5">
        <v>64</v>
      </c>
    </row>
    <row r="29" spans="1:4" ht="18" customHeight="1" x14ac:dyDescent="0.15">
      <c r="A29" s="8" t="s">
        <v>21</v>
      </c>
      <c r="B29" s="21">
        <v>168</v>
      </c>
      <c r="C29" s="6">
        <v>146</v>
      </c>
      <c r="D29" s="5">
        <v>314</v>
      </c>
    </row>
    <row r="30" spans="1:4" ht="18" customHeight="1" x14ac:dyDescent="0.15">
      <c r="A30" s="8">
        <v>20</v>
      </c>
      <c r="B30" s="21">
        <v>39</v>
      </c>
      <c r="C30" s="6">
        <v>31</v>
      </c>
      <c r="D30" s="5">
        <v>70</v>
      </c>
    </row>
    <row r="31" spans="1:4" ht="18" customHeight="1" x14ac:dyDescent="0.15">
      <c r="A31" s="8">
        <v>21</v>
      </c>
      <c r="B31" s="21">
        <v>43</v>
      </c>
      <c r="C31" s="6">
        <v>46</v>
      </c>
      <c r="D31" s="5">
        <v>89</v>
      </c>
    </row>
    <row r="32" spans="1:4" ht="18" customHeight="1" x14ac:dyDescent="0.15">
      <c r="A32" s="8">
        <v>22</v>
      </c>
      <c r="B32" s="21">
        <v>51</v>
      </c>
      <c r="C32" s="6">
        <v>42</v>
      </c>
      <c r="D32" s="5">
        <v>93</v>
      </c>
    </row>
    <row r="33" spans="1:4" ht="18" customHeight="1" x14ac:dyDescent="0.15">
      <c r="A33" s="8">
        <v>23</v>
      </c>
      <c r="B33" s="21">
        <v>52</v>
      </c>
      <c r="C33" s="6">
        <v>30</v>
      </c>
      <c r="D33" s="5">
        <v>82</v>
      </c>
    </row>
    <row r="34" spans="1:4" ht="18" customHeight="1" x14ac:dyDescent="0.15">
      <c r="A34" s="8">
        <v>24</v>
      </c>
      <c r="B34" s="21">
        <v>31</v>
      </c>
      <c r="C34" s="6">
        <v>28</v>
      </c>
      <c r="D34" s="5">
        <v>59</v>
      </c>
    </row>
    <row r="35" spans="1:4" ht="18" customHeight="1" x14ac:dyDescent="0.15">
      <c r="A35" s="8" t="s">
        <v>20</v>
      </c>
      <c r="B35" s="21">
        <v>216</v>
      </c>
      <c r="C35" s="6">
        <v>177</v>
      </c>
      <c r="D35" s="5">
        <v>393</v>
      </c>
    </row>
    <row r="36" spans="1:4" ht="18" customHeight="1" x14ac:dyDescent="0.15">
      <c r="A36" s="8">
        <v>25</v>
      </c>
      <c r="B36" s="21">
        <v>33</v>
      </c>
      <c r="C36" s="6">
        <v>30</v>
      </c>
      <c r="D36" s="5">
        <v>63</v>
      </c>
    </row>
    <row r="37" spans="1:4" ht="18" customHeight="1" x14ac:dyDescent="0.15">
      <c r="A37" s="8">
        <v>26</v>
      </c>
      <c r="B37" s="21">
        <v>48</v>
      </c>
      <c r="C37" s="6">
        <v>38</v>
      </c>
      <c r="D37" s="5">
        <v>86</v>
      </c>
    </row>
    <row r="38" spans="1:4" ht="18" customHeight="1" x14ac:dyDescent="0.15">
      <c r="A38" s="8">
        <v>27</v>
      </c>
      <c r="B38" s="21">
        <v>27</v>
      </c>
      <c r="C38" s="6">
        <v>30</v>
      </c>
      <c r="D38" s="5">
        <v>57</v>
      </c>
    </row>
    <row r="39" spans="1:4" ht="18" customHeight="1" x14ac:dyDescent="0.15">
      <c r="A39" s="8">
        <v>28</v>
      </c>
      <c r="B39" s="21">
        <v>30</v>
      </c>
      <c r="C39" s="6">
        <v>28</v>
      </c>
      <c r="D39" s="5">
        <v>58</v>
      </c>
    </row>
    <row r="40" spans="1:4" ht="18" customHeight="1" x14ac:dyDescent="0.15">
      <c r="A40" s="8">
        <v>29</v>
      </c>
      <c r="B40" s="21">
        <v>48</v>
      </c>
      <c r="C40" s="6">
        <v>31</v>
      </c>
      <c r="D40" s="5">
        <v>79</v>
      </c>
    </row>
    <row r="41" spans="1:4" ht="18" customHeight="1" x14ac:dyDescent="0.15">
      <c r="A41" s="8" t="s">
        <v>19</v>
      </c>
      <c r="B41" s="21">
        <v>186</v>
      </c>
      <c r="C41" s="6">
        <v>157</v>
      </c>
      <c r="D41" s="5">
        <v>343</v>
      </c>
    </row>
    <row r="42" spans="1:4" ht="18" customHeight="1" x14ac:dyDescent="0.15">
      <c r="A42" s="8">
        <v>30</v>
      </c>
      <c r="B42" s="21">
        <v>38</v>
      </c>
      <c r="C42" s="6">
        <v>25</v>
      </c>
      <c r="D42" s="5">
        <v>63</v>
      </c>
    </row>
    <row r="43" spans="1:4" ht="18" customHeight="1" x14ac:dyDescent="0.15">
      <c r="A43" s="8">
        <v>31</v>
      </c>
      <c r="B43" s="21">
        <v>32</v>
      </c>
      <c r="C43" s="6">
        <v>33</v>
      </c>
      <c r="D43" s="5">
        <v>65</v>
      </c>
    </row>
    <row r="44" spans="1:4" ht="18" customHeight="1" x14ac:dyDescent="0.15">
      <c r="A44" s="8">
        <v>32</v>
      </c>
      <c r="B44" s="21">
        <v>30</v>
      </c>
      <c r="C44" s="6">
        <v>21</v>
      </c>
      <c r="D44" s="5">
        <v>51</v>
      </c>
    </row>
    <row r="45" spans="1:4" ht="18" customHeight="1" x14ac:dyDescent="0.15">
      <c r="A45" s="8">
        <v>33</v>
      </c>
      <c r="B45" s="21">
        <v>34</v>
      </c>
      <c r="C45" s="6">
        <v>11</v>
      </c>
      <c r="D45" s="5">
        <v>45</v>
      </c>
    </row>
    <row r="46" spans="1:4" ht="18" customHeight="1" x14ac:dyDescent="0.15">
      <c r="A46" s="8">
        <v>34</v>
      </c>
      <c r="B46" s="21">
        <v>37</v>
      </c>
      <c r="C46" s="6">
        <v>23</v>
      </c>
      <c r="D46" s="5">
        <v>60</v>
      </c>
    </row>
    <row r="47" spans="1:4" ht="18" customHeight="1" x14ac:dyDescent="0.15">
      <c r="A47" s="8" t="s">
        <v>18</v>
      </c>
      <c r="B47" s="21">
        <v>171</v>
      </c>
      <c r="C47" s="6">
        <v>113</v>
      </c>
      <c r="D47" s="5">
        <v>284</v>
      </c>
    </row>
    <row r="48" spans="1:4" ht="18" customHeight="1" x14ac:dyDescent="0.15">
      <c r="A48" s="8">
        <v>35</v>
      </c>
      <c r="B48" s="21">
        <v>32</v>
      </c>
      <c r="C48" s="6">
        <v>26</v>
      </c>
      <c r="D48" s="5">
        <v>58</v>
      </c>
    </row>
    <row r="49" spans="1:4" ht="18" customHeight="1" x14ac:dyDescent="0.15">
      <c r="A49" s="8">
        <v>36</v>
      </c>
      <c r="B49" s="21">
        <v>43</v>
      </c>
      <c r="C49" s="6">
        <v>28</v>
      </c>
      <c r="D49" s="5">
        <v>71</v>
      </c>
    </row>
    <row r="50" spans="1:4" ht="18" customHeight="1" x14ac:dyDescent="0.15">
      <c r="A50" s="8">
        <v>37</v>
      </c>
      <c r="B50" s="21">
        <v>25</v>
      </c>
      <c r="C50" s="6">
        <v>36</v>
      </c>
      <c r="D50" s="5">
        <v>61</v>
      </c>
    </row>
    <row r="51" spans="1:4" ht="18" customHeight="1" x14ac:dyDescent="0.15">
      <c r="A51" s="8">
        <v>38</v>
      </c>
      <c r="B51" s="21">
        <v>35</v>
      </c>
      <c r="C51" s="6">
        <v>47</v>
      </c>
      <c r="D51" s="5">
        <v>82</v>
      </c>
    </row>
    <row r="52" spans="1:4" ht="18" customHeight="1" x14ac:dyDescent="0.15">
      <c r="A52" s="8">
        <v>39</v>
      </c>
      <c r="B52" s="21">
        <v>33</v>
      </c>
      <c r="C52" s="6">
        <v>30</v>
      </c>
      <c r="D52" s="5">
        <v>63</v>
      </c>
    </row>
    <row r="53" spans="1:4" ht="18" customHeight="1" x14ac:dyDescent="0.15">
      <c r="A53" s="8" t="s">
        <v>17</v>
      </c>
      <c r="B53" s="21">
        <v>168</v>
      </c>
      <c r="C53" s="6">
        <v>167</v>
      </c>
      <c r="D53" s="5">
        <v>335</v>
      </c>
    </row>
    <row r="54" spans="1:4" ht="18" customHeight="1" x14ac:dyDescent="0.15">
      <c r="A54" s="8">
        <v>40</v>
      </c>
      <c r="B54" s="21">
        <v>45</v>
      </c>
      <c r="C54" s="6">
        <v>47</v>
      </c>
      <c r="D54" s="5">
        <v>92</v>
      </c>
    </row>
    <row r="55" spans="1:4" ht="18" customHeight="1" x14ac:dyDescent="0.15">
      <c r="A55" s="8">
        <v>41</v>
      </c>
      <c r="B55" s="21">
        <v>50</v>
      </c>
      <c r="C55" s="6">
        <v>36</v>
      </c>
      <c r="D55" s="5">
        <v>86</v>
      </c>
    </row>
    <row r="56" spans="1:4" ht="18" customHeight="1" x14ac:dyDescent="0.15">
      <c r="A56" s="8">
        <v>42</v>
      </c>
      <c r="B56" s="21">
        <v>40</v>
      </c>
      <c r="C56" s="6">
        <v>32</v>
      </c>
      <c r="D56" s="5">
        <v>72</v>
      </c>
    </row>
    <row r="57" spans="1:4" ht="18" customHeight="1" x14ac:dyDescent="0.15">
      <c r="A57" s="8">
        <v>43</v>
      </c>
      <c r="B57" s="21">
        <v>45</v>
      </c>
      <c r="C57" s="6">
        <v>48</v>
      </c>
      <c r="D57" s="5">
        <v>93</v>
      </c>
    </row>
    <row r="58" spans="1:4" ht="18" customHeight="1" x14ac:dyDescent="0.15">
      <c r="A58" s="8">
        <v>44</v>
      </c>
      <c r="B58" s="21">
        <v>44</v>
      </c>
      <c r="C58" s="6">
        <v>47</v>
      </c>
      <c r="D58" s="5">
        <v>91</v>
      </c>
    </row>
    <row r="59" spans="1:4" ht="18" customHeight="1" x14ac:dyDescent="0.15">
      <c r="A59" s="8" t="s">
        <v>16</v>
      </c>
      <c r="B59" s="21">
        <v>224</v>
      </c>
      <c r="C59" s="6">
        <v>210</v>
      </c>
      <c r="D59" s="5">
        <v>434</v>
      </c>
    </row>
    <row r="60" spans="1:4" ht="18" customHeight="1" x14ac:dyDescent="0.15">
      <c r="A60" s="8">
        <v>45</v>
      </c>
      <c r="B60" s="21">
        <v>34</v>
      </c>
      <c r="C60" s="6">
        <v>41</v>
      </c>
      <c r="D60" s="5">
        <v>75</v>
      </c>
    </row>
    <row r="61" spans="1:4" ht="18" customHeight="1" x14ac:dyDescent="0.15">
      <c r="A61" s="8">
        <v>46</v>
      </c>
      <c r="B61" s="21">
        <v>49</v>
      </c>
      <c r="C61" s="6">
        <v>33</v>
      </c>
      <c r="D61" s="5">
        <v>82</v>
      </c>
    </row>
    <row r="62" spans="1:4" ht="18" customHeight="1" x14ac:dyDescent="0.15">
      <c r="A62" s="8">
        <v>47</v>
      </c>
      <c r="B62" s="21">
        <v>51</v>
      </c>
      <c r="C62" s="6">
        <v>46</v>
      </c>
      <c r="D62" s="5">
        <v>97</v>
      </c>
    </row>
    <row r="63" spans="1:4" ht="18" customHeight="1" x14ac:dyDescent="0.15">
      <c r="A63" s="8">
        <v>48</v>
      </c>
      <c r="B63" s="21">
        <v>41</v>
      </c>
      <c r="C63" s="6">
        <v>39</v>
      </c>
      <c r="D63" s="5">
        <v>80</v>
      </c>
    </row>
    <row r="64" spans="1:4" ht="18" customHeight="1" x14ac:dyDescent="0.15">
      <c r="A64" s="8">
        <v>49</v>
      </c>
      <c r="B64" s="21">
        <v>61</v>
      </c>
      <c r="C64" s="6">
        <v>61</v>
      </c>
      <c r="D64" s="5">
        <v>122</v>
      </c>
    </row>
    <row r="65" spans="1:4" ht="18" customHeight="1" x14ac:dyDescent="0.15">
      <c r="A65" s="8" t="s">
        <v>15</v>
      </c>
      <c r="B65" s="21">
        <v>236</v>
      </c>
      <c r="C65" s="6">
        <v>220</v>
      </c>
      <c r="D65" s="5">
        <v>456</v>
      </c>
    </row>
    <row r="66" spans="1:4" ht="18" customHeight="1" x14ac:dyDescent="0.15">
      <c r="A66" s="8">
        <v>50</v>
      </c>
      <c r="B66" s="21">
        <v>54</v>
      </c>
      <c r="C66" s="6">
        <v>58</v>
      </c>
      <c r="D66" s="5">
        <v>112</v>
      </c>
    </row>
    <row r="67" spans="1:4" ht="18" customHeight="1" x14ac:dyDescent="0.15">
      <c r="A67" s="8">
        <v>51</v>
      </c>
      <c r="B67" s="21">
        <v>77</v>
      </c>
      <c r="C67" s="6">
        <v>58</v>
      </c>
      <c r="D67" s="5">
        <v>135</v>
      </c>
    </row>
    <row r="68" spans="1:4" ht="18" customHeight="1" x14ac:dyDescent="0.15">
      <c r="A68" s="8">
        <v>52</v>
      </c>
      <c r="B68" s="21">
        <v>57</v>
      </c>
      <c r="C68" s="6">
        <v>76</v>
      </c>
      <c r="D68" s="5">
        <v>133</v>
      </c>
    </row>
    <row r="69" spans="1:4" ht="18" customHeight="1" x14ac:dyDescent="0.15">
      <c r="A69" s="8">
        <v>53</v>
      </c>
      <c r="B69" s="21">
        <v>67</v>
      </c>
      <c r="C69" s="6">
        <v>69</v>
      </c>
      <c r="D69" s="5">
        <v>136</v>
      </c>
    </row>
    <row r="70" spans="1:4" ht="18" customHeight="1" x14ac:dyDescent="0.15">
      <c r="A70" s="8">
        <v>54</v>
      </c>
      <c r="B70" s="21">
        <v>81</v>
      </c>
      <c r="C70" s="6">
        <v>65</v>
      </c>
      <c r="D70" s="5">
        <v>146</v>
      </c>
    </row>
    <row r="71" spans="1:4" ht="18" customHeight="1" x14ac:dyDescent="0.15">
      <c r="A71" s="8" t="s">
        <v>14</v>
      </c>
      <c r="B71" s="21">
        <v>336</v>
      </c>
      <c r="C71" s="6">
        <v>326</v>
      </c>
      <c r="D71" s="5">
        <v>662</v>
      </c>
    </row>
    <row r="72" spans="1:4" ht="18" customHeight="1" x14ac:dyDescent="0.15">
      <c r="A72" s="8">
        <v>55</v>
      </c>
      <c r="B72" s="21">
        <v>68</v>
      </c>
      <c r="C72" s="6">
        <v>62</v>
      </c>
      <c r="D72" s="5">
        <v>130</v>
      </c>
    </row>
    <row r="73" spans="1:4" ht="18" customHeight="1" x14ac:dyDescent="0.15">
      <c r="A73" s="8">
        <v>56</v>
      </c>
      <c r="B73" s="21">
        <v>51</v>
      </c>
      <c r="C73" s="6">
        <v>62</v>
      </c>
      <c r="D73" s="5">
        <v>113</v>
      </c>
    </row>
    <row r="74" spans="1:4" ht="18" customHeight="1" x14ac:dyDescent="0.15">
      <c r="A74" s="8">
        <v>57</v>
      </c>
      <c r="B74" s="21">
        <v>63</v>
      </c>
      <c r="C74" s="6">
        <v>68</v>
      </c>
      <c r="D74" s="5">
        <v>131</v>
      </c>
    </row>
    <row r="75" spans="1:4" ht="18" customHeight="1" x14ac:dyDescent="0.15">
      <c r="A75" s="8">
        <v>58</v>
      </c>
      <c r="B75" s="21">
        <v>74</v>
      </c>
      <c r="C75" s="6">
        <v>60</v>
      </c>
      <c r="D75" s="5">
        <v>134</v>
      </c>
    </row>
    <row r="76" spans="1:4" ht="18" customHeight="1" x14ac:dyDescent="0.15">
      <c r="A76" s="8">
        <v>59</v>
      </c>
      <c r="B76" s="21">
        <v>30</v>
      </c>
      <c r="C76" s="6">
        <v>44</v>
      </c>
      <c r="D76" s="5">
        <v>74</v>
      </c>
    </row>
    <row r="77" spans="1:4" ht="18" customHeight="1" x14ac:dyDescent="0.15">
      <c r="A77" s="8" t="s">
        <v>13</v>
      </c>
      <c r="B77" s="21">
        <v>286</v>
      </c>
      <c r="C77" s="6">
        <v>296</v>
      </c>
      <c r="D77" s="5">
        <v>582</v>
      </c>
    </row>
    <row r="78" spans="1:4" ht="18" customHeight="1" x14ac:dyDescent="0.15">
      <c r="A78" s="8">
        <v>60</v>
      </c>
      <c r="B78" s="21">
        <v>50</v>
      </c>
      <c r="C78" s="6">
        <v>60</v>
      </c>
      <c r="D78" s="5">
        <v>110</v>
      </c>
    </row>
    <row r="79" spans="1:4" ht="18" customHeight="1" x14ac:dyDescent="0.15">
      <c r="A79" s="8">
        <v>61</v>
      </c>
      <c r="B79" s="21">
        <v>41</v>
      </c>
      <c r="C79" s="6">
        <v>49</v>
      </c>
      <c r="D79" s="5">
        <v>90</v>
      </c>
    </row>
    <row r="80" spans="1:4" ht="18" customHeight="1" x14ac:dyDescent="0.15">
      <c r="A80" s="8">
        <v>62</v>
      </c>
      <c r="B80" s="21">
        <v>44</v>
      </c>
      <c r="C80" s="6">
        <v>43</v>
      </c>
      <c r="D80" s="5">
        <v>87</v>
      </c>
    </row>
    <row r="81" spans="1:4" ht="18" customHeight="1" x14ac:dyDescent="0.15">
      <c r="A81" s="8">
        <v>63</v>
      </c>
      <c r="B81" s="21">
        <v>46</v>
      </c>
      <c r="C81" s="6">
        <v>39</v>
      </c>
      <c r="D81" s="5">
        <v>85</v>
      </c>
    </row>
    <row r="82" spans="1:4" ht="18" customHeight="1" x14ac:dyDescent="0.15">
      <c r="A82" s="8">
        <v>64</v>
      </c>
      <c r="B82" s="21">
        <v>44</v>
      </c>
      <c r="C82" s="6">
        <v>39</v>
      </c>
      <c r="D82" s="5">
        <v>83</v>
      </c>
    </row>
    <row r="83" spans="1:4" ht="18" customHeight="1" x14ac:dyDescent="0.15">
      <c r="A83" s="8" t="s">
        <v>12</v>
      </c>
      <c r="B83" s="21">
        <v>225</v>
      </c>
      <c r="C83" s="6">
        <v>230</v>
      </c>
      <c r="D83" s="5">
        <v>455</v>
      </c>
    </row>
    <row r="84" spans="1:4" ht="18" customHeight="1" x14ac:dyDescent="0.15">
      <c r="A84" s="8" t="s">
        <v>11</v>
      </c>
      <c r="B84" s="21">
        <v>2216</v>
      </c>
      <c r="C84" s="6">
        <v>2042</v>
      </c>
      <c r="D84" s="5">
        <v>4258</v>
      </c>
    </row>
    <row r="85" spans="1:4" ht="18" customHeight="1" x14ac:dyDescent="0.15">
      <c r="A85" s="8">
        <v>65</v>
      </c>
      <c r="B85" s="21">
        <v>53</v>
      </c>
      <c r="C85" s="6">
        <v>44</v>
      </c>
      <c r="D85" s="5">
        <v>97</v>
      </c>
    </row>
    <row r="86" spans="1:4" ht="18" customHeight="1" x14ac:dyDescent="0.15">
      <c r="A86" s="8">
        <v>66</v>
      </c>
      <c r="B86" s="21">
        <v>38</v>
      </c>
      <c r="C86" s="6">
        <v>56</v>
      </c>
      <c r="D86" s="5">
        <v>94</v>
      </c>
    </row>
    <row r="87" spans="1:4" ht="18" customHeight="1" x14ac:dyDescent="0.15">
      <c r="A87" s="8">
        <v>67</v>
      </c>
      <c r="B87" s="21">
        <v>41</v>
      </c>
      <c r="C87" s="6">
        <v>44</v>
      </c>
      <c r="D87" s="5">
        <v>85</v>
      </c>
    </row>
    <row r="88" spans="1:4" ht="18" customHeight="1" x14ac:dyDescent="0.15">
      <c r="A88" s="8">
        <v>68</v>
      </c>
      <c r="B88" s="21">
        <v>39</v>
      </c>
      <c r="C88" s="6">
        <v>38</v>
      </c>
      <c r="D88" s="5">
        <v>77</v>
      </c>
    </row>
    <row r="89" spans="1:4" ht="18" customHeight="1" x14ac:dyDescent="0.15">
      <c r="A89" s="8">
        <v>69</v>
      </c>
      <c r="B89" s="21">
        <v>47</v>
      </c>
      <c r="C89" s="6">
        <v>52</v>
      </c>
      <c r="D89" s="5">
        <v>99</v>
      </c>
    </row>
    <row r="90" spans="1:4" ht="18" customHeight="1" x14ac:dyDescent="0.15">
      <c r="A90" s="8" t="s">
        <v>10</v>
      </c>
      <c r="B90" s="21">
        <v>218</v>
      </c>
      <c r="C90" s="6">
        <v>234</v>
      </c>
      <c r="D90" s="5">
        <v>452</v>
      </c>
    </row>
    <row r="91" spans="1:4" ht="18" customHeight="1" x14ac:dyDescent="0.15">
      <c r="A91" s="8">
        <v>70</v>
      </c>
      <c r="B91" s="21">
        <v>43</v>
      </c>
      <c r="C91" s="6">
        <v>49</v>
      </c>
      <c r="D91" s="5">
        <v>92</v>
      </c>
    </row>
    <row r="92" spans="1:4" ht="18" customHeight="1" x14ac:dyDescent="0.15">
      <c r="A92" s="8">
        <v>71</v>
      </c>
      <c r="B92" s="21">
        <v>42</v>
      </c>
      <c r="C92" s="6">
        <v>54</v>
      </c>
      <c r="D92" s="5">
        <v>96</v>
      </c>
    </row>
    <row r="93" spans="1:4" ht="18" customHeight="1" x14ac:dyDescent="0.15">
      <c r="A93" s="8">
        <v>72</v>
      </c>
      <c r="B93" s="21">
        <v>50</v>
      </c>
      <c r="C93" s="6">
        <v>51</v>
      </c>
      <c r="D93" s="5">
        <v>101</v>
      </c>
    </row>
    <row r="94" spans="1:4" ht="18" customHeight="1" x14ac:dyDescent="0.15">
      <c r="A94" s="8">
        <v>73</v>
      </c>
      <c r="B94" s="21">
        <v>50</v>
      </c>
      <c r="C94" s="6">
        <v>55</v>
      </c>
      <c r="D94" s="5">
        <v>105</v>
      </c>
    </row>
    <row r="95" spans="1:4" ht="18" customHeight="1" x14ac:dyDescent="0.15">
      <c r="A95" s="8">
        <v>74</v>
      </c>
      <c r="B95" s="21">
        <v>59</v>
      </c>
      <c r="C95" s="6">
        <v>57</v>
      </c>
      <c r="D95" s="5">
        <v>116</v>
      </c>
    </row>
    <row r="96" spans="1:4" ht="18" customHeight="1" x14ac:dyDescent="0.15">
      <c r="A96" s="8" t="s">
        <v>9</v>
      </c>
      <c r="B96" s="21">
        <v>244</v>
      </c>
      <c r="C96" s="6">
        <v>266</v>
      </c>
      <c r="D96" s="5">
        <v>510</v>
      </c>
    </row>
    <row r="97" spans="1:4" ht="18" customHeight="1" x14ac:dyDescent="0.15">
      <c r="A97" s="8">
        <v>75</v>
      </c>
      <c r="B97" s="21">
        <v>52</v>
      </c>
      <c r="C97" s="6">
        <v>73</v>
      </c>
      <c r="D97" s="5">
        <v>125</v>
      </c>
    </row>
    <row r="98" spans="1:4" ht="18" customHeight="1" x14ac:dyDescent="0.15">
      <c r="A98" s="8">
        <v>76</v>
      </c>
      <c r="B98" s="21">
        <v>61</v>
      </c>
      <c r="C98" s="6">
        <v>88</v>
      </c>
      <c r="D98" s="5">
        <v>149</v>
      </c>
    </row>
    <row r="99" spans="1:4" ht="18" customHeight="1" x14ac:dyDescent="0.15">
      <c r="A99" s="8">
        <v>77</v>
      </c>
      <c r="B99" s="21">
        <v>71</v>
      </c>
      <c r="C99" s="6">
        <v>80</v>
      </c>
      <c r="D99" s="5">
        <v>151</v>
      </c>
    </row>
    <row r="100" spans="1:4" ht="18" customHeight="1" x14ac:dyDescent="0.15">
      <c r="A100" s="8">
        <v>78</v>
      </c>
      <c r="B100" s="21">
        <v>81</v>
      </c>
      <c r="C100" s="6">
        <v>67</v>
      </c>
      <c r="D100" s="5">
        <v>148</v>
      </c>
    </row>
    <row r="101" spans="1:4" ht="18" customHeight="1" x14ac:dyDescent="0.15">
      <c r="A101" s="8">
        <v>79</v>
      </c>
      <c r="B101" s="21">
        <v>34</v>
      </c>
      <c r="C101" s="6">
        <v>37</v>
      </c>
      <c r="D101" s="5">
        <v>71</v>
      </c>
    </row>
    <row r="102" spans="1:4" ht="18" customHeight="1" x14ac:dyDescent="0.15">
      <c r="A102" s="8" t="s">
        <v>8</v>
      </c>
      <c r="B102" s="21">
        <v>299</v>
      </c>
      <c r="C102" s="6">
        <v>345</v>
      </c>
      <c r="D102" s="5">
        <v>644</v>
      </c>
    </row>
    <row r="103" spans="1:4" ht="18" customHeight="1" x14ac:dyDescent="0.15">
      <c r="A103" s="8">
        <v>80</v>
      </c>
      <c r="B103" s="21">
        <v>36</v>
      </c>
      <c r="C103" s="6">
        <v>41</v>
      </c>
      <c r="D103" s="5">
        <v>77</v>
      </c>
    </row>
    <row r="104" spans="1:4" ht="18" customHeight="1" x14ac:dyDescent="0.15">
      <c r="A104" s="8">
        <v>81</v>
      </c>
      <c r="B104" s="21">
        <v>45</v>
      </c>
      <c r="C104" s="6">
        <v>69</v>
      </c>
      <c r="D104" s="5">
        <v>114</v>
      </c>
    </row>
    <row r="105" spans="1:4" ht="18" customHeight="1" x14ac:dyDescent="0.15">
      <c r="A105" s="8">
        <v>82</v>
      </c>
      <c r="B105" s="21">
        <v>27</v>
      </c>
      <c r="C105" s="6">
        <v>34</v>
      </c>
      <c r="D105" s="5">
        <v>61</v>
      </c>
    </row>
    <row r="106" spans="1:4" ht="18" customHeight="1" x14ac:dyDescent="0.15">
      <c r="A106" s="8">
        <v>83</v>
      </c>
      <c r="B106" s="21">
        <v>46</v>
      </c>
      <c r="C106" s="6">
        <v>51</v>
      </c>
      <c r="D106" s="5">
        <v>97</v>
      </c>
    </row>
    <row r="107" spans="1:4" ht="18" customHeight="1" x14ac:dyDescent="0.15">
      <c r="A107" s="8">
        <v>84</v>
      </c>
      <c r="B107" s="21">
        <v>33</v>
      </c>
      <c r="C107" s="6">
        <v>49</v>
      </c>
      <c r="D107" s="5">
        <v>82</v>
      </c>
    </row>
    <row r="108" spans="1:4" ht="18" customHeight="1" x14ac:dyDescent="0.15">
      <c r="A108" s="8" t="s">
        <v>7</v>
      </c>
      <c r="B108" s="21">
        <v>187</v>
      </c>
      <c r="C108" s="6">
        <v>244</v>
      </c>
      <c r="D108" s="5">
        <v>431</v>
      </c>
    </row>
    <row r="109" spans="1:4" ht="18" customHeight="1" x14ac:dyDescent="0.15">
      <c r="A109" s="8">
        <v>85</v>
      </c>
      <c r="B109" s="21">
        <v>26</v>
      </c>
      <c r="C109" s="6">
        <v>37</v>
      </c>
      <c r="D109" s="5">
        <v>63</v>
      </c>
    </row>
    <row r="110" spans="1:4" ht="18" customHeight="1" x14ac:dyDescent="0.15">
      <c r="A110" s="8">
        <v>86</v>
      </c>
      <c r="B110" s="21">
        <v>13</v>
      </c>
      <c r="C110" s="6">
        <v>27</v>
      </c>
      <c r="D110" s="5">
        <v>40</v>
      </c>
    </row>
    <row r="111" spans="1:4" ht="18" customHeight="1" x14ac:dyDescent="0.15">
      <c r="A111" s="8">
        <v>87</v>
      </c>
      <c r="B111" s="21">
        <v>16</v>
      </c>
      <c r="C111" s="6">
        <v>31</v>
      </c>
      <c r="D111" s="5">
        <v>47</v>
      </c>
    </row>
    <row r="112" spans="1:4" ht="18" customHeight="1" x14ac:dyDescent="0.15">
      <c r="A112" s="8">
        <v>88</v>
      </c>
      <c r="B112" s="21">
        <v>17</v>
      </c>
      <c r="C112" s="6">
        <v>24</v>
      </c>
      <c r="D112" s="5">
        <v>41</v>
      </c>
    </row>
    <row r="113" spans="1:4" ht="18" customHeight="1" x14ac:dyDescent="0.15">
      <c r="A113" s="8">
        <v>89</v>
      </c>
      <c r="B113" s="21">
        <v>15</v>
      </c>
      <c r="C113" s="6">
        <v>32</v>
      </c>
      <c r="D113" s="5">
        <v>47</v>
      </c>
    </row>
    <row r="114" spans="1:4" ht="18" customHeight="1" x14ac:dyDescent="0.15">
      <c r="A114" s="8" t="s">
        <v>6</v>
      </c>
      <c r="B114" s="21">
        <v>87</v>
      </c>
      <c r="C114" s="6">
        <v>151</v>
      </c>
      <c r="D114" s="5">
        <v>238</v>
      </c>
    </row>
    <row r="115" spans="1:4" ht="18" customHeight="1" x14ac:dyDescent="0.15">
      <c r="A115" s="8">
        <v>90</v>
      </c>
      <c r="B115" s="21">
        <v>10</v>
      </c>
      <c r="C115" s="6">
        <v>27</v>
      </c>
      <c r="D115" s="5">
        <v>37</v>
      </c>
    </row>
    <row r="116" spans="1:4" ht="18" customHeight="1" x14ac:dyDescent="0.15">
      <c r="A116" s="8">
        <v>91</v>
      </c>
      <c r="B116" s="21">
        <v>5</v>
      </c>
      <c r="C116" s="6">
        <v>17</v>
      </c>
      <c r="D116" s="5">
        <v>22</v>
      </c>
    </row>
    <row r="117" spans="1:4" ht="18" customHeight="1" x14ac:dyDescent="0.15">
      <c r="A117" s="8">
        <v>92</v>
      </c>
      <c r="B117" s="21">
        <v>3</v>
      </c>
      <c r="C117" s="6">
        <v>18</v>
      </c>
      <c r="D117" s="5">
        <v>21</v>
      </c>
    </row>
    <row r="118" spans="1:4" ht="18" customHeight="1" x14ac:dyDescent="0.15">
      <c r="A118" s="8">
        <v>93</v>
      </c>
      <c r="B118" s="21">
        <v>5</v>
      </c>
      <c r="C118" s="6">
        <v>21</v>
      </c>
      <c r="D118" s="5">
        <v>26</v>
      </c>
    </row>
    <row r="119" spans="1:4" ht="18" customHeight="1" x14ac:dyDescent="0.15">
      <c r="A119" s="8">
        <v>94</v>
      </c>
      <c r="B119" s="21">
        <v>8</v>
      </c>
      <c r="C119" s="6">
        <v>6</v>
      </c>
      <c r="D119" s="5">
        <v>14</v>
      </c>
    </row>
    <row r="120" spans="1:4" ht="18" customHeight="1" x14ac:dyDescent="0.15">
      <c r="A120" s="8" t="s">
        <v>5</v>
      </c>
      <c r="B120" s="21">
        <v>31</v>
      </c>
      <c r="C120" s="6">
        <v>89</v>
      </c>
      <c r="D120" s="5">
        <v>120</v>
      </c>
    </row>
    <row r="121" spans="1:4" ht="18" customHeight="1" x14ac:dyDescent="0.15">
      <c r="A121" s="8">
        <v>95</v>
      </c>
      <c r="B121" s="21">
        <v>1</v>
      </c>
      <c r="C121" s="6">
        <v>3</v>
      </c>
      <c r="D121" s="5">
        <v>4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6</v>
      </c>
      <c r="D124" s="5">
        <v>6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3</v>
      </c>
      <c r="C126" s="6">
        <v>26</v>
      </c>
      <c r="D126" s="5">
        <v>29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1069</v>
      </c>
      <c r="C130" s="6">
        <v>1359</v>
      </c>
      <c r="D130" s="5">
        <v>2428</v>
      </c>
    </row>
    <row r="131" spans="1:4" ht="18" customHeight="1" x14ac:dyDescent="0.15">
      <c r="A131" s="4" t="s">
        <v>0</v>
      </c>
      <c r="B131" s="20">
        <v>3669</v>
      </c>
      <c r="C131" s="2">
        <v>3766</v>
      </c>
      <c r="D131" s="1">
        <v>743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7BBA5C-D88D-4647-8753-41663A68046F}">
  <sheetPr codeName="Sheet3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5</v>
      </c>
      <c r="D5" s="10">
        <v>9</v>
      </c>
    </row>
    <row r="6" spans="1:4" ht="18" customHeight="1" x14ac:dyDescent="0.15">
      <c r="A6" s="8">
        <v>1</v>
      </c>
      <c r="B6" s="21">
        <v>6</v>
      </c>
      <c r="C6" s="6">
        <v>4</v>
      </c>
      <c r="D6" s="5">
        <v>10</v>
      </c>
    </row>
    <row r="7" spans="1:4" ht="18" customHeight="1" x14ac:dyDescent="0.15">
      <c r="A7" s="8">
        <v>2</v>
      </c>
      <c r="B7" s="21">
        <v>8</v>
      </c>
      <c r="C7" s="6">
        <v>4</v>
      </c>
      <c r="D7" s="5">
        <v>12</v>
      </c>
    </row>
    <row r="8" spans="1:4" ht="18" customHeight="1" x14ac:dyDescent="0.15">
      <c r="A8" s="8">
        <v>3</v>
      </c>
      <c r="B8" s="21">
        <v>5</v>
      </c>
      <c r="C8" s="6">
        <v>4</v>
      </c>
      <c r="D8" s="5">
        <v>9</v>
      </c>
    </row>
    <row r="9" spans="1:4" ht="18" customHeight="1" x14ac:dyDescent="0.15">
      <c r="A9" s="8">
        <v>4</v>
      </c>
      <c r="B9" s="21">
        <v>5</v>
      </c>
      <c r="C9" s="6">
        <v>1</v>
      </c>
      <c r="D9" s="5">
        <v>6</v>
      </c>
    </row>
    <row r="10" spans="1:4" ht="18" customHeight="1" x14ac:dyDescent="0.15">
      <c r="A10" s="8" t="s">
        <v>25</v>
      </c>
      <c r="B10" s="21">
        <v>28</v>
      </c>
      <c r="C10" s="6">
        <v>18</v>
      </c>
      <c r="D10" s="5">
        <v>46</v>
      </c>
    </row>
    <row r="11" spans="1:4" ht="18" customHeight="1" x14ac:dyDescent="0.15">
      <c r="A11" s="8">
        <v>5</v>
      </c>
      <c r="B11" s="21">
        <v>8</v>
      </c>
      <c r="C11" s="6">
        <v>2</v>
      </c>
      <c r="D11" s="5">
        <v>10</v>
      </c>
    </row>
    <row r="12" spans="1:4" ht="18" customHeight="1" x14ac:dyDescent="0.15">
      <c r="A12" s="8">
        <v>6</v>
      </c>
      <c r="B12" s="21">
        <v>6</v>
      </c>
      <c r="C12" s="6">
        <v>4</v>
      </c>
      <c r="D12" s="5">
        <v>10</v>
      </c>
    </row>
    <row r="13" spans="1:4" ht="18" customHeight="1" x14ac:dyDescent="0.15">
      <c r="A13" s="8">
        <v>7</v>
      </c>
      <c r="B13" s="21">
        <v>5</v>
      </c>
      <c r="C13" s="6">
        <v>4</v>
      </c>
      <c r="D13" s="5">
        <v>9</v>
      </c>
    </row>
    <row r="14" spans="1:4" ht="18" customHeight="1" x14ac:dyDescent="0.15">
      <c r="A14" s="8">
        <v>8</v>
      </c>
      <c r="B14" s="21">
        <v>6</v>
      </c>
      <c r="C14" s="6">
        <v>5</v>
      </c>
      <c r="D14" s="5">
        <v>11</v>
      </c>
    </row>
    <row r="15" spans="1:4" ht="18" customHeight="1" x14ac:dyDescent="0.15">
      <c r="A15" s="8">
        <v>9</v>
      </c>
      <c r="B15" s="21">
        <v>3</v>
      </c>
      <c r="C15" s="6">
        <v>3</v>
      </c>
      <c r="D15" s="5">
        <v>6</v>
      </c>
    </row>
    <row r="16" spans="1:4" ht="18" customHeight="1" x14ac:dyDescent="0.15">
      <c r="A16" s="8" t="s">
        <v>24</v>
      </c>
      <c r="B16" s="21">
        <v>28</v>
      </c>
      <c r="C16" s="6">
        <v>18</v>
      </c>
      <c r="D16" s="5">
        <v>46</v>
      </c>
    </row>
    <row r="17" spans="1:4" ht="18" customHeight="1" x14ac:dyDescent="0.15">
      <c r="A17" s="8">
        <v>10</v>
      </c>
      <c r="B17" s="21">
        <v>12</v>
      </c>
      <c r="C17" s="6">
        <v>7</v>
      </c>
      <c r="D17" s="5">
        <v>19</v>
      </c>
    </row>
    <row r="18" spans="1:4" ht="18" customHeight="1" x14ac:dyDescent="0.15">
      <c r="A18" s="8">
        <v>11</v>
      </c>
      <c r="B18" s="21">
        <v>4</v>
      </c>
      <c r="C18" s="6">
        <v>6</v>
      </c>
      <c r="D18" s="5">
        <v>10</v>
      </c>
    </row>
    <row r="19" spans="1:4" ht="18" customHeight="1" x14ac:dyDescent="0.15">
      <c r="A19" s="8">
        <v>12</v>
      </c>
      <c r="B19" s="21">
        <v>8</v>
      </c>
      <c r="C19" s="6">
        <v>10</v>
      </c>
      <c r="D19" s="5">
        <v>18</v>
      </c>
    </row>
    <row r="20" spans="1:4" ht="18" customHeight="1" x14ac:dyDescent="0.15">
      <c r="A20" s="8">
        <v>13</v>
      </c>
      <c r="B20" s="21">
        <v>6</v>
      </c>
      <c r="C20" s="6">
        <v>9</v>
      </c>
      <c r="D20" s="5">
        <v>15</v>
      </c>
    </row>
    <row r="21" spans="1:4" ht="18" customHeight="1" x14ac:dyDescent="0.15">
      <c r="A21" s="8">
        <v>14</v>
      </c>
      <c r="B21" s="21">
        <v>9</v>
      </c>
      <c r="C21" s="6">
        <v>10</v>
      </c>
      <c r="D21" s="5">
        <v>19</v>
      </c>
    </row>
    <row r="22" spans="1:4" ht="18" customHeight="1" x14ac:dyDescent="0.15">
      <c r="A22" s="8" t="s">
        <v>23</v>
      </c>
      <c r="B22" s="21">
        <v>39</v>
      </c>
      <c r="C22" s="6">
        <v>42</v>
      </c>
      <c r="D22" s="5">
        <v>81</v>
      </c>
    </row>
    <row r="23" spans="1:4" ht="18" customHeight="1" x14ac:dyDescent="0.15">
      <c r="A23" s="8" t="s">
        <v>22</v>
      </c>
      <c r="B23" s="21">
        <v>95</v>
      </c>
      <c r="C23" s="6">
        <v>78</v>
      </c>
      <c r="D23" s="5">
        <v>173</v>
      </c>
    </row>
    <row r="24" spans="1:4" ht="18" customHeight="1" x14ac:dyDescent="0.15">
      <c r="A24" s="8">
        <v>15</v>
      </c>
      <c r="B24" s="21">
        <v>8</v>
      </c>
      <c r="C24" s="6">
        <v>10</v>
      </c>
      <c r="D24" s="5">
        <v>18</v>
      </c>
    </row>
    <row r="25" spans="1:4" ht="18" customHeight="1" x14ac:dyDescent="0.15">
      <c r="A25" s="8">
        <v>16</v>
      </c>
      <c r="B25" s="21">
        <v>6</v>
      </c>
      <c r="C25" s="6">
        <v>7</v>
      </c>
      <c r="D25" s="5">
        <v>13</v>
      </c>
    </row>
    <row r="26" spans="1:4" ht="18" customHeight="1" x14ac:dyDescent="0.15">
      <c r="A26" s="8">
        <v>17</v>
      </c>
      <c r="B26" s="21">
        <v>8</v>
      </c>
      <c r="C26" s="6">
        <v>9</v>
      </c>
      <c r="D26" s="5">
        <v>17</v>
      </c>
    </row>
    <row r="27" spans="1:4" ht="18" customHeight="1" x14ac:dyDescent="0.15">
      <c r="A27" s="8">
        <v>18</v>
      </c>
      <c r="B27" s="21">
        <v>6</v>
      </c>
      <c r="C27" s="6">
        <v>8</v>
      </c>
      <c r="D27" s="5">
        <v>14</v>
      </c>
    </row>
    <row r="28" spans="1:4" ht="18" customHeight="1" x14ac:dyDescent="0.15">
      <c r="A28" s="8">
        <v>19</v>
      </c>
      <c r="B28" s="21">
        <v>10</v>
      </c>
      <c r="C28" s="6">
        <v>14</v>
      </c>
      <c r="D28" s="5">
        <v>24</v>
      </c>
    </row>
    <row r="29" spans="1:4" ht="18" customHeight="1" x14ac:dyDescent="0.15">
      <c r="A29" s="8" t="s">
        <v>21</v>
      </c>
      <c r="B29" s="21">
        <v>38</v>
      </c>
      <c r="C29" s="6">
        <v>48</v>
      </c>
      <c r="D29" s="5">
        <v>86</v>
      </c>
    </row>
    <row r="30" spans="1:4" ht="18" customHeight="1" x14ac:dyDescent="0.15">
      <c r="A30" s="8">
        <v>20</v>
      </c>
      <c r="B30" s="21">
        <v>14</v>
      </c>
      <c r="C30" s="6">
        <v>13</v>
      </c>
      <c r="D30" s="5">
        <v>27</v>
      </c>
    </row>
    <row r="31" spans="1:4" ht="18" customHeight="1" x14ac:dyDescent="0.15">
      <c r="A31" s="8">
        <v>21</v>
      </c>
      <c r="B31" s="21">
        <v>11</v>
      </c>
      <c r="C31" s="6">
        <v>5</v>
      </c>
      <c r="D31" s="5">
        <v>16</v>
      </c>
    </row>
    <row r="32" spans="1:4" ht="18" customHeight="1" x14ac:dyDescent="0.15">
      <c r="A32" s="8">
        <v>22</v>
      </c>
      <c r="B32" s="21">
        <v>12</v>
      </c>
      <c r="C32" s="6">
        <v>10</v>
      </c>
      <c r="D32" s="5">
        <v>22</v>
      </c>
    </row>
    <row r="33" spans="1:4" ht="18" customHeight="1" x14ac:dyDescent="0.15">
      <c r="A33" s="8">
        <v>23</v>
      </c>
      <c r="B33" s="21">
        <v>10</v>
      </c>
      <c r="C33" s="6">
        <v>7</v>
      </c>
      <c r="D33" s="5">
        <v>17</v>
      </c>
    </row>
    <row r="34" spans="1:4" ht="18" customHeight="1" x14ac:dyDescent="0.15">
      <c r="A34" s="8">
        <v>24</v>
      </c>
      <c r="B34" s="21">
        <v>9</v>
      </c>
      <c r="C34" s="6">
        <v>6</v>
      </c>
      <c r="D34" s="5">
        <v>15</v>
      </c>
    </row>
    <row r="35" spans="1:4" ht="18" customHeight="1" x14ac:dyDescent="0.15">
      <c r="A35" s="8" t="s">
        <v>20</v>
      </c>
      <c r="B35" s="21">
        <v>56</v>
      </c>
      <c r="C35" s="6">
        <v>41</v>
      </c>
      <c r="D35" s="5">
        <v>97</v>
      </c>
    </row>
    <row r="36" spans="1:4" ht="18" customHeight="1" x14ac:dyDescent="0.15">
      <c r="A36" s="8">
        <v>25</v>
      </c>
      <c r="B36" s="21">
        <v>3</v>
      </c>
      <c r="C36" s="6">
        <v>9</v>
      </c>
      <c r="D36" s="5">
        <v>12</v>
      </c>
    </row>
    <row r="37" spans="1:4" ht="18" customHeight="1" x14ac:dyDescent="0.15">
      <c r="A37" s="8">
        <v>26</v>
      </c>
      <c r="B37" s="21">
        <v>8</v>
      </c>
      <c r="C37" s="6">
        <v>7</v>
      </c>
      <c r="D37" s="5">
        <v>15</v>
      </c>
    </row>
    <row r="38" spans="1:4" ht="18" customHeight="1" x14ac:dyDescent="0.15">
      <c r="A38" s="8">
        <v>27</v>
      </c>
      <c r="B38" s="21">
        <v>7</v>
      </c>
      <c r="C38" s="6">
        <v>5</v>
      </c>
      <c r="D38" s="5">
        <v>12</v>
      </c>
    </row>
    <row r="39" spans="1:4" ht="18" customHeight="1" x14ac:dyDescent="0.15">
      <c r="A39" s="8">
        <v>28</v>
      </c>
      <c r="B39" s="21">
        <v>7</v>
      </c>
      <c r="C39" s="6">
        <v>9</v>
      </c>
      <c r="D39" s="5">
        <v>16</v>
      </c>
    </row>
    <row r="40" spans="1:4" ht="18" customHeight="1" x14ac:dyDescent="0.15">
      <c r="A40" s="8">
        <v>29</v>
      </c>
      <c r="B40" s="21">
        <v>6</v>
      </c>
      <c r="C40" s="6">
        <v>2</v>
      </c>
      <c r="D40" s="5">
        <v>8</v>
      </c>
    </row>
    <row r="41" spans="1:4" ht="18" customHeight="1" x14ac:dyDescent="0.15">
      <c r="A41" s="8" t="s">
        <v>19</v>
      </c>
      <c r="B41" s="21">
        <v>31</v>
      </c>
      <c r="C41" s="6">
        <v>32</v>
      </c>
      <c r="D41" s="5">
        <v>63</v>
      </c>
    </row>
    <row r="42" spans="1:4" ht="18" customHeight="1" x14ac:dyDescent="0.15">
      <c r="A42" s="8">
        <v>30</v>
      </c>
      <c r="B42" s="21">
        <v>5</v>
      </c>
      <c r="C42" s="6">
        <v>6</v>
      </c>
      <c r="D42" s="5">
        <v>11</v>
      </c>
    </row>
    <row r="43" spans="1:4" ht="18" customHeight="1" x14ac:dyDescent="0.15">
      <c r="A43" s="8">
        <v>31</v>
      </c>
      <c r="B43" s="21">
        <v>5</v>
      </c>
      <c r="C43" s="6">
        <v>7</v>
      </c>
      <c r="D43" s="5">
        <v>12</v>
      </c>
    </row>
    <row r="44" spans="1:4" ht="18" customHeight="1" x14ac:dyDescent="0.15">
      <c r="A44" s="8">
        <v>32</v>
      </c>
      <c r="B44" s="21">
        <v>7</v>
      </c>
      <c r="C44" s="6">
        <v>6</v>
      </c>
      <c r="D44" s="5">
        <v>13</v>
      </c>
    </row>
    <row r="45" spans="1:4" ht="18" customHeight="1" x14ac:dyDescent="0.15">
      <c r="A45" s="8">
        <v>33</v>
      </c>
      <c r="B45" s="21">
        <v>7</v>
      </c>
      <c r="C45" s="6">
        <v>10</v>
      </c>
      <c r="D45" s="5">
        <v>17</v>
      </c>
    </row>
    <row r="46" spans="1:4" ht="18" customHeight="1" x14ac:dyDescent="0.15">
      <c r="A46" s="8">
        <v>34</v>
      </c>
      <c r="B46" s="21">
        <v>9</v>
      </c>
      <c r="C46" s="6">
        <v>12</v>
      </c>
      <c r="D46" s="5">
        <v>21</v>
      </c>
    </row>
    <row r="47" spans="1:4" ht="18" customHeight="1" x14ac:dyDescent="0.15">
      <c r="A47" s="8" t="s">
        <v>18</v>
      </c>
      <c r="B47" s="21">
        <v>33</v>
      </c>
      <c r="C47" s="6">
        <v>41</v>
      </c>
      <c r="D47" s="5">
        <v>74</v>
      </c>
    </row>
    <row r="48" spans="1:4" ht="18" customHeight="1" x14ac:dyDescent="0.15">
      <c r="A48" s="8">
        <v>35</v>
      </c>
      <c r="B48" s="21">
        <v>7</v>
      </c>
      <c r="C48" s="6">
        <v>9</v>
      </c>
      <c r="D48" s="5">
        <v>16</v>
      </c>
    </row>
    <row r="49" spans="1:4" ht="18" customHeight="1" x14ac:dyDescent="0.15">
      <c r="A49" s="8">
        <v>36</v>
      </c>
      <c r="B49" s="21">
        <v>6</v>
      </c>
      <c r="C49" s="6">
        <v>5</v>
      </c>
      <c r="D49" s="5">
        <v>11</v>
      </c>
    </row>
    <row r="50" spans="1:4" ht="18" customHeight="1" x14ac:dyDescent="0.15">
      <c r="A50" s="8">
        <v>37</v>
      </c>
      <c r="B50" s="21">
        <v>6</v>
      </c>
      <c r="C50" s="6">
        <v>8</v>
      </c>
      <c r="D50" s="5">
        <v>14</v>
      </c>
    </row>
    <row r="51" spans="1:4" ht="18" customHeight="1" x14ac:dyDescent="0.15">
      <c r="A51" s="8">
        <v>38</v>
      </c>
      <c r="B51" s="21">
        <v>8</v>
      </c>
      <c r="C51" s="6">
        <v>8</v>
      </c>
      <c r="D51" s="5">
        <v>16</v>
      </c>
    </row>
    <row r="52" spans="1:4" ht="18" customHeight="1" x14ac:dyDescent="0.15">
      <c r="A52" s="8">
        <v>39</v>
      </c>
      <c r="B52" s="21">
        <v>7</v>
      </c>
      <c r="C52" s="6">
        <v>5</v>
      </c>
      <c r="D52" s="5">
        <v>12</v>
      </c>
    </row>
    <row r="53" spans="1:4" ht="18" customHeight="1" x14ac:dyDescent="0.15">
      <c r="A53" s="8" t="s">
        <v>17</v>
      </c>
      <c r="B53" s="21">
        <v>34</v>
      </c>
      <c r="C53" s="6">
        <v>35</v>
      </c>
      <c r="D53" s="5">
        <v>69</v>
      </c>
    </row>
    <row r="54" spans="1:4" ht="18" customHeight="1" x14ac:dyDescent="0.15">
      <c r="A54" s="8">
        <v>40</v>
      </c>
      <c r="B54" s="21">
        <v>8</v>
      </c>
      <c r="C54" s="6">
        <v>10</v>
      </c>
      <c r="D54" s="5">
        <v>18</v>
      </c>
    </row>
    <row r="55" spans="1:4" ht="18" customHeight="1" x14ac:dyDescent="0.15">
      <c r="A55" s="8">
        <v>41</v>
      </c>
      <c r="B55" s="21">
        <v>14</v>
      </c>
      <c r="C55" s="6">
        <v>5</v>
      </c>
      <c r="D55" s="5">
        <v>19</v>
      </c>
    </row>
    <row r="56" spans="1:4" ht="18" customHeight="1" x14ac:dyDescent="0.15">
      <c r="A56" s="8">
        <v>42</v>
      </c>
      <c r="B56" s="21">
        <v>12</v>
      </c>
      <c r="C56" s="6">
        <v>13</v>
      </c>
      <c r="D56" s="5">
        <v>25</v>
      </c>
    </row>
    <row r="57" spans="1:4" ht="18" customHeight="1" x14ac:dyDescent="0.15">
      <c r="A57" s="8">
        <v>43</v>
      </c>
      <c r="B57" s="21">
        <v>11</v>
      </c>
      <c r="C57" s="6">
        <v>10</v>
      </c>
      <c r="D57" s="5">
        <v>21</v>
      </c>
    </row>
    <row r="58" spans="1:4" ht="18" customHeight="1" x14ac:dyDescent="0.15">
      <c r="A58" s="8">
        <v>44</v>
      </c>
      <c r="B58" s="21">
        <v>5</v>
      </c>
      <c r="C58" s="6">
        <v>13</v>
      </c>
      <c r="D58" s="5">
        <v>18</v>
      </c>
    </row>
    <row r="59" spans="1:4" ht="18" customHeight="1" x14ac:dyDescent="0.15">
      <c r="A59" s="8" t="s">
        <v>16</v>
      </c>
      <c r="B59" s="21">
        <v>50</v>
      </c>
      <c r="C59" s="6">
        <v>51</v>
      </c>
      <c r="D59" s="5">
        <v>101</v>
      </c>
    </row>
    <row r="60" spans="1:4" ht="18" customHeight="1" x14ac:dyDescent="0.15">
      <c r="A60" s="8">
        <v>45</v>
      </c>
      <c r="B60" s="21">
        <v>15</v>
      </c>
      <c r="C60" s="6">
        <v>14</v>
      </c>
      <c r="D60" s="5">
        <v>29</v>
      </c>
    </row>
    <row r="61" spans="1:4" ht="18" customHeight="1" x14ac:dyDescent="0.15">
      <c r="A61" s="8">
        <v>46</v>
      </c>
      <c r="B61" s="21">
        <v>21</v>
      </c>
      <c r="C61" s="6">
        <v>14</v>
      </c>
      <c r="D61" s="5">
        <v>35</v>
      </c>
    </row>
    <row r="62" spans="1:4" ht="18" customHeight="1" x14ac:dyDescent="0.15">
      <c r="A62" s="8">
        <v>47</v>
      </c>
      <c r="B62" s="21">
        <v>16</v>
      </c>
      <c r="C62" s="6">
        <v>15</v>
      </c>
      <c r="D62" s="5">
        <v>31</v>
      </c>
    </row>
    <row r="63" spans="1:4" ht="18" customHeight="1" x14ac:dyDescent="0.15">
      <c r="A63" s="8">
        <v>48</v>
      </c>
      <c r="B63" s="21">
        <v>17</v>
      </c>
      <c r="C63" s="6">
        <v>15</v>
      </c>
      <c r="D63" s="5">
        <v>32</v>
      </c>
    </row>
    <row r="64" spans="1:4" ht="18" customHeight="1" x14ac:dyDescent="0.15">
      <c r="A64" s="8">
        <v>49</v>
      </c>
      <c r="B64" s="21">
        <v>11</v>
      </c>
      <c r="C64" s="6">
        <v>12</v>
      </c>
      <c r="D64" s="5">
        <v>23</v>
      </c>
    </row>
    <row r="65" spans="1:4" ht="18" customHeight="1" x14ac:dyDescent="0.15">
      <c r="A65" s="8" t="s">
        <v>15</v>
      </c>
      <c r="B65" s="21">
        <v>80</v>
      </c>
      <c r="C65" s="6">
        <v>70</v>
      </c>
      <c r="D65" s="5">
        <v>150</v>
      </c>
    </row>
    <row r="66" spans="1:4" ht="18" customHeight="1" x14ac:dyDescent="0.15">
      <c r="A66" s="8">
        <v>50</v>
      </c>
      <c r="B66" s="21">
        <v>20</v>
      </c>
      <c r="C66" s="6">
        <v>14</v>
      </c>
      <c r="D66" s="5">
        <v>34</v>
      </c>
    </row>
    <row r="67" spans="1:4" ht="18" customHeight="1" x14ac:dyDescent="0.15">
      <c r="A67" s="8">
        <v>51</v>
      </c>
      <c r="B67" s="21">
        <v>18</v>
      </c>
      <c r="C67" s="6">
        <v>21</v>
      </c>
      <c r="D67" s="5">
        <v>39</v>
      </c>
    </row>
    <row r="68" spans="1:4" ht="18" customHeight="1" x14ac:dyDescent="0.15">
      <c r="A68" s="8">
        <v>52</v>
      </c>
      <c r="B68" s="21">
        <v>19</v>
      </c>
      <c r="C68" s="6">
        <v>23</v>
      </c>
      <c r="D68" s="5">
        <v>42</v>
      </c>
    </row>
    <row r="69" spans="1:4" ht="18" customHeight="1" x14ac:dyDescent="0.15">
      <c r="A69" s="8">
        <v>53</v>
      </c>
      <c r="B69" s="21">
        <v>18</v>
      </c>
      <c r="C69" s="6">
        <v>17</v>
      </c>
      <c r="D69" s="5">
        <v>35</v>
      </c>
    </row>
    <row r="70" spans="1:4" ht="18" customHeight="1" x14ac:dyDescent="0.15">
      <c r="A70" s="8">
        <v>54</v>
      </c>
      <c r="B70" s="21">
        <v>27</v>
      </c>
      <c r="C70" s="6">
        <v>23</v>
      </c>
      <c r="D70" s="5">
        <v>50</v>
      </c>
    </row>
    <row r="71" spans="1:4" ht="18" customHeight="1" x14ac:dyDescent="0.15">
      <c r="A71" s="8" t="s">
        <v>14</v>
      </c>
      <c r="B71" s="21">
        <v>102</v>
      </c>
      <c r="C71" s="6">
        <v>98</v>
      </c>
      <c r="D71" s="5">
        <v>200</v>
      </c>
    </row>
    <row r="72" spans="1:4" ht="18" customHeight="1" x14ac:dyDescent="0.15">
      <c r="A72" s="8">
        <v>55</v>
      </c>
      <c r="B72" s="21">
        <v>16</v>
      </c>
      <c r="C72" s="6">
        <v>14</v>
      </c>
      <c r="D72" s="5">
        <v>30</v>
      </c>
    </row>
    <row r="73" spans="1:4" ht="18" customHeight="1" x14ac:dyDescent="0.15">
      <c r="A73" s="8">
        <v>56</v>
      </c>
      <c r="B73" s="21">
        <v>9</v>
      </c>
      <c r="C73" s="6">
        <v>15</v>
      </c>
      <c r="D73" s="5">
        <v>24</v>
      </c>
    </row>
    <row r="74" spans="1:4" ht="18" customHeight="1" x14ac:dyDescent="0.15">
      <c r="A74" s="8">
        <v>57</v>
      </c>
      <c r="B74" s="21">
        <v>22</v>
      </c>
      <c r="C74" s="6">
        <v>14</v>
      </c>
      <c r="D74" s="5">
        <v>36</v>
      </c>
    </row>
    <row r="75" spans="1:4" ht="18" customHeight="1" x14ac:dyDescent="0.15">
      <c r="A75" s="8">
        <v>58</v>
      </c>
      <c r="B75" s="21">
        <v>13</v>
      </c>
      <c r="C75" s="6">
        <v>15</v>
      </c>
      <c r="D75" s="5">
        <v>28</v>
      </c>
    </row>
    <row r="76" spans="1:4" ht="18" customHeight="1" x14ac:dyDescent="0.15">
      <c r="A76" s="8">
        <v>59</v>
      </c>
      <c r="B76" s="21">
        <v>11</v>
      </c>
      <c r="C76" s="6">
        <v>13</v>
      </c>
      <c r="D76" s="5">
        <v>24</v>
      </c>
    </row>
    <row r="77" spans="1:4" ht="18" customHeight="1" x14ac:dyDescent="0.15">
      <c r="A77" s="8" t="s">
        <v>13</v>
      </c>
      <c r="B77" s="21">
        <v>71</v>
      </c>
      <c r="C77" s="6">
        <v>71</v>
      </c>
      <c r="D77" s="5">
        <v>142</v>
      </c>
    </row>
    <row r="78" spans="1:4" ht="18" customHeight="1" x14ac:dyDescent="0.15">
      <c r="A78" s="8">
        <v>60</v>
      </c>
      <c r="B78" s="21">
        <v>23</v>
      </c>
      <c r="C78" s="6">
        <v>20</v>
      </c>
      <c r="D78" s="5">
        <v>43</v>
      </c>
    </row>
    <row r="79" spans="1:4" ht="18" customHeight="1" x14ac:dyDescent="0.15">
      <c r="A79" s="8">
        <v>61</v>
      </c>
      <c r="B79" s="21">
        <v>15</v>
      </c>
      <c r="C79" s="6">
        <v>8</v>
      </c>
      <c r="D79" s="5">
        <v>23</v>
      </c>
    </row>
    <row r="80" spans="1:4" ht="18" customHeight="1" x14ac:dyDescent="0.15">
      <c r="A80" s="8">
        <v>62</v>
      </c>
      <c r="B80" s="21">
        <v>16</v>
      </c>
      <c r="C80" s="6">
        <v>10</v>
      </c>
      <c r="D80" s="5">
        <v>26</v>
      </c>
    </row>
    <row r="81" spans="1:4" ht="18" customHeight="1" x14ac:dyDescent="0.15">
      <c r="A81" s="8">
        <v>63</v>
      </c>
      <c r="B81" s="21">
        <v>11</v>
      </c>
      <c r="C81" s="6">
        <v>8</v>
      </c>
      <c r="D81" s="5">
        <v>19</v>
      </c>
    </row>
    <row r="82" spans="1:4" ht="18" customHeight="1" x14ac:dyDescent="0.15">
      <c r="A82" s="8">
        <v>64</v>
      </c>
      <c r="B82" s="21">
        <v>11</v>
      </c>
      <c r="C82" s="6">
        <v>12</v>
      </c>
      <c r="D82" s="5">
        <v>23</v>
      </c>
    </row>
    <row r="83" spans="1:4" ht="18" customHeight="1" x14ac:dyDescent="0.15">
      <c r="A83" s="8" t="s">
        <v>12</v>
      </c>
      <c r="B83" s="21">
        <v>76</v>
      </c>
      <c r="C83" s="6">
        <v>58</v>
      </c>
      <c r="D83" s="5">
        <v>134</v>
      </c>
    </row>
    <row r="84" spans="1:4" ht="18" customHeight="1" x14ac:dyDescent="0.15">
      <c r="A84" s="8" t="s">
        <v>11</v>
      </c>
      <c r="B84" s="21">
        <v>571</v>
      </c>
      <c r="C84" s="6">
        <v>545</v>
      </c>
      <c r="D84" s="5">
        <v>1116</v>
      </c>
    </row>
    <row r="85" spans="1:4" ht="18" customHeight="1" x14ac:dyDescent="0.15">
      <c r="A85" s="8">
        <v>65</v>
      </c>
      <c r="B85" s="21">
        <v>16</v>
      </c>
      <c r="C85" s="6">
        <v>10</v>
      </c>
      <c r="D85" s="5">
        <v>26</v>
      </c>
    </row>
    <row r="86" spans="1:4" ht="18" customHeight="1" x14ac:dyDescent="0.15">
      <c r="A86" s="8">
        <v>66</v>
      </c>
      <c r="B86" s="21">
        <v>12</v>
      </c>
      <c r="C86" s="6">
        <v>13</v>
      </c>
      <c r="D86" s="5">
        <v>25</v>
      </c>
    </row>
    <row r="87" spans="1:4" ht="18" customHeight="1" x14ac:dyDescent="0.15">
      <c r="A87" s="8">
        <v>67</v>
      </c>
      <c r="B87" s="21">
        <v>17</v>
      </c>
      <c r="C87" s="6">
        <v>17</v>
      </c>
      <c r="D87" s="5">
        <v>34</v>
      </c>
    </row>
    <row r="88" spans="1:4" ht="18" customHeight="1" x14ac:dyDescent="0.15">
      <c r="A88" s="8">
        <v>68</v>
      </c>
      <c r="B88" s="21">
        <v>11</v>
      </c>
      <c r="C88" s="6">
        <v>16</v>
      </c>
      <c r="D88" s="5">
        <v>27</v>
      </c>
    </row>
    <row r="89" spans="1:4" ht="18" customHeight="1" x14ac:dyDescent="0.15">
      <c r="A89" s="8">
        <v>69</v>
      </c>
      <c r="B89" s="21">
        <v>4</v>
      </c>
      <c r="C89" s="6">
        <v>18</v>
      </c>
      <c r="D89" s="5">
        <v>22</v>
      </c>
    </row>
    <row r="90" spans="1:4" ht="18" customHeight="1" x14ac:dyDescent="0.15">
      <c r="A90" s="8" t="s">
        <v>10</v>
      </c>
      <c r="B90" s="21">
        <v>60</v>
      </c>
      <c r="C90" s="6">
        <v>74</v>
      </c>
      <c r="D90" s="5">
        <v>134</v>
      </c>
    </row>
    <row r="91" spans="1:4" ht="18" customHeight="1" x14ac:dyDescent="0.15">
      <c r="A91" s="8">
        <v>70</v>
      </c>
      <c r="B91" s="21">
        <v>15</v>
      </c>
      <c r="C91" s="6">
        <v>16</v>
      </c>
      <c r="D91" s="5">
        <v>31</v>
      </c>
    </row>
    <row r="92" spans="1:4" ht="18" customHeight="1" x14ac:dyDescent="0.15">
      <c r="A92" s="8">
        <v>71</v>
      </c>
      <c r="B92" s="21">
        <v>12</v>
      </c>
      <c r="C92" s="6">
        <v>27</v>
      </c>
      <c r="D92" s="5">
        <v>39</v>
      </c>
    </row>
    <row r="93" spans="1:4" ht="18" customHeight="1" x14ac:dyDescent="0.15">
      <c r="A93" s="8">
        <v>72</v>
      </c>
      <c r="B93" s="21">
        <v>14</v>
      </c>
      <c r="C93" s="6">
        <v>30</v>
      </c>
      <c r="D93" s="5">
        <v>44</v>
      </c>
    </row>
    <row r="94" spans="1:4" ht="18" customHeight="1" x14ac:dyDescent="0.15">
      <c r="A94" s="8">
        <v>73</v>
      </c>
      <c r="B94" s="21">
        <v>27</v>
      </c>
      <c r="C94" s="6">
        <v>22</v>
      </c>
      <c r="D94" s="5">
        <v>49</v>
      </c>
    </row>
    <row r="95" spans="1:4" ht="18" customHeight="1" x14ac:dyDescent="0.15">
      <c r="A95" s="8">
        <v>74</v>
      </c>
      <c r="B95" s="21">
        <v>32</v>
      </c>
      <c r="C95" s="6">
        <v>21</v>
      </c>
      <c r="D95" s="5">
        <v>53</v>
      </c>
    </row>
    <row r="96" spans="1:4" ht="18" customHeight="1" x14ac:dyDescent="0.15">
      <c r="A96" s="8" t="s">
        <v>9</v>
      </c>
      <c r="B96" s="21">
        <v>100</v>
      </c>
      <c r="C96" s="6">
        <v>116</v>
      </c>
      <c r="D96" s="5">
        <v>216</v>
      </c>
    </row>
    <row r="97" spans="1:4" ht="18" customHeight="1" x14ac:dyDescent="0.15">
      <c r="A97" s="8">
        <v>75</v>
      </c>
      <c r="B97" s="21">
        <v>22</v>
      </c>
      <c r="C97" s="6">
        <v>25</v>
      </c>
      <c r="D97" s="5">
        <v>47</v>
      </c>
    </row>
    <row r="98" spans="1:4" ht="18" customHeight="1" x14ac:dyDescent="0.15">
      <c r="A98" s="8">
        <v>76</v>
      </c>
      <c r="B98" s="21">
        <v>32</v>
      </c>
      <c r="C98" s="6">
        <v>34</v>
      </c>
      <c r="D98" s="5">
        <v>66</v>
      </c>
    </row>
    <row r="99" spans="1:4" ht="18" customHeight="1" x14ac:dyDescent="0.15">
      <c r="A99" s="8">
        <v>77</v>
      </c>
      <c r="B99" s="21">
        <v>29</v>
      </c>
      <c r="C99" s="6">
        <v>26</v>
      </c>
      <c r="D99" s="5">
        <v>55</v>
      </c>
    </row>
    <row r="100" spans="1:4" ht="18" customHeight="1" x14ac:dyDescent="0.15">
      <c r="A100" s="8">
        <v>78</v>
      </c>
      <c r="B100" s="21">
        <v>21</v>
      </c>
      <c r="C100" s="6">
        <v>31</v>
      </c>
      <c r="D100" s="5">
        <v>52</v>
      </c>
    </row>
    <row r="101" spans="1:4" ht="18" customHeight="1" x14ac:dyDescent="0.15">
      <c r="A101" s="8">
        <v>79</v>
      </c>
      <c r="B101" s="21">
        <v>20</v>
      </c>
      <c r="C101" s="6">
        <v>29</v>
      </c>
      <c r="D101" s="5">
        <v>49</v>
      </c>
    </row>
    <row r="102" spans="1:4" ht="18" customHeight="1" x14ac:dyDescent="0.15">
      <c r="A102" s="8" t="s">
        <v>8</v>
      </c>
      <c r="B102" s="21">
        <v>124</v>
      </c>
      <c r="C102" s="6">
        <v>145</v>
      </c>
      <c r="D102" s="5">
        <v>269</v>
      </c>
    </row>
    <row r="103" spans="1:4" ht="18" customHeight="1" x14ac:dyDescent="0.15">
      <c r="A103" s="8">
        <v>80</v>
      </c>
      <c r="B103" s="21">
        <v>9</v>
      </c>
      <c r="C103" s="6">
        <v>25</v>
      </c>
      <c r="D103" s="5">
        <v>34</v>
      </c>
    </row>
    <row r="104" spans="1:4" ht="18" customHeight="1" x14ac:dyDescent="0.15">
      <c r="A104" s="8">
        <v>81</v>
      </c>
      <c r="B104" s="21">
        <v>17</v>
      </c>
      <c r="C104" s="6">
        <v>27</v>
      </c>
      <c r="D104" s="5">
        <v>44</v>
      </c>
    </row>
    <row r="105" spans="1:4" ht="18" customHeight="1" x14ac:dyDescent="0.15">
      <c r="A105" s="8">
        <v>82</v>
      </c>
      <c r="B105" s="21">
        <v>14</v>
      </c>
      <c r="C105" s="6">
        <v>21</v>
      </c>
      <c r="D105" s="5">
        <v>35</v>
      </c>
    </row>
    <row r="106" spans="1:4" ht="18" customHeight="1" x14ac:dyDescent="0.15">
      <c r="A106" s="8">
        <v>83</v>
      </c>
      <c r="B106" s="21">
        <v>11</v>
      </c>
      <c r="C106" s="6">
        <v>25</v>
      </c>
      <c r="D106" s="5">
        <v>36</v>
      </c>
    </row>
    <row r="107" spans="1:4" ht="18" customHeight="1" x14ac:dyDescent="0.15">
      <c r="A107" s="8">
        <v>84</v>
      </c>
      <c r="B107" s="21">
        <v>12</v>
      </c>
      <c r="C107" s="6">
        <v>22</v>
      </c>
      <c r="D107" s="5">
        <v>34</v>
      </c>
    </row>
    <row r="108" spans="1:4" ht="18" customHeight="1" x14ac:dyDescent="0.15">
      <c r="A108" s="8" t="s">
        <v>7</v>
      </c>
      <c r="B108" s="21">
        <v>63</v>
      </c>
      <c r="C108" s="6">
        <v>120</v>
      </c>
      <c r="D108" s="5">
        <v>183</v>
      </c>
    </row>
    <row r="109" spans="1:4" ht="18" customHeight="1" x14ac:dyDescent="0.15">
      <c r="A109" s="8">
        <v>85</v>
      </c>
      <c r="B109" s="21">
        <v>14</v>
      </c>
      <c r="C109" s="6">
        <v>14</v>
      </c>
      <c r="D109" s="5">
        <v>28</v>
      </c>
    </row>
    <row r="110" spans="1:4" ht="18" customHeight="1" x14ac:dyDescent="0.15">
      <c r="A110" s="8">
        <v>86</v>
      </c>
      <c r="B110" s="21">
        <v>8</v>
      </c>
      <c r="C110" s="6">
        <v>11</v>
      </c>
      <c r="D110" s="5">
        <v>19</v>
      </c>
    </row>
    <row r="111" spans="1:4" ht="18" customHeight="1" x14ac:dyDescent="0.15">
      <c r="A111" s="8">
        <v>87</v>
      </c>
      <c r="B111" s="21">
        <v>10</v>
      </c>
      <c r="C111" s="6">
        <v>14</v>
      </c>
      <c r="D111" s="5">
        <v>24</v>
      </c>
    </row>
    <row r="112" spans="1:4" ht="18" customHeight="1" x14ac:dyDescent="0.15">
      <c r="A112" s="8">
        <v>88</v>
      </c>
      <c r="B112" s="21">
        <v>10</v>
      </c>
      <c r="C112" s="6">
        <v>15</v>
      </c>
      <c r="D112" s="5">
        <v>25</v>
      </c>
    </row>
    <row r="113" spans="1:4" ht="18" customHeight="1" x14ac:dyDescent="0.15">
      <c r="A113" s="8">
        <v>89</v>
      </c>
      <c r="B113" s="21">
        <v>4</v>
      </c>
      <c r="C113" s="6">
        <v>14</v>
      </c>
      <c r="D113" s="5">
        <v>18</v>
      </c>
    </row>
    <row r="114" spans="1:4" ht="18" customHeight="1" x14ac:dyDescent="0.15">
      <c r="A114" s="8" t="s">
        <v>6</v>
      </c>
      <c r="B114" s="21">
        <v>46</v>
      </c>
      <c r="C114" s="6">
        <v>68</v>
      </c>
      <c r="D114" s="5">
        <v>114</v>
      </c>
    </row>
    <row r="115" spans="1:4" ht="18" customHeight="1" x14ac:dyDescent="0.15">
      <c r="A115" s="8">
        <v>90</v>
      </c>
      <c r="B115" s="21">
        <v>3</v>
      </c>
      <c r="C115" s="6">
        <v>12</v>
      </c>
      <c r="D115" s="5">
        <v>15</v>
      </c>
    </row>
    <row r="116" spans="1:4" ht="18" customHeight="1" x14ac:dyDescent="0.15">
      <c r="A116" s="8">
        <v>91</v>
      </c>
      <c r="B116" s="21">
        <v>2</v>
      </c>
      <c r="C116" s="6">
        <v>12</v>
      </c>
      <c r="D116" s="5">
        <v>14</v>
      </c>
    </row>
    <row r="117" spans="1:4" ht="18" customHeight="1" x14ac:dyDescent="0.15">
      <c r="A117" s="8">
        <v>92</v>
      </c>
      <c r="B117" s="21">
        <v>2</v>
      </c>
      <c r="C117" s="6">
        <v>6</v>
      </c>
      <c r="D117" s="5">
        <v>8</v>
      </c>
    </row>
    <row r="118" spans="1:4" ht="18" customHeight="1" x14ac:dyDescent="0.15">
      <c r="A118" s="8">
        <v>93</v>
      </c>
      <c r="B118" s="21">
        <v>3</v>
      </c>
      <c r="C118" s="6">
        <v>6</v>
      </c>
      <c r="D118" s="5">
        <v>9</v>
      </c>
    </row>
    <row r="119" spans="1:4" ht="18" customHeight="1" x14ac:dyDescent="0.15">
      <c r="A119" s="8">
        <v>94</v>
      </c>
      <c r="B119" s="21">
        <v>3</v>
      </c>
      <c r="C119" s="6">
        <v>8</v>
      </c>
      <c r="D119" s="5">
        <v>11</v>
      </c>
    </row>
    <row r="120" spans="1:4" ht="18" customHeight="1" x14ac:dyDescent="0.15">
      <c r="A120" s="8" t="s">
        <v>5</v>
      </c>
      <c r="B120" s="21">
        <v>13</v>
      </c>
      <c r="C120" s="6">
        <v>44</v>
      </c>
      <c r="D120" s="5">
        <v>57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1</v>
      </c>
      <c r="C122" s="6">
        <v>7</v>
      </c>
      <c r="D122" s="5">
        <v>8</v>
      </c>
    </row>
    <row r="123" spans="1:4" ht="18" customHeight="1" x14ac:dyDescent="0.15">
      <c r="A123" s="8">
        <v>97</v>
      </c>
      <c r="B123" s="21">
        <v>2</v>
      </c>
      <c r="C123" s="6">
        <v>2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4</v>
      </c>
      <c r="C126" s="6">
        <v>19</v>
      </c>
      <c r="D126" s="5">
        <v>23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410</v>
      </c>
      <c r="C130" s="6">
        <v>588</v>
      </c>
      <c r="D130" s="5">
        <v>998</v>
      </c>
    </row>
    <row r="131" spans="1:4" ht="18" customHeight="1" x14ac:dyDescent="0.15">
      <c r="A131" s="4" t="s">
        <v>0</v>
      </c>
      <c r="B131" s="20">
        <v>1076</v>
      </c>
      <c r="C131" s="2">
        <v>1211</v>
      </c>
      <c r="D131" s="1">
        <v>228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FFD752-9655-4CD4-81CD-2695284BA1D9}">
  <sheetPr codeName="Sheet3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1</v>
      </c>
      <c r="C5" s="11">
        <v>12</v>
      </c>
      <c r="D5" s="10">
        <v>23</v>
      </c>
    </row>
    <row r="6" spans="1:4" ht="18" customHeight="1" x14ac:dyDescent="0.15">
      <c r="A6" s="8">
        <v>1</v>
      </c>
      <c r="B6" s="21">
        <v>5</v>
      </c>
      <c r="C6" s="6">
        <v>11</v>
      </c>
      <c r="D6" s="5">
        <v>16</v>
      </c>
    </row>
    <row r="7" spans="1:4" ht="18" customHeight="1" x14ac:dyDescent="0.15">
      <c r="A7" s="8">
        <v>2</v>
      </c>
      <c r="B7" s="21">
        <v>8</v>
      </c>
      <c r="C7" s="6">
        <v>9</v>
      </c>
      <c r="D7" s="5">
        <v>17</v>
      </c>
    </row>
    <row r="8" spans="1:4" ht="18" customHeight="1" x14ac:dyDescent="0.15">
      <c r="A8" s="8">
        <v>3</v>
      </c>
      <c r="B8" s="21">
        <v>10</v>
      </c>
      <c r="C8" s="6">
        <v>13</v>
      </c>
      <c r="D8" s="5">
        <v>23</v>
      </c>
    </row>
    <row r="9" spans="1:4" ht="18" customHeight="1" x14ac:dyDescent="0.15">
      <c r="A9" s="8">
        <v>4</v>
      </c>
      <c r="B9" s="21">
        <v>10</v>
      </c>
      <c r="C9" s="6">
        <v>9</v>
      </c>
      <c r="D9" s="5">
        <v>19</v>
      </c>
    </row>
    <row r="10" spans="1:4" ht="18" customHeight="1" x14ac:dyDescent="0.15">
      <c r="A10" s="8" t="s">
        <v>25</v>
      </c>
      <c r="B10" s="21">
        <v>44</v>
      </c>
      <c r="C10" s="6">
        <v>54</v>
      </c>
      <c r="D10" s="5">
        <v>98</v>
      </c>
    </row>
    <row r="11" spans="1:4" ht="18" customHeight="1" x14ac:dyDescent="0.15">
      <c r="A11" s="8">
        <v>5</v>
      </c>
      <c r="B11" s="21">
        <v>8</v>
      </c>
      <c r="C11" s="6">
        <v>7</v>
      </c>
      <c r="D11" s="5">
        <v>15</v>
      </c>
    </row>
    <row r="12" spans="1:4" ht="18" customHeight="1" x14ac:dyDescent="0.15">
      <c r="A12" s="8">
        <v>6</v>
      </c>
      <c r="B12" s="21">
        <v>15</v>
      </c>
      <c r="C12" s="6">
        <v>4</v>
      </c>
      <c r="D12" s="5">
        <v>19</v>
      </c>
    </row>
    <row r="13" spans="1:4" ht="18" customHeight="1" x14ac:dyDescent="0.15">
      <c r="A13" s="8">
        <v>7</v>
      </c>
      <c r="B13" s="21">
        <v>11</v>
      </c>
      <c r="C13" s="6">
        <v>16</v>
      </c>
      <c r="D13" s="5">
        <v>27</v>
      </c>
    </row>
    <row r="14" spans="1:4" ht="18" customHeight="1" x14ac:dyDescent="0.15">
      <c r="A14" s="8">
        <v>8</v>
      </c>
      <c r="B14" s="21">
        <v>9</v>
      </c>
      <c r="C14" s="6">
        <v>15</v>
      </c>
      <c r="D14" s="5">
        <v>24</v>
      </c>
    </row>
    <row r="15" spans="1:4" ht="18" customHeight="1" x14ac:dyDescent="0.15">
      <c r="A15" s="8">
        <v>9</v>
      </c>
      <c r="B15" s="21">
        <v>16</v>
      </c>
      <c r="C15" s="6">
        <v>13</v>
      </c>
      <c r="D15" s="5">
        <v>29</v>
      </c>
    </row>
    <row r="16" spans="1:4" ht="18" customHeight="1" x14ac:dyDescent="0.15">
      <c r="A16" s="8" t="s">
        <v>24</v>
      </c>
      <c r="B16" s="21">
        <v>59</v>
      </c>
      <c r="C16" s="6">
        <v>55</v>
      </c>
      <c r="D16" s="5">
        <v>114</v>
      </c>
    </row>
    <row r="17" spans="1:4" ht="18" customHeight="1" x14ac:dyDescent="0.15">
      <c r="A17" s="8">
        <v>10</v>
      </c>
      <c r="B17" s="21">
        <v>10</v>
      </c>
      <c r="C17" s="6">
        <v>7</v>
      </c>
      <c r="D17" s="5">
        <v>17</v>
      </c>
    </row>
    <row r="18" spans="1:4" ht="18" customHeight="1" x14ac:dyDescent="0.15">
      <c r="A18" s="8">
        <v>11</v>
      </c>
      <c r="B18" s="21">
        <v>12</v>
      </c>
      <c r="C18" s="6">
        <v>8</v>
      </c>
      <c r="D18" s="5">
        <v>20</v>
      </c>
    </row>
    <row r="19" spans="1:4" ht="18" customHeight="1" x14ac:dyDescent="0.15">
      <c r="A19" s="8">
        <v>12</v>
      </c>
      <c r="B19" s="21">
        <v>10</v>
      </c>
      <c r="C19" s="6">
        <v>16</v>
      </c>
      <c r="D19" s="5">
        <v>26</v>
      </c>
    </row>
    <row r="20" spans="1:4" ht="18" customHeight="1" x14ac:dyDescent="0.15">
      <c r="A20" s="8">
        <v>13</v>
      </c>
      <c r="B20" s="21">
        <v>12</v>
      </c>
      <c r="C20" s="6">
        <v>9</v>
      </c>
      <c r="D20" s="5">
        <v>21</v>
      </c>
    </row>
    <row r="21" spans="1:4" ht="18" customHeight="1" x14ac:dyDescent="0.15">
      <c r="A21" s="8">
        <v>14</v>
      </c>
      <c r="B21" s="21">
        <v>9</v>
      </c>
      <c r="C21" s="6">
        <v>14</v>
      </c>
      <c r="D21" s="5">
        <v>23</v>
      </c>
    </row>
    <row r="22" spans="1:4" ht="18" customHeight="1" x14ac:dyDescent="0.15">
      <c r="A22" s="8" t="s">
        <v>23</v>
      </c>
      <c r="B22" s="21">
        <v>53</v>
      </c>
      <c r="C22" s="6">
        <v>54</v>
      </c>
      <c r="D22" s="5">
        <v>107</v>
      </c>
    </row>
    <row r="23" spans="1:4" ht="18" customHeight="1" x14ac:dyDescent="0.15">
      <c r="A23" s="8" t="s">
        <v>22</v>
      </c>
      <c r="B23" s="21">
        <v>156</v>
      </c>
      <c r="C23" s="6">
        <v>163</v>
      </c>
      <c r="D23" s="5">
        <v>319</v>
      </c>
    </row>
    <row r="24" spans="1:4" ht="18" customHeight="1" x14ac:dyDescent="0.15">
      <c r="A24" s="8">
        <v>15</v>
      </c>
      <c r="B24" s="21">
        <v>15</v>
      </c>
      <c r="C24" s="6">
        <v>12</v>
      </c>
      <c r="D24" s="5">
        <v>27</v>
      </c>
    </row>
    <row r="25" spans="1:4" ht="18" customHeight="1" x14ac:dyDescent="0.15">
      <c r="A25" s="8">
        <v>16</v>
      </c>
      <c r="B25" s="21">
        <v>11</v>
      </c>
      <c r="C25" s="6">
        <v>15</v>
      </c>
      <c r="D25" s="5">
        <v>26</v>
      </c>
    </row>
    <row r="26" spans="1:4" ht="18" customHeight="1" x14ac:dyDescent="0.15">
      <c r="A26" s="8">
        <v>17</v>
      </c>
      <c r="B26" s="21">
        <v>17</v>
      </c>
      <c r="C26" s="6">
        <v>17</v>
      </c>
      <c r="D26" s="5">
        <v>34</v>
      </c>
    </row>
    <row r="27" spans="1:4" ht="18" customHeight="1" x14ac:dyDescent="0.15">
      <c r="A27" s="8">
        <v>18</v>
      </c>
      <c r="B27" s="21">
        <v>18</v>
      </c>
      <c r="C27" s="6">
        <v>21</v>
      </c>
      <c r="D27" s="5">
        <v>39</v>
      </c>
    </row>
    <row r="28" spans="1:4" ht="18" customHeight="1" x14ac:dyDescent="0.15">
      <c r="A28" s="8">
        <v>19</v>
      </c>
      <c r="B28" s="21">
        <v>21</v>
      </c>
      <c r="C28" s="6">
        <v>19</v>
      </c>
      <c r="D28" s="5">
        <v>40</v>
      </c>
    </row>
    <row r="29" spans="1:4" ht="18" customHeight="1" x14ac:dyDescent="0.15">
      <c r="A29" s="8" t="s">
        <v>21</v>
      </c>
      <c r="B29" s="21">
        <v>82</v>
      </c>
      <c r="C29" s="6">
        <v>84</v>
      </c>
      <c r="D29" s="5">
        <v>166</v>
      </c>
    </row>
    <row r="30" spans="1:4" ht="18" customHeight="1" x14ac:dyDescent="0.15">
      <c r="A30" s="8">
        <v>20</v>
      </c>
      <c r="B30" s="21">
        <v>15</v>
      </c>
      <c r="C30" s="6">
        <v>26</v>
      </c>
      <c r="D30" s="5">
        <v>41</v>
      </c>
    </row>
    <row r="31" spans="1:4" ht="18" customHeight="1" x14ac:dyDescent="0.15">
      <c r="A31" s="8">
        <v>21</v>
      </c>
      <c r="B31" s="21">
        <v>30</v>
      </c>
      <c r="C31" s="6">
        <v>18</v>
      </c>
      <c r="D31" s="5">
        <v>48</v>
      </c>
    </row>
    <row r="32" spans="1:4" ht="18" customHeight="1" x14ac:dyDescent="0.15">
      <c r="A32" s="8">
        <v>22</v>
      </c>
      <c r="B32" s="21">
        <v>23</v>
      </c>
      <c r="C32" s="6">
        <v>18</v>
      </c>
      <c r="D32" s="5">
        <v>41</v>
      </c>
    </row>
    <row r="33" spans="1:4" ht="18" customHeight="1" x14ac:dyDescent="0.15">
      <c r="A33" s="8">
        <v>23</v>
      </c>
      <c r="B33" s="21">
        <v>28</v>
      </c>
      <c r="C33" s="6">
        <v>18</v>
      </c>
      <c r="D33" s="5">
        <v>46</v>
      </c>
    </row>
    <row r="34" spans="1:4" ht="18" customHeight="1" x14ac:dyDescent="0.15">
      <c r="A34" s="8">
        <v>24</v>
      </c>
      <c r="B34" s="21">
        <v>23</v>
      </c>
      <c r="C34" s="6">
        <v>22</v>
      </c>
      <c r="D34" s="5">
        <v>45</v>
      </c>
    </row>
    <row r="35" spans="1:4" ht="18" customHeight="1" x14ac:dyDescent="0.15">
      <c r="A35" s="8" t="s">
        <v>20</v>
      </c>
      <c r="B35" s="21">
        <v>119</v>
      </c>
      <c r="C35" s="6">
        <v>102</v>
      </c>
      <c r="D35" s="5">
        <v>221</v>
      </c>
    </row>
    <row r="36" spans="1:4" ht="18" customHeight="1" x14ac:dyDescent="0.15">
      <c r="A36" s="8">
        <v>25</v>
      </c>
      <c r="B36" s="21">
        <v>32</v>
      </c>
      <c r="C36" s="6">
        <v>20</v>
      </c>
      <c r="D36" s="5">
        <v>52</v>
      </c>
    </row>
    <row r="37" spans="1:4" ht="18" customHeight="1" x14ac:dyDescent="0.15">
      <c r="A37" s="8">
        <v>26</v>
      </c>
      <c r="B37" s="21">
        <v>21</v>
      </c>
      <c r="C37" s="6">
        <v>24</v>
      </c>
      <c r="D37" s="5">
        <v>45</v>
      </c>
    </row>
    <row r="38" spans="1:4" ht="18" customHeight="1" x14ac:dyDescent="0.15">
      <c r="A38" s="8">
        <v>27</v>
      </c>
      <c r="B38" s="21">
        <v>15</v>
      </c>
      <c r="C38" s="6">
        <v>13</v>
      </c>
      <c r="D38" s="5">
        <v>28</v>
      </c>
    </row>
    <row r="39" spans="1:4" ht="18" customHeight="1" x14ac:dyDescent="0.15">
      <c r="A39" s="8">
        <v>28</v>
      </c>
      <c r="B39" s="21">
        <v>22</v>
      </c>
      <c r="C39" s="6">
        <v>13</v>
      </c>
      <c r="D39" s="5">
        <v>35</v>
      </c>
    </row>
    <row r="40" spans="1:4" ht="18" customHeight="1" x14ac:dyDescent="0.15">
      <c r="A40" s="8">
        <v>29</v>
      </c>
      <c r="B40" s="21">
        <v>24</v>
      </c>
      <c r="C40" s="6">
        <v>14</v>
      </c>
      <c r="D40" s="5">
        <v>38</v>
      </c>
    </row>
    <row r="41" spans="1:4" ht="18" customHeight="1" x14ac:dyDescent="0.15">
      <c r="A41" s="8" t="s">
        <v>19</v>
      </c>
      <c r="B41" s="21">
        <v>114</v>
      </c>
      <c r="C41" s="6">
        <v>84</v>
      </c>
      <c r="D41" s="5">
        <v>198</v>
      </c>
    </row>
    <row r="42" spans="1:4" ht="18" customHeight="1" x14ac:dyDescent="0.15">
      <c r="A42" s="8">
        <v>30</v>
      </c>
      <c r="B42" s="21">
        <v>25</v>
      </c>
      <c r="C42" s="6">
        <v>21</v>
      </c>
      <c r="D42" s="5">
        <v>46</v>
      </c>
    </row>
    <row r="43" spans="1:4" ht="18" customHeight="1" x14ac:dyDescent="0.15">
      <c r="A43" s="8">
        <v>31</v>
      </c>
      <c r="B43" s="21">
        <v>23</v>
      </c>
      <c r="C43" s="6">
        <v>19</v>
      </c>
      <c r="D43" s="5">
        <v>42</v>
      </c>
    </row>
    <row r="44" spans="1:4" ht="18" customHeight="1" x14ac:dyDescent="0.15">
      <c r="A44" s="8">
        <v>32</v>
      </c>
      <c r="B44" s="21">
        <v>15</v>
      </c>
      <c r="C44" s="6">
        <v>16</v>
      </c>
      <c r="D44" s="5">
        <v>31</v>
      </c>
    </row>
    <row r="45" spans="1:4" ht="18" customHeight="1" x14ac:dyDescent="0.15">
      <c r="A45" s="8">
        <v>33</v>
      </c>
      <c r="B45" s="21">
        <v>14</v>
      </c>
      <c r="C45" s="6">
        <v>8</v>
      </c>
      <c r="D45" s="5">
        <v>22</v>
      </c>
    </row>
    <row r="46" spans="1:4" ht="18" customHeight="1" x14ac:dyDescent="0.15">
      <c r="A46" s="8">
        <v>34</v>
      </c>
      <c r="B46" s="21">
        <v>18</v>
      </c>
      <c r="C46" s="6">
        <v>12</v>
      </c>
      <c r="D46" s="5">
        <v>30</v>
      </c>
    </row>
    <row r="47" spans="1:4" ht="18" customHeight="1" x14ac:dyDescent="0.15">
      <c r="A47" s="8" t="s">
        <v>18</v>
      </c>
      <c r="B47" s="21">
        <v>95</v>
      </c>
      <c r="C47" s="6">
        <v>76</v>
      </c>
      <c r="D47" s="5">
        <v>171</v>
      </c>
    </row>
    <row r="48" spans="1:4" ht="18" customHeight="1" x14ac:dyDescent="0.15">
      <c r="A48" s="8">
        <v>35</v>
      </c>
      <c r="B48" s="21">
        <v>20</v>
      </c>
      <c r="C48" s="6">
        <v>15</v>
      </c>
      <c r="D48" s="5">
        <v>35</v>
      </c>
    </row>
    <row r="49" spans="1:4" ht="18" customHeight="1" x14ac:dyDescent="0.15">
      <c r="A49" s="8">
        <v>36</v>
      </c>
      <c r="B49" s="21">
        <v>18</v>
      </c>
      <c r="C49" s="6">
        <v>8</v>
      </c>
      <c r="D49" s="5">
        <v>26</v>
      </c>
    </row>
    <row r="50" spans="1:4" ht="18" customHeight="1" x14ac:dyDescent="0.15">
      <c r="A50" s="8">
        <v>37</v>
      </c>
      <c r="B50" s="21">
        <v>17</v>
      </c>
      <c r="C50" s="6">
        <v>12</v>
      </c>
      <c r="D50" s="5">
        <v>29</v>
      </c>
    </row>
    <row r="51" spans="1:4" ht="18" customHeight="1" x14ac:dyDescent="0.15">
      <c r="A51" s="8">
        <v>38</v>
      </c>
      <c r="B51" s="21">
        <v>17</v>
      </c>
      <c r="C51" s="6">
        <v>24</v>
      </c>
      <c r="D51" s="5">
        <v>41</v>
      </c>
    </row>
    <row r="52" spans="1:4" ht="18" customHeight="1" x14ac:dyDescent="0.15">
      <c r="A52" s="8">
        <v>39</v>
      </c>
      <c r="B52" s="21">
        <v>18</v>
      </c>
      <c r="C52" s="6">
        <v>15</v>
      </c>
      <c r="D52" s="5">
        <v>33</v>
      </c>
    </row>
    <row r="53" spans="1:4" ht="18" customHeight="1" x14ac:dyDescent="0.15">
      <c r="A53" s="8" t="s">
        <v>17</v>
      </c>
      <c r="B53" s="21">
        <v>90</v>
      </c>
      <c r="C53" s="6">
        <v>74</v>
      </c>
      <c r="D53" s="5">
        <v>164</v>
      </c>
    </row>
    <row r="54" spans="1:4" ht="18" customHeight="1" x14ac:dyDescent="0.15">
      <c r="A54" s="8">
        <v>40</v>
      </c>
      <c r="B54" s="21">
        <v>17</v>
      </c>
      <c r="C54" s="6">
        <v>17</v>
      </c>
      <c r="D54" s="5">
        <v>34</v>
      </c>
    </row>
    <row r="55" spans="1:4" ht="18" customHeight="1" x14ac:dyDescent="0.15">
      <c r="A55" s="8">
        <v>41</v>
      </c>
      <c r="B55" s="21">
        <v>18</v>
      </c>
      <c r="C55" s="6">
        <v>19</v>
      </c>
      <c r="D55" s="5">
        <v>37</v>
      </c>
    </row>
    <row r="56" spans="1:4" ht="18" customHeight="1" x14ac:dyDescent="0.15">
      <c r="A56" s="8">
        <v>42</v>
      </c>
      <c r="B56" s="21">
        <v>18</v>
      </c>
      <c r="C56" s="6">
        <v>16</v>
      </c>
      <c r="D56" s="5">
        <v>34</v>
      </c>
    </row>
    <row r="57" spans="1:4" ht="18" customHeight="1" x14ac:dyDescent="0.15">
      <c r="A57" s="8">
        <v>43</v>
      </c>
      <c r="B57" s="21">
        <v>16</v>
      </c>
      <c r="C57" s="6">
        <v>19</v>
      </c>
      <c r="D57" s="5">
        <v>35</v>
      </c>
    </row>
    <row r="58" spans="1:4" ht="18" customHeight="1" x14ac:dyDescent="0.15">
      <c r="A58" s="8">
        <v>44</v>
      </c>
      <c r="B58" s="21">
        <v>14</v>
      </c>
      <c r="C58" s="6">
        <v>22</v>
      </c>
      <c r="D58" s="5">
        <v>36</v>
      </c>
    </row>
    <row r="59" spans="1:4" ht="18" customHeight="1" x14ac:dyDescent="0.15">
      <c r="A59" s="8" t="s">
        <v>16</v>
      </c>
      <c r="B59" s="21">
        <v>83</v>
      </c>
      <c r="C59" s="6">
        <v>93</v>
      </c>
      <c r="D59" s="5">
        <v>176</v>
      </c>
    </row>
    <row r="60" spans="1:4" ht="18" customHeight="1" x14ac:dyDescent="0.15">
      <c r="A60" s="8">
        <v>45</v>
      </c>
      <c r="B60" s="21">
        <v>15</v>
      </c>
      <c r="C60" s="6">
        <v>20</v>
      </c>
      <c r="D60" s="5">
        <v>35</v>
      </c>
    </row>
    <row r="61" spans="1:4" ht="18" customHeight="1" x14ac:dyDescent="0.15">
      <c r="A61" s="8">
        <v>46</v>
      </c>
      <c r="B61" s="21">
        <v>22</v>
      </c>
      <c r="C61" s="6">
        <v>26</v>
      </c>
      <c r="D61" s="5">
        <v>48</v>
      </c>
    </row>
    <row r="62" spans="1:4" ht="18" customHeight="1" x14ac:dyDescent="0.15">
      <c r="A62" s="8">
        <v>47</v>
      </c>
      <c r="B62" s="21">
        <v>34</v>
      </c>
      <c r="C62" s="6">
        <v>25</v>
      </c>
      <c r="D62" s="5">
        <v>59</v>
      </c>
    </row>
    <row r="63" spans="1:4" ht="18" customHeight="1" x14ac:dyDescent="0.15">
      <c r="A63" s="8">
        <v>48</v>
      </c>
      <c r="B63" s="21">
        <v>21</v>
      </c>
      <c r="C63" s="6">
        <v>20</v>
      </c>
      <c r="D63" s="5">
        <v>41</v>
      </c>
    </row>
    <row r="64" spans="1:4" ht="18" customHeight="1" x14ac:dyDescent="0.15">
      <c r="A64" s="8">
        <v>49</v>
      </c>
      <c r="B64" s="21">
        <v>36</v>
      </c>
      <c r="C64" s="6">
        <v>25</v>
      </c>
      <c r="D64" s="5">
        <v>61</v>
      </c>
    </row>
    <row r="65" spans="1:4" ht="18" customHeight="1" x14ac:dyDescent="0.15">
      <c r="A65" s="8" t="s">
        <v>15</v>
      </c>
      <c r="B65" s="21">
        <v>128</v>
      </c>
      <c r="C65" s="6">
        <v>116</v>
      </c>
      <c r="D65" s="5">
        <v>244</v>
      </c>
    </row>
    <row r="66" spans="1:4" ht="18" customHeight="1" x14ac:dyDescent="0.15">
      <c r="A66" s="8">
        <v>50</v>
      </c>
      <c r="B66" s="21">
        <v>35</v>
      </c>
      <c r="C66" s="6">
        <v>40</v>
      </c>
      <c r="D66" s="5">
        <v>75</v>
      </c>
    </row>
    <row r="67" spans="1:4" ht="18" customHeight="1" x14ac:dyDescent="0.15">
      <c r="A67" s="8">
        <v>51</v>
      </c>
      <c r="B67" s="21">
        <v>43</v>
      </c>
      <c r="C67" s="6">
        <v>40</v>
      </c>
      <c r="D67" s="5">
        <v>83</v>
      </c>
    </row>
    <row r="68" spans="1:4" ht="18" customHeight="1" x14ac:dyDescent="0.15">
      <c r="A68" s="8">
        <v>52</v>
      </c>
      <c r="B68" s="21">
        <v>34</v>
      </c>
      <c r="C68" s="6">
        <v>32</v>
      </c>
      <c r="D68" s="5">
        <v>66</v>
      </c>
    </row>
    <row r="69" spans="1:4" ht="18" customHeight="1" x14ac:dyDescent="0.15">
      <c r="A69" s="8">
        <v>53</v>
      </c>
      <c r="B69" s="21">
        <v>24</v>
      </c>
      <c r="C69" s="6">
        <v>43</v>
      </c>
      <c r="D69" s="5">
        <v>67</v>
      </c>
    </row>
    <row r="70" spans="1:4" ht="18" customHeight="1" x14ac:dyDescent="0.15">
      <c r="A70" s="8">
        <v>54</v>
      </c>
      <c r="B70" s="21">
        <v>46</v>
      </c>
      <c r="C70" s="6">
        <v>37</v>
      </c>
      <c r="D70" s="5">
        <v>83</v>
      </c>
    </row>
    <row r="71" spans="1:4" ht="18" customHeight="1" x14ac:dyDescent="0.15">
      <c r="A71" s="8" t="s">
        <v>14</v>
      </c>
      <c r="B71" s="21">
        <v>182</v>
      </c>
      <c r="C71" s="6">
        <v>192</v>
      </c>
      <c r="D71" s="5">
        <v>374</v>
      </c>
    </row>
    <row r="72" spans="1:4" ht="18" customHeight="1" x14ac:dyDescent="0.15">
      <c r="A72" s="8">
        <v>55</v>
      </c>
      <c r="B72" s="21">
        <v>36</v>
      </c>
      <c r="C72" s="6">
        <v>27</v>
      </c>
      <c r="D72" s="5">
        <v>63</v>
      </c>
    </row>
    <row r="73" spans="1:4" ht="18" customHeight="1" x14ac:dyDescent="0.15">
      <c r="A73" s="8">
        <v>56</v>
      </c>
      <c r="B73" s="21">
        <v>33</v>
      </c>
      <c r="C73" s="6">
        <v>31</v>
      </c>
      <c r="D73" s="5">
        <v>64</v>
      </c>
    </row>
    <row r="74" spans="1:4" ht="18" customHeight="1" x14ac:dyDescent="0.15">
      <c r="A74" s="8">
        <v>57</v>
      </c>
      <c r="B74" s="21">
        <v>33</v>
      </c>
      <c r="C74" s="6">
        <v>43</v>
      </c>
      <c r="D74" s="5">
        <v>76</v>
      </c>
    </row>
    <row r="75" spans="1:4" ht="18" customHeight="1" x14ac:dyDescent="0.15">
      <c r="A75" s="8">
        <v>58</v>
      </c>
      <c r="B75" s="21">
        <v>27</v>
      </c>
      <c r="C75" s="6">
        <v>33</v>
      </c>
      <c r="D75" s="5">
        <v>60</v>
      </c>
    </row>
    <row r="76" spans="1:4" ht="18" customHeight="1" x14ac:dyDescent="0.15">
      <c r="A76" s="8">
        <v>59</v>
      </c>
      <c r="B76" s="21">
        <v>25</v>
      </c>
      <c r="C76" s="6">
        <v>22</v>
      </c>
      <c r="D76" s="5">
        <v>47</v>
      </c>
    </row>
    <row r="77" spans="1:4" ht="18" customHeight="1" x14ac:dyDescent="0.15">
      <c r="A77" s="8" t="s">
        <v>13</v>
      </c>
      <c r="B77" s="21">
        <v>154</v>
      </c>
      <c r="C77" s="6">
        <v>156</v>
      </c>
      <c r="D77" s="5">
        <v>310</v>
      </c>
    </row>
    <row r="78" spans="1:4" ht="18" customHeight="1" x14ac:dyDescent="0.15">
      <c r="A78" s="8">
        <v>60</v>
      </c>
      <c r="B78" s="21">
        <v>30</v>
      </c>
      <c r="C78" s="6">
        <v>38</v>
      </c>
      <c r="D78" s="5">
        <v>68</v>
      </c>
    </row>
    <row r="79" spans="1:4" ht="18" customHeight="1" x14ac:dyDescent="0.15">
      <c r="A79" s="8">
        <v>61</v>
      </c>
      <c r="B79" s="21">
        <v>19</v>
      </c>
      <c r="C79" s="6">
        <v>23</v>
      </c>
      <c r="D79" s="5">
        <v>42</v>
      </c>
    </row>
    <row r="80" spans="1:4" ht="18" customHeight="1" x14ac:dyDescent="0.15">
      <c r="A80" s="8">
        <v>62</v>
      </c>
      <c r="B80" s="21">
        <v>24</v>
      </c>
      <c r="C80" s="6">
        <v>25</v>
      </c>
      <c r="D80" s="5">
        <v>49</v>
      </c>
    </row>
    <row r="81" spans="1:4" ht="18" customHeight="1" x14ac:dyDescent="0.15">
      <c r="A81" s="8">
        <v>63</v>
      </c>
      <c r="B81" s="21">
        <v>20</v>
      </c>
      <c r="C81" s="6">
        <v>21</v>
      </c>
      <c r="D81" s="5">
        <v>41</v>
      </c>
    </row>
    <row r="82" spans="1:4" ht="18" customHeight="1" x14ac:dyDescent="0.15">
      <c r="A82" s="8">
        <v>64</v>
      </c>
      <c r="B82" s="21">
        <v>28</v>
      </c>
      <c r="C82" s="6">
        <v>26</v>
      </c>
      <c r="D82" s="5">
        <v>54</v>
      </c>
    </row>
    <row r="83" spans="1:4" ht="18" customHeight="1" x14ac:dyDescent="0.15">
      <c r="A83" s="8" t="s">
        <v>12</v>
      </c>
      <c r="B83" s="21">
        <v>121</v>
      </c>
      <c r="C83" s="6">
        <v>133</v>
      </c>
      <c r="D83" s="5">
        <v>254</v>
      </c>
    </row>
    <row r="84" spans="1:4" ht="18" customHeight="1" x14ac:dyDescent="0.15">
      <c r="A84" s="8" t="s">
        <v>11</v>
      </c>
      <c r="B84" s="21">
        <v>1168</v>
      </c>
      <c r="C84" s="6">
        <v>1110</v>
      </c>
      <c r="D84" s="5">
        <v>2278</v>
      </c>
    </row>
    <row r="85" spans="1:4" ht="18" customHeight="1" x14ac:dyDescent="0.15">
      <c r="A85" s="8">
        <v>65</v>
      </c>
      <c r="B85" s="21">
        <v>28</v>
      </c>
      <c r="C85" s="6">
        <v>18</v>
      </c>
      <c r="D85" s="5">
        <v>46</v>
      </c>
    </row>
    <row r="86" spans="1:4" ht="18" customHeight="1" x14ac:dyDescent="0.15">
      <c r="A86" s="8">
        <v>66</v>
      </c>
      <c r="B86" s="21">
        <v>26</v>
      </c>
      <c r="C86" s="6">
        <v>19</v>
      </c>
      <c r="D86" s="5">
        <v>45</v>
      </c>
    </row>
    <row r="87" spans="1:4" ht="18" customHeight="1" x14ac:dyDescent="0.15">
      <c r="A87" s="8">
        <v>67</v>
      </c>
      <c r="B87" s="21">
        <v>18</v>
      </c>
      <c r="C87" s="6">
        <v>21</v>
      </c>
      <c r="D87" s="5">
        <v>39</v>
      </c>
    </row>
    <row r="88" spans="1:4" ht="18" customHeight="1" x14ac:dyDescent="0.15">
      <c r="A88" s="8">
        <v>68</v>
      </c>
      <c r="B88" s="21">
        <v>20</v>
      </c>
      <c r="C88" s="6">
        <v>16</v>
      </c>
      <c r="D88" s="5">
        <v>36</v>
      </c>
    </row>
    <row r="89" spans="1:4" ht="18" customHeight="1" x14ac:dyDescent="0.15">
      <c r="A89" s="8">
        <v>69</v>
      </c>
      <c r="B89" s="21">
        <v>15</v>
      </c>
      <c r="C89" s="6">
        <v>29</v>
      </c>
      <c r="D89" s="5">
        <v>44</v>
      </c>
    </row>
    <row r="90" spans="1:4" ht="18" customHeight="1" x14ac:dyDescent="0.15">
      <c r="A90" s="8" t="s">
        <v>10</v>
      </c>
      <c r="B90" s="21">
        <v>107</v>
      </c>
      <c r="C90" s="6">
        <v>103</v>
      </c>
      <c r="D90" s="5">
        <v>210</v>
      </c>
    </row>
    <row r="91" spans="1:4" ht="18" customHeight="1" x14ac:dyDescent="0.15">
      <c r="A91" s="8">
        <v>70</v>
      </c>
      <c r="B91" s="21">
        <v>24</v>
      </c>
      <c r="C91" s="6">
        <v>24</v>
      </c>
      <c r="D91" s="5">
        <v>48</v>
      </c>
    </row>
    <row r="92" spans="1:4" ht="18" customHeight="1" x14ac:dyDescent="0.15">
      <c r="A92" s="8">
        <v>71</v>
      </c>
      <c r="B92" s="21">
        <v>24</v>
      </c>
      <c r="C92" s="6">
        <v>19</v>
      </c>
      <c r="D92" s="5">
        <v>43</v>
      </c>
    </row>
    <row r="93" spans="1:4" ht="18" customHeight="1" x14ac:dyDescent="0.15">
      <c r="A93" s="8">
        <v>72</v>
      </c>
      <c r="B93" s="21">
        <v>32</v>
      </c>
      <c r="C93" s="6">
        <v>25</v>
      </c>
      <c r="D93" s="5">
        <v>57</v>
      </c>
    </row>
    <row r="94" spans="1:4" ht="18" customHeight="1" x14ac:dyDescent="0.15">
      <c r="A94" s="8">
        <v>73</v>
      </c>
      <c r="B94" s="21">
        <v>23</v>
      </c>
      <c r="C94" s="6">
        <v>28</v>
      </c>
      <c r="D94" s="5">
        <v>51</v>
      </c>
    </row>
    <row r="95" spans="1:4" ht="18" customHeight="1" x14ac:dyDescent="0.15">
      <c r="A95" s="8">
        <v>74</v>
      </c>
      <c r="B95" s="21">
        <v>19</v>
      </c>
      <c r="C95" s="6">
        <v>33</v>
      </c>
      <c r="D95" s="5">
        <v>52</v>
      </c>
    </row>
    <row r="96" spans="1:4" ht="18" customHeight="1" x14ac:dyDescent="0.15">
      <c r="A96" s="8" t="s">
        <v>9</v>
      </c>
      <c r="B96" s="21">
        <v>122</v>
      </c>
      <c r="C96" s="6">
        <v>129</v>
      </c>
      <c r="D96" s="5">
        <v>251</v>
      </c>
    </row>
    <row r="97" spans="1:4" ht="18" customHeight="1" x14ac:dyDescent="0.15">
      <c r="A97" s="8">
        <v>75</v>
      </c>
      <c r="B97" s="21">
        <v>29</v>
      </c>
      <c r="C97" s="6">
        <v>37</v>
      </c>
      <c r="D97" s="5">
        <v>66</v>
      </c>
    </row>
    <row r="98" spans="1:4" ht="18" customHeight="1" x14ac:dyDescent="0.15">
      <c r="A98" s="8">
        <v>76</v>
      </c>
      <c r="B98" s="21">
        <v>34</v>
      </c>
      <c r="C98" s="6">
        <v>45</v>
      </c>
      <c r="D98" s="5">
        <v>79</v>
      </c>
    </row>
    <row r="99" spans="1:4" ht="18" customHeight="1" x14ac:dyDescent="0.15">
      <c r="A99" s="8">
        <v>77</v>
      </c>
      <c r="B99" s="21">
        <v>28</v>
      </c>
      <c r="C99" s="6">
        <v>43</v>
      </c>
      <c r="D99" s="5">
        <v>71</v>
      </c>
    </row>
    <row r="100" spans="1:4" ht="18" customHeight="1" x14ac:dyDescent="0.15">
      <c r="A100" s="8">
        <v>78</v>
      </c>
      <c r="B100" s="21">
        <v>37</v>
      </c>
      <c r="C100" s="6">
        <v>42</v>
      </c>
      <c r="D100" s="5">
        <v>79</v>
      </c>
    </row>
    <row r="101" spans="1:4" ht="18" customHeight="1" x14ac:dyDescent="0.15">
      <c r="A101" s="8">
        <v>79</v>
      </c>
      <c r="B101" s="21">
        <v>16</v>
      </c>
      <c r="C101" s="6">
        <v>14</v>
      </c>
      <c r="D101" s="5">
        <v>30</v>
      </c>
    </row>
    <row r="102" spans="1:4" ht="18" customHeight="1" x14ac:dyDescent="0.15">
      <c r="A102" s="8" t="s">
        <v>8</v>
      </c>
      <c r="B102" s="21">
        <v>144</v>
      </c>
      <c r="C102" s="6">
        <v>181</v>
      </c>
      <c r="D102" s="5">
        <v>325</v>
      </c>
    </row>
    <row r="103" spans="1:4" ht="18" customHeight="1" x14ac:dyDescent="0.15">
      <c r="A103" s="8">
        <v>80</v>
      </c>
      <c r="B103" s="21">
        <v>22</v>
      </c>
      <c r="C103" s="6">
        <v>22</v>
      </c>
      <c r="D103" s="5">
        <v>44</v>
      </c>
    </row>
    <row r="104" spans="1:4" ht="18" customHeight="1" x14ac:dyDescent="0.15">
      <c r="A104" s="8">
        <v>81</v>
      </c>
      <c r="B104" s="21">
        <v>26</v>
      </c>
      <c r="C104" s="6">
        <v>28</v>
      </c>
      <c r="D104" s="5">
        <v>54</v>
      </c>
    </row>
    <row r="105" spans="1:4" ht="18" customHeight="1" x14ac:dyDescent="0.15">
      <c r="A105" s="8">
        <v>82</v>
      </c>
      <c r="B105" s="21">
        <v>11</v>
      </c>
      <c r="C105" s="6">
        <v>42</v>
      </c>
      <c r="D105" s="5">
        <v>53</v>
      </c>
    </row>
    <row r="106" spans="1:4" ht="18" customHeight="1" x14ac:dyDescent="0.15">
      <c r="A106" s="8">
        <v>83</v>
      </c>
      <c r="B106" s="21">
        <v>20</v>
      </c>
      <c r="C106" s="6">
        <v>31</v>
      </c>
      <c r="D106" s="5">
        <v>51</v>
      </c>
    </row>
    <row r="107" spans="1:4" ht="18" customHeight="1" x14ac:dyDescent="0.15">
      <c r="A107" s="8">
        <v>84</v>
      </c>
      <c r="B107" s="21">
        <v>19</v>
      </c>
      <c r="C107" s="6">
        <v>35</v>
      </c>
      <c r="D107" s="5">
        <v>54</v>
      </c>
    </row>
    <row r="108" spans="1:4" ht="18" customHeight="1" x14ac:dyDescent="0.15">
      <c r="A108" s="8" t="s">
        <v>7</v>
      </c>
      <c r="B108" s="21">
        <v>98</v>
      </c>
      <c r="C108" s="6">
        <v>158</v>
      </c>
      <c r="D108" s="5">
        <v>256</v>
      </c>
    </row>
    <row r="109" spans="1:4" ht="18" customHeight="1" x14ac:dyDescent="0.15">
      <c r="A109" s="8">
        <v>85</v>
      </c>
      <c r="B109" s="21">
        <v>16</v>
      </c>
      <c r="C109" s="6">
        <v>23</v>
      </c>
      <c r="D109" s="5">
        <v>39</v>
      </c>
    </row>
    <row r="110" spans="1:4" ht="18" customHeight="1" x14ac:dyDescent="0.15">
      <c r="A110" s="8">
        <v>86</v>
      </c>
      <c r="B110" s="21">
        <v>8</v>
      </c>
      <c r="C110" s="6">
        <v>22</v>
      </c>
      <c r="D110" s="5">
        <v>30</v>
      </c>
    </row>
    <row r="111" spans="1:4" ht="18" customHeight="1" x14ac:dyDescent="0.15">
      <c r="A111" s="8">
        <v>87</v>
      </c>
      <c r="B111" s="21">
        <v>11</v>
      </c>
      <c r="C111" s="6">
        <v>22</v>
      </c>
      <c r="D111" s="5">
        <v>33</v>
      </c>
    </row>
    <row r="112" spans="1:4" ht="18" customHeight="1" x14ac:dyDescent="0.15">
      <c r="A112" s="8">
        <v>88</v>
      </c>
      <c r="B112" s="21">
        <v>11</v>
      </c>
      <c r="C112" s="6">
        <v>19</v>
      </c>
      <c r="D112" s="5">
        <v>30</v>
      </c>
    </row>
    <row r="113" spans="1:4" ht="18" customHeight="1" x14ac:dyDescent="0.15">
      <c r="A113" s="8">
        <v>89</v>
      </c>
      <c r="B113" s="21">
        <v>0</v>
      </c>
      <c r="C113" s="6">
        <v>19</v>
      </c>
      <c r="D113" s="5">
        <v>19</v>
      </c>
    </row>
    <row r="114" spans="1:4" ht="18" customHeight="1" x14ac:dyDescent="0.15">
      <c r="A114" s="8" t="s">
        <v>6</v>
      </c>
      <c r="B114" s="21">
        <v>46</v>
      </c>
      <c r="C114" s="6">
        <v>105</v>
      </c>
      <c r="D114" s="5">
        <v>151</v>
      </c>
    </row>
    <row r="115" spans="1:4" ht="18" customHeight="1" x14ac:dyDescent="0.15">
      <c r="A115" s="8">
        <v>90</v>
      </c>
      <c r="B115" s="21">
        <v>7</v>
      </c>
      <c r="C115" s="6">
        <v>20</v>
      </c>
      <c r="D115" s="5">
        <v>27</v>
      </c>
    </row>
    <row r="116" spans="1:4" ht="18" customHeight="1" x14ac:dyDescent="0.15">
      <c r="A116" s="8">
        <v>91</v>
      </c>
      <c r="B116" s="21">
        <v>3</v>
      </c>
      <c r="C116" s="6">
        <v>10</v>
      </c>
      <c r="D116" s="5">
        <v>13</v>
      </c>
    </row>
    <row r="117" spans="1:4" ht="18" customHeight="1" x14ac:dyDescent="0.15">
      <c r="A117" s="8">
        <v>92</v>
      </c>
      <c r="B117" s="21">
        <v>1</v>
      </c>
      <c r="C117" s="6">
        <v>11</v>
      </c>
      <c r="D117" s="5">
        <v>12</v>
      </c>
    </row>
    <row r="118" spans="1:4" ht="18" customHeight="1" x14ac:dyDescent="0.15">
      <c r="A118" s="8">
        <v>93</v>
      </c>
      <c r="B118" s="21">
        <v>5</v>
      </c>
      <c r="C118" s="6">
        <v>10</v>
      </c>
      <c r="D118" s="5">
        <v>15</v>
      </c>
    </row>
    <row r="119" spans="1:4" ht="18" customHeight="1" x14ac:dyDescent="0.15">
      <c r="A119" s="8">
        <v>94</v>
      </c>
      <c r="B119" s="21">
        <v>4</v>
      </c>
      <c r="C119" s="6">
        <v>10</v>
      </c>
      <c r="D119" s="5">
        <v>14</v>
      </c>
    </row>
    <row r="120" spans="1:4" ht="18" customHeight="1" x14ac:dyDescent="0.15">
      <c r="A120" s="8" t="s">
        <v>5</v>
      </c>
      <c r="B120" s="21">
        <v>20</v>
      </c>
      <c r="C120" s="6">
        <v>61</v>
      </c>
      <c r="D120" s="5">
        <v>81</v>
      </c>
    </row>
    <row r="121" spans="1:4" ht="18" customHeight="1" x14ac:dyDescent="0.15">
      <c r="A121" s="8">
        <v>95</v>
      </c>
      <c r="B121" s="21">
        <v>0</v>
      </c>
      <c r="C121" s="6">
        <v>6</v>
      </c>
      <c r="D121" s="5">
        <v>6</v>
      </c>
    </row>
    <row r="122" spans="1:4" ht="18" customHeight="1" x14ac:dyDescent="0.15">
      <c r="A122" s="8">
        <v>96</v>
      </c>
      <c r="B122" s="21">
        <v>0</v>
      </c>
      <c r="C122" s="6">
        <v>6</v>
      </c>
      <c r="D122" s="5">
        <v>6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2</v>
      </c>
      <c r="C125" s="6">
        <v>0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15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539</v>
      </c>
      <c r="C130" s="6">
        <v>755</v>
      </c>
      <c r="D130" s="5">
        <v>1294</v>
      </c>
    </row>
    <row r="131" spans="1:4" ht="18" customHeight="1" x14ac:dyDescent="0.15">
      <c r="A131" s="4" t="s">
        <v>0</v>
      </c>
      <c r="B131" s="20">
        <v>1863</v>
      </c>
      <c r="C131" s="2">
        <v>2028</v>
      </c>
      <c r="D131" s="1">
        <v>389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D589BA1-F8A8-4D26-989D-2629B7340D5E}">
  <sheetPr codeName="Sheet3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1</v>
      </c>
      <c r="C5" s="11">
        <v>39</v>
      </c>
      <c r="D5" s="10">
        <v>90</v>
      </c>
    </row>
    <row r="6" spans="1:4" ht="18" customHeight="1" x14ac:dyDescent="0.15">
      <c r="A6" s="8">
        <v>1</v>
      </c>
      <c r="B6" s="21">
        <v>53</v>
      </c>
      <c r="C6" s="6">
        <v>45</v>
      </c>
      <c r="D6" s="5">
        <v>98</v>
      </c>
    </row>
    <row r="7" spans="1:4" ht="18" customHeight="1" x14ac:dyDescent="0.15">
      <c r="A7" s="8">
        <v>2</v>
      </c>
      <c r="B7" s="21">
        <v>57</v>
      </c>
      <c r="C7" s="6">
        <v>47</v>
      </c>
      <c r="D7" s="5">
        <v>104</v>
      </c>
    </row>
    <row r="8" spans="1:4" ht="18" customHeight="1" x14ac:dyDescent="0.15">
      <c r="A8" s="8">
        <v>3</v>
      </c>
      <c r="B8" s="21">
        <v>62</v>
      </c>
      <c r="C8" s="6">
        <v>53</v>
      </c>
      <c r="D8" s="5">
        <v>115</v>
      </c>
    </row>
    <row r="9" spans="1:4" ht="18" customHeight="1" x14ac:dyDescent="0.15">
      <c r="A9" s="8">
        <v>4</v>
      </c>
      <c r="B9" s="21">
        <v>70</v>
      </c>
      <c r="C9" s="6">
        <v>61</v>
      </c>
      <c r="D9" s="5">
        <v>131</v>
      </c>
    </row>
    <row r="10" spans="1:4" ht="18" customHeight="1" x14ac:dyDescent="0.15">
      <c r="A10" s="8" t="s">
        <v>25</v>
      </c>
      <c r="B10" s="21">
        <v>293</v>
      </c>
      <c r="C10" s="6">
        <v>245</v>
      </c>
      <c r="D10" s="5">
        <v>538</v>
      </c>
    </row>
    <row r="11" spans="1:4" ht="18" customHeight="1" x14ac:dyDescent="0.15">
      <c r="A11" s="8">
        <v>5</v>
      </c>
      <c r="B11" s="21">
        <v>60</v>
      </c>
      <c r="C11" s="6">
        <v>65</v>
      </c>
      <c r="D11" s="5">
        <v>125</v>
      </c>
    </row>
    <row r="12" spans="1:4" ht="18" customHeight="1" x14ac:dyDescent="0.15">
      <c r="A12" s="8">
        <v>6</v>
      </c>
      <c r="B12" s="21">
        <v>84</v>
      </c>
      <c r="C12" s="6">
        <v>63</v>
      </c>
      <c r="D12" s="5">
        <v>147</v>
      </c>
    </row>
    <row r="13" spans="1:4" ht="18" customHeight="1" x14ac:dyDescent="0.15">
      <c r="A13" s="8">
        <v>7</v>
      </c>
      <c r="B13" s="21">
        <v>77</v>
      </c>
      <c r="C13" s="6">
        <v>67</v>
      </c>
      <c r="D13" s="5">
        <v>144</v>
      </c>
    </row>
    <row r="14" spans="1:4" ht="18" customHeight="1" x14ac:dyDescent="0.15">
      <c r="A14" s="8">
        <v>8</v>
      </c>
      <c r="B14" s="21">
        <v>63</v>
      </c>
      <c r="C14" s="6">
        <v>67</v>
      </c>
      <c r="D14" s="5">
        <v>130</v>
      </c>
    </row>
    <row r="15" spans="1:4" ht="18" customHeight="1" x14ac:dyDescent="0.15">
      <c r="A15" s="8">
        <v>9</v>
      </c>
      <c r="B15" s="21">
        <v>55</v>
      </c>
      <c r="C15" s="6">
        <v>73</v>
      </c>
      <c r="D15" s="5">
        <v>128</v>
      </c>
    </row>
    <row r="16" spans="1:4" ht="18" customHeight="1" x14ac:dyDescent="0.15">
      <c r="A16" s="8" t="s">
        <v>24</v>
      </c>
      <c r="B16" s="21">
        <v>339</v>
      </c>
      <c r="C16" s="6">
        <v>335</v>
      </c>
      <c r="D16" s="5">
        <v>674</v>
      </c>
    </row>
    <row r="17" spans="1:4" ht="18" customHeight="1" x14ac:dyDescent="0.15">
      <c r="A17" s="8">
        <v>10</v>
      </c>
      <c r="B17" s="21">
        <v>58</v>
      </c>
      <c r="C17" s="6">
        <v>68</v>
      </c>
      <c r="D17" s="5">
        <v>126</v>
      </c>
    </row>
    <row r="18" spans="1:4" ht="18" customHeight="1" x14ac:dyDescent="0.15">
      <c r="A18" s="8">
        <v>11</v>
      </c>
      <c r="B18" s="21">
        <v>66</v>
      </c>
      <c r="C18" s="6">
        <v>61</v>
      </c>
      <c r="D18" s="5">
        <v>127</v>
      </c>
    </row>
    <row r="19" spans="1:4" ht="18" customHeight="1" x14ac:dyDescent="0.15">
      <c r="A19" s="8">
        <v>12</v>
      </c>
      <c r="B19" s="21">
        <v>72</v>
      </c>
      <c r="C19" s="6">
        <v>71</v>
      </c>
      <c r="D19" s="5">
        <v>143</v>
      </c>
    </row>
    <row r="20" spans="1:4" ht="18" customHeight="1" x14ac:dyDescent="0.15">
      <c r="A20" s="8">
        <v>13</v>
      </c>
      <c r="B20" s="21">
        <v>69</v>
      </c>
      <c r="C20" s="6">
        <v>63</v>
      </c>
      <c r="D20" s="5">
        <v>132</v>
      </c>
    </row>
    <row r="21" spans="1:4" ht="18" customHeight="1" x14ac:dyDescent="0.15">
      <c r="A21" s="8">
        <v>14</v>
      </c>
      <c r="B21" s="21">
        <v>67</v>
      </c>
      <c r="C21" s="6">
        <v>69</v>
      </c>
      <c r="D21" s="5">
        <v>136</v>
      </c>
    </row>
    <row r="22" spans="1:4" ht="18" customHeight="1" x14ac:dyDescent="0.15">
      <c r="A22" s="8" t="s">
        <v>23</v>
      </c>
      <c r="B22" s="21">
        <v>332</v>
      </c>
      <c r="C22" s="6">
        <v>332</v>
      </c>
      <c r="D22" s="5">
        <v>664</v>
      </c>
    </row>
    <row r="23" spans="1:4" ht="18" customHeight="1" x14ac:dyDescent="0.15">
      <c r="A23" s="8" t="s">
        <v>22</v>
      </c>
      <c r="B23" s="21">
        <v>964</v>
      </c>
      <c r="C23" s="6">
        <v>912</v>
      </c>
      <c r="D23" s="5">
        <v>1876</v>
      </c>
    </row>
    <row r="24" spans="1:4" ht="18" customHeight="1" x14ac:dyDescent="0.15">
      <c r="A24" s="8">
        <v>15</v>
      </c>
      <c r="B24" s="21">
        <v>63</v>
      </c>
      <c r="C24" s="6">
        <v>56</v>
      </c>
      <c r="D24" s="5">
        <v>119</v>
      </c>
    </row>
    <row r="25" spans="1:4" ht="18" customHeight="1" x14ac:dyDescent="0.15">
      <c r="A25" s="8">
        <v>16</v>
      </c>
      <c r="B25" s="21">
        <v>81</v>
      </c>
      <c r="C25" s="6">
        <v>59</v>
      </c>
      <c r="D25" s="5">
        <v>140</v>
      </c>
    </row>
    <row r="26" spans="1:4" ht="18" customHeight="1" x14ac:dyDescent="0.15">
      <c r="A26" s="8">
        <v>17</v>
      </c>
      <c r="B26" s="21">
        <v>59</v>
      </c>
      <c r="C26" s="6">
        <v>73</v>
      </c>
      <c r="D26" s="5">
        <v>132</v>
      </c>
    </row>
    <row r="27" spans="1:4" ht="18" customHeight="1" x14ac:dyDescent="0.15">
      <c r="A27" s="8">
        <v>18</v>
      </c>
      <c r="B27" s="21">
        <v>67</v>
      </c>
      <c r="C27" s="6">
        <v>50</v>
      </c>
      <c r="D27" s="5">
        <v>117</v>
      </c>
    </row>
    <row r="28" spans="1:4" ht="18" customHeight="1" x14ac:dyDescent="0.15">
      <c r="A28" s="8">
        <v>19</v>
      </c>
      <c r="B28" s="21">
        <v>64</v>
      </c>
      <c r="C28" s="6">
        <v>57</v>
      </c>
      <c r="D28" s="5">
        <v>121</v>
      </c>
    </row>
    <row r="29" spans="1:4" ht="18" customHeight="1" x14ac:dyDescent="0.15">
      <c r="A29" s="8" t="s">
        <v>21</v>
      </c>
      <c r="B29" s="21">
        <v>334</v>
      </c>
      <c r="C29" s="6">
        <v>295</v>
      </c>
      <c r="D29" s="5">
        <v>629</v>
      </c>
    </row>
    <row r="30" spans="1:4" ht="18" customHeight="1" x14ac:dyDescent="0.15">
      <c r="A30" s="8">
        <v>20</v>
      </c>
      <c r="B30" s="21">
        <v>51</v>
      </c>
      <c r="C30" s="6">
        <v>70</v>
      </c>
      <c r="D30" s="5">
        <v>121</v>
      </c>
    </row>
    <row r="31" spans="1:4" ht="18" customHeight="1" x14ac:dyDescent="0.15">
      <c r="A31" s="8">
        <v>21</v>
      </c>
      <c r="B31" s="21">
        <v>60</v>
      </c>
      <c r="C31" s="6">
        <v>70</v>
      </c>
      <c r="D31" s="5">
        <v>130</v>
      </c>
    </row>
    <row r="32" spans="1:4" ht="18" customHeight="1" x14ac:dyDescent="0.15">
      <c r="A32" s="8">
        <v>22</v>
      </c>
      <c r="B32" s="21">
        <v>58</v>
      </c>
      <c r="C32" s="6">
        <v>61</v>
      </c>
      <c r="D32" s="5">
        <v>119</v>
      </c>
    </row>
    <row r="33" spans="1:4" ht="18" customHeight="1" x14ac:dyDescent="0.15">
      <c r="A33" s="8">
        <v>23</v>
      </c>
      <c r="B33" s="21">
        <v>68</v>
      </c>
      <c r="C33" s="6">
        <v>67</v>
      </c>
      <c r="D33" s="5">
        <v>135</v>
      </c>
    </row>
    <row r="34" spans="1:4" ht="18" customHeight="1" x14ac:dyDescent="0.15">
      <c r="A34" s="8">
        <v>24</v>
      </c>
      <c r="B34" s="21">
        <v>72</v>
      </c>
      <c r="C34" s="6">
        <v>65</v>
      </c>
      <c r="D34" s="5">
        <v>137</v>
      </c>
    </row>
    <row r="35" spans="1:4" ht="18" customHeight="1" x14ac:dyDescent="0.15">
      <c r="A35" s="8" t="s">
        <v>20</v>
      </c>
      <c r="B35" s="21">
        <v>309</v>
      </c>
      <c r="C35" s="6">
        <v>333</v>
      </c>
      <c r="D35" s="5">
        <v>642</v>
      </c>
    </row>
    <row r="36" spans="1:4" ht="18" customHeight="1" x14ac:dyDescent="0.15">
      <c r="A36" s="8">
        <v>25</v>
      </c>
      <c r="B36" s="21">
        <v>80</v>
      </c>
      <c r="C36" s="6">
        <v>82</v>
      </c>
      <c r="D36" s="5">
        <v>162</v>
      </c>
    </row>
    <row r="37" spans="1:4" ht="18" customHeight="1" x14ac:dyDescent="0.15">
      <c r="A37" s="8">
        <v>26</v>
      </c>
      <c r="B37" s="21">
        <v>79</v>
      </c>
      <c r="C37" s="6">
        <v>75</v>
      </c>
      <c r="D37" s="5">
        <v>154</v>
      </c>
    </row>
    <row r="38" spans="1:4" ht="18" customHeight="1" x14ac:dyDescent="0.15">
      <c r="A38" s="8">
        <v>27</v>
      </c>
      <c r="B38" s="21">
        <v>81</v>
      </c>
      <c r="C38" s="6">
        <v>75</v>
      </c>
      <c r="D38" s="5">
        <v>156</v>
      </c>
    </row>
    <row r="39" spans="1:4" ht="18" customHeight="1" x14ac:dyDescent="0.15">
      <c r="A39" s="8">
        <v>28</v>
      </c>
      <c r="B39" s="21">
        <v>87</v>
      </c>
      <c r="C39" s="6">
        <v>62</v>
      </c>
      <c r="D39" s="5">
        <v>149</v>
      </c>
    </row>
    <row r="40" spans="1:4" ht="18" customHeight="1" x14ac:dyDescent="0.15">
      <c r="A40" s="8">
        <v>29</v>
      </c>
      <c r="B40" s="21">
        <v>87</v>
      </c>
      <c r="C40" s="6">
        <v>81</v>
      </c>
      <c r="D40" s="5">
        <v>168</v>
      </c>
    </row>
    <row r="41" spans="1:4" ht="18" customHeight="1" x14ac:dyDescent="0.15">
      <c r="A41" s="8" t="s">
        <v>19</v>
      </c>
      <c r="B41" s="21">
        <v>414</v>
      </c>
      <c r="C41" s="6">
        <v>375</v>
      </c>
      <c r="D41" s="5">
        <v>789</v>
      </c>
    </row>
    <row r="42" spans="1:4" ht="18" customHeight="1" x14ac:dyDescent="0.15">
      <c r="A42" s="8">
        <v>30</v>
      </c>
      <c r="B42" s="21">
        <v>68</v>
      </c>
      <c r="C42" s="6">
        <v>72</v>
      </c>
      <c r="D42" s="5">
        <v>140</v>
      </c>
    </row>
    <row r="43" spans="1:4" ht="18" customHeight="1" x14ac:dyDescent="0.15">
      <c r="A43" s="8">
        <v>31</v>
      </c>
      <c r="B43" s="21">
        <v>69</v>
      </c>
      <c r="C43" s="6">
        <v>74</v>
      </c>
      <c r="D43" s="5">
        <v>143</v>
      </c>
    </row>
    <row r="44" spans="1:4" ht="18" customHeight="1" x14ac:dyDescent="0.15">
      <c r="A44" s="8">
        <v>32</v>
      </c>
      <c r="B44" s="21">
        <v>100</v>
      </c>
      <c r="C44" s="6">
        <v>83</v>
      </c>
      <c r="D44" s="5">
        <v>183</v>
      </c>
    </row>
    <row r="45" spans="1:4" ht="18" customHeight="1" x14ac:dyDescent="0.15">
      <c r="A45" s="8">
        <v>33</v>
      </c>
      <c r="B45" s="21">
        <v>74</v>
      </c>
      <c r="C45" s="6">
        <v>76</v>
      </c>
      <c r="D45" s="5">
        <v>150</v>
      </c>
    </row>
    <row r="46" spans="1:4" ht="18" customHeight="1" x14ac:dyDescent="0.15">
      <c r="A46" s="8">
        <v>34</v>
      </c>
      <c r="B46" s="21">
        <v>89</v>
      </c>
      <c r="C46" s="6">
        <v>78</v>
      </c>
      <c r="D46" s="5">
        <v>167</v>
      </c>
    </row>
    <row r="47" spans="1:4" ht="18" customHeight="1" x14ac:dyDescent="0.15">
      <c r="A47" s="8" t="s">
        <v>18</v>
      </c>
      <c r="B47" s="21">
        <v>400</v>
      </c>
      <c r="C47" s="6">
        <v>383</v>
      </c>
      <c r="D47" s="5">
        <v>783</v>
      </c>
    </row>
    <row r="48" spans="1:4" ht="18" customHeight="1" x14ac:dyDescent="0.15">
      <c r="A48" s="8">
        <v>35</v>
      </c>
      <c r="B48" s="21">
        <v>92</v>
      </c>
      <c r="C48" s="6">
        <v>63</v>
      </c>
      <c r="D48" s="5">
        <v>155</v>
      </c>
    </row>
    <row r="49" spans="1:4" ht="18" customHeight="1" x14ac:dyDescent="0.15">
      <c r="A49" s="8">
        <v>36</v>
      </c>
      <c r="B49" s="21">
        <v>70</v>
      </c>
      <c r="C49" s="6">
        <v>69</v>
      </c>
      <c r="D49" s="5">
        <v>139</v>
      </c>
    </row>
    <row r="50" spans="1:4" ht="18" customHeight="1" x14ac:dyDescent="0.15">
      <c r="A50" s="8">
        <v>37</v>
      </c>
      <c r="B50" s="21">
        <v>100</v>
      </c>
      <c r="C50" s="6">
        <v>97</v>
      </c>
      <c r="D50" s="5">
        <v>197</v>
      </c>
    </row>
    <row r="51" spans="1:4" ht="18" customHeight="1" x14ac:dyDescent="0.15">
      <c r="A51" s="8">
        <v>38</v>
      </c>
      <c r="B51" s="21">
        <v>79</v>
      </c>
      <c r="C51" s="6">
        <v>81</v>
      </c>
      <c r="D51" s="5">
        <v>160</v>
      </c>
    </row>
    <row r="52" spans="1:4" ht="18" customHeight="1" x14ac:dyDescent="0.15">
      <c r="A52" s="8">
        <v>39</v>
      </c>
      <c r="B52" s="21">
        <v>85</v>
      </c>
      <c r="C52" s="6">
        <v>81</v>
      </c>
      <c r="D52" s="5">
        <v>166</v>
      </c>
    </row>
    <row r="53" spans="1:4" ht="18" customHeight="1" x14ac:dyDescent="0.15">
      <c r="A53" s="8" t="s">
        <v>17</v>
      </c>
      <c r="B53" s="21">
        <v>426</v>
      </c>
      <c r="C53" s="6">
        <v>391</v>
      </c>
      <c r="D53" s="5">
        <v>817</v>
      </c>
    </row>
    <row r="54" spans="1:4" ht="18" customHeight="1" x14ac:dyDescent="0.15">
      <c r="A54" s="8">
        <v>40</v>
      </c>
      <c r="B54" s="21">
        <v>92</v>
      </c>
      <c r="C54" s="6">
        <v>105</v>
      </c>
      <c r="D54" s="5">
        <v>197</v>
      </c>
    </row>
    <row r="55" spans="1:4" ht="18" customHeight="1" x14ac:dyDescent="0.15">
      <c r="A55" s="8">
        <v>41</v>
      </c>
      <c r="B55" s="21">
        <v>103</v>
      </c>
      <c r="C55" s="6">
        <v>95</v>
      </c>
      <c r="D55" s="5">
        <v>198</v>
      </c>
    </row>
    <row r="56" spans="1:4" ht="18" customHeight="1" x14ac:dyDescent="0.15">
      <c r="A56" s="8">
        <v>42</v>
      </c>
      <c r="B56" s="21">
        <v>97</v>
      </c>
      <c r="C56" s="6">
        <v>87</v>
      </c>
      <c r="D56" s="5">
        <v>184</v>
      </c>
    </row>
    <row r="57" spans="1:4" ht="18" customHeight="1" x14ac:dyDescent="0.15">
      <c r="A57" s="8">
        <v>43</v>
      </c>
      <c r="B57" s="21">
        <v>96</v>
      </c>
      <c r="C57" s="6">
        <v>77</v>
      </c>
      <c r="D57" s="5">
        <v>173</v>
      </c>
    </row>
    <row r="58" spans="1:4" ht="18" customHeight="1" x14ac:dyDescent="0.15">
      <c r="A58" s="8">
        <v>44</v>
      </c>
      <c r="B58" s="21">
        <v>94</v>
      </c>
      <c r="C58" s="6">
        <v>100</v>
      </c>
      <c r="D58" s="5">
        <v>194</v>
      </c>
    </row>
    <row r="59" spans="1:4" ht="18" customHeight="1" x14ac:dyDescent="0.15">
      <c r="A59" s="8" t="s">
        <v>16</v>
      </c>
      <c r="B59" s="21">
        <v>482</v>
      </c>
      <c r="C59" s="6">
        <v>464</v>
      </c>
      <c r="D59" s="5">
        <v>946</v>
      </c>
    </row>
    <row r="60" spans="1:4" ht="18" customHeight="1" x14ac:dyDescent="0.15">
      <c r="A60" s="8">
        <v>45</v>
      </c>
      <c r="B60" s="21">
        <v>93</v>
      </c>
      <c r="C60" s="6">
        <v>97</v>
      </c>
      <c r="D60" s="5">
        <v>190</v>
      </c>
    </row>
    <row r="61" spans="1:4" ht="18" customHeight="1" x14ac:dyDescent="0.15">
      <c r="A61" s="8">
        <v>46</v>
      </c>
      <c r="B61" s="21">
        <v>103</v>
      </c>
      <c r="C61" s="6">
        <v>97</v>
      </c>
      <c r="D61" s="5">
        <v>200</v>
      </c>
    </row>
    <row r="62" spans="1:4" ht="18" customHeight="1" x14ac:dyDescent="0.15">
      <c r="A62" s="8">
        <v>47</v>
      </c>
      <c r="B62" s="21">
        <v>113</v>
      </c>
      <c r="C62" s="6">
        <v>90</v>
      </c>
      <c r="D62" s="5">
        <v>203</v>
      </c>
    </row>
    <row r="63" spans="1:4" ht="18" customHeight="1" x14ac:dyDescent="0.15">
      <c r="A63" s="8">
        <v>48</v>
      </c>
      <c r="B63" s="21">
        <v>105</v>
      </c>
      <c r="C63" s="6">
        <v>85</v>
      </c>
      <c r="D63" s="5">
        <v>190</v>
      </c>
    </row>
    <row r="64" spans="1:4" ht="18" customHeight="1" x14ac:dyDescent="0.15">
      <c r="A64" s="8">
        <v>49</v>
      </c>
      <c r="B64" s="21">
        <v>117</v>
      </c>
      <c r="C64" s="6">
        <v>105</v>
      </c>
      <c r="D64" s="5">
        <v>222</v>
      </c>
    </row>
    <row r="65" spans="1:4" ht="18" customHeight="1" x14ac:dyDescent="0.15">
      <c r="A65" s="8" t="s">
        <v>15</v>
      </c>
      <c r="B65" s="21">
        <v>531</v>
      </c>
      <c r="C65" s="6">
        <v>474</v>
      </c>
      <c r="D65" s="5">
        <v>1005</v>
      </c>
    </row>
    <row r="66" spans="1:4" ht="18" customHeight="1" x14ac:dyDescent="0.15">
      <c r="A66" s="8">
        <v>50</v>
      </c>
      <c r="B66" s="21">
        <v>111</v>
      </c>
      <c r="C66" s="6">
        <v>137</v>
      </c>
      <c r="D66" s="5">
        <v>248</v>
      </c>
    </row>
    <row r="67" spans="1:4" ht="18" customHeight="1" x14ac:dyDescent="0.15">
      <c r="A67" s="8">
        <v>51</v>
      </c>
      <c r="B67" s="21">
        <v>125</v>
      </c>
      <c r="C67" s="6">
        <v>131</v>
      </c>
      <c r="D67" s="5">
        <v>256</v>
      </c>
    </row>
    <row r="68" spans="1:4" ht="18" customHeight="1" x14ac:dyDescent="0.15">
      <c r="A68" s="8">
        <v>52</v>
      </c>
      <c r="B68" s="21">
        <v>118</v>
      </c>
      <c r="C68" s="6">
        <v>115</v>
      </c>
      <c r="D68" s="5">
        <v>233</v>
      </c>
    </row>
    <row r="69" spans="1:4" ht="18" customHeight="1" x14ac:dyDescent="0.15">
      <c r="A69" s="8">
        <v>53</v>
      </c>
      <c r="B69" s="21">
        <v>122</v>
      </c>
      <c r="C69" s="6">
        <v>118</v>
      </c>
      <c r="D69" s="5">
        <v>240</v>
      </c>
    </row>
    <row r="70" spans="1:4" ht="18" customHeight="1" x14ac:dyDescent="0.15">
      <c r="A70" s="8">
        <v>54</v>
      </c>
      <c r="B70" s="21">
        <v>124</v>
      </c>
      <c r="C70" s="6">
        <v>111</v>
      </c>
      <c r="D70" s="5">
        <v>235</v>
      </c>
    </row>
    <row r="71" spans="1:4" ht="18" customHeight="1" x14ac:dyDescent="0.15">
      <c r="A71" s="8" t="s">
        <v>14</v>
      </c>
      <c r="B71" s="21">
        <v>600</v>
      </c>
      <c r="C71" s="6">
        <v>612</v>
      </c>
      <c r="D71" s="5">
        <v>1212</v>
      </c>
    </row>
    <row r="72" spans="1:4" ht="18" customHeight="1" x14ac:dyDescent="0.15">
      <c r="A72" s="8">
        <v>55</v>
      </c>
      <c r="B72" s="21">
        <v>114</v>
      </c>
      <c r="C72" s="6">
        <v>94</v>
      </c>
      <c r="D72" s="5">
        <v>208</v>
      </c>
    </row>
    <row r="73" spans="1:4" ht="18" customHeight="1" x14ac:dyDescent="0.15">
      <c r="A73" s="8">
        <v>56</v>
      </c>
      <c r="B73" s="21">
        <v>109</v>
      </c>
      <c r="C73" s="6">
        <v>105</v>
      </c>
      <c r="D73" s="5">
        <v>214</v>
      </c>
    </row>
    <row r="74" spans="1:4" ht="18" customHeight="1" x14ac:dyDescent="0.15">
      <c r="A74" s="8">
        <v>57</v>
      </c>
      <c r="B74" s="21">
        <v>107</v>
      </c>
      <c r="C74" s="6">
        <v>116</v>
      </c>
      <c r="D74" s="5">
        <v>223</v>
      </c>
    </row>
    <row r="75" spans="1:4" ht="18" customHeight="1" x14ac:dyDescent="0.15">
      <c r="A75" s="8">
        <v>58</v>
      </c>
      <c r="B75" s="21">
        <v>118</v>
      </c>
      <c r="C75" s="6">
        <v>113</v>
      </c>
      <c r="D75" s="5">
        <v>231</v>
      </c>
    </row>
    <row r="76" spans="1:4" ht="18" customHeight="1" x14ac:dyDescent="0.15">
      <c r="A76" s="8">
        <v>59</v>
      </c>
      <c r="B76" s="21">
        <v>87</v>
      </c>
      <c r="C76" s="6">
        <v>79</v>
      </c>
      <c r="D76" s="5">
        <v>166</v>
      </c>
    </row>
    <row r="77" spans="1:4" ht="18" customHeight="1" x14ac:dyDescent="0.15">
      <c r="A77" s="8" t="s">
        <v>13</v>
      </c>
      <c r="B77" s="21">
        <v>535</v>
      </c>
      <c r="C77" s="6">
        <v>507</v>
      </c>
      <c r="D77" s="5">
        <v>1042</v>
      </c>
    </row>
    <row r="78" spans="1:4" ht="18" customHeight="1" x14ac:dyDescent="0.15">
      <c r="A78" s="8">
        <v>60</v>
      </c>
      <c r="B78" s="21">
        <v>98</v>
      </c>
      <c r="C78" s="6">
        <v>107</v>
      </c>
      <c r="D78" s="5">
        <v>205</v>
      </c>
    </row>
    <row r="79" spans="1:4" ht="18" customHeight="1" x14ac:dyDescent="0.15">
      <c r="A79" s="8">
        <v>61</v>
      </c>
      <c r="B79" s="21">
        <v>99</v>
      </c>
      <c r="C79" s="6">
        <v>90</v>
      </c>
      <c r="D79" s="5">
        <v>189</v>
      </c>
    </row>
    <row r="80" spans="1:4" ht="18" customHeight="1" x14ac:dyDescent="0.15">
      <c r="A80" s="8">
        <v>62</v>
      </c>
      <c r="B80" s="21">
        <v>91</v>
      </c>
      <c r="C80" s="6">
        <v>108</v>
      </c>
      <c r="D80" s="5">
        <v>199</v>
      </c>
    </row>
    <row r="81" spans="1:4" ht="18" customHeight="1" x14ac:dyDescent="0.15">
      <c r="A81" s="8">
        <v>63</v>
      </c>
      <c r="B81" s="21">
        <v>101</v>
      </c>
      <c r="C81" s="6">
        <v>97</v>
      </c>
      <c r="D81" s="5">
        <v>198</v>
      </c>
    </row>
    <row r="82" spans="1:4" ht="18" customHeight="1" x14ac:dyDescent="0.15">
      <c r="A82" s="8">
        <v>64</v>
      </c>
      <c r="B82" s="21">
        <v>87</v>
      </c>
      <c r="C82" s="6">
        <v>95</v>
      </c>
      <c r="D82" s="5">
        <v>182</v>
      </c>
    </row>
    <row r="83" spans="1:4" ht="18" customHeight="1" x14ac:dyDescent="0.15">
      <c r="A83" s="8" t="s">
        <v>12</v>
      </c>
      <c r="B83" s="21">
        <v>476</v>
      </c>
      <c r="C83" s="6">
        <v>497</v>
      </c>
      <c r="D83" s="5">
        <v>973</v>
      </c>
    </row>
    <row r="84" spans="1:4" ht="18" customHeight="1" x14ac:dyDescent="0.15">
      <c r="A84" s="8" t="s">
        <v>11</v>
      </c>
      <c r="B84" s="21">
        <v>4507</v>
      </c>
      <c r="C84" s="6">
        <v>4331</v>
      </c>
      <c r="D84" s="5">
        <v>8838</v>
      </c>
    </row>
    <row r="85" spans="1:4" ht="18" customHeight="1" x14ac:dyDescent="0.15">
      <c r="A85" s="8">
        <v>65</v>
      </c>
      <c r="B85" s="21">
        <v>97</v>
      </c>
      <c r="C85" s="6">
        <v>87</v>
      </c>
      <c r="D85" s="5">
        <v>184</v>
      </c>
    </row>
    <row r="86" spans="1:4" ht="18" customHeight="1" x14ac:dyDescent="0.15">
      <c r="A86" s="8">
        <v>66</v>
      </c>
      <c r="B86" s="21">
        <v>84</v>
      </c>
      <c r="C86" s="6">
        <v>80</v>
      </c>
      <c r="D86" s="5">
        <v>164</v>
      </c>
    </row>
    <row r="87" spans="1:4" ht="18" customHeight="1" x14ac:dyDescent="0.15">
      <c r="A87" s="8">
        <v>67</v>
      </c>
      <c r="B87" s="21">
        <v>70</v>
      </c>
      <c r="C87" s="6">
        <v>87</v>
      </c>
      <c r="D87" s="5">
        <v>157</v>
      </c>
    </row>
    <row r="88" spans="1:4" ht="18" customHeight="1" x14ac:dyDescent="0.15">
      <c r="A88" s="8">
        <v>68</v>
      </c>
      <c r="B88" s="21">
        <v>86</v>
      </c>
      <c r="C88" s="6">
        <v>86</v>
      </c>
      <c r="D88" s="5">
        <v>172</v>
      </c>
    </row>
    <row r="89" spans="1:4" ht="18" customHeight="1" x14ac:dyDescent="0.15">
      <c r="A89" s="8">
        <v>69</v>
      </c>
      <c r="B89" s="21">
        <v>83</v>
      </c>
      <c r="C89" s="6">
        <v>90</v>
      </c>
      <c r="D89" s="5">
        <v>173</v>
      </c>
    </row>
    <row r="90" spans="1:4" ht="18" customHeight="1" x14ac:dyDescent="0.15">
      <c r="A90" s="8" t="s">
        <v>10</v>
      </c>
      <c r="B90" s="21">
        <v>420</v>
      </c>
      <c r="C90" s="6">
        <v>430</v>
      </c>
      <c r="D90" s="5">
        <v>850</v>
      </c>
    </row>
    <row r="91" spans="1:4" ht="18" customHeight="1" x14ac:dyDescent="0.15">
      <c r="A91" s="8">
        <v>70</v>
      </c>
      <c r="B91" s="21">
        <v>92</v>
      </c>
      <c r="C91" s="6">
        <v>97</v>
      </c>
      <c r="D91" s="5">
        <v>189</v>
      </c>
    </row>
    <row r="92" spans="1:4" ht="18" customHeight="1" x14ac:dyDescent="0.15">
      <c r="A92" s="8">
        <v>71</v>
      </c>
      <c r="B92" s="21">
        <v>76</v>
      </c>
      <c r="C92" s="6">
        <v>87</v>
      </c>
      <c r="D92" s="5">
        <v>163</v>
      </c>
    </row>
    <row r="93" spans="1:4" ht="18" customHeight="1" x14ac:dyDescent="0.15">
      <c r="A93" s="8">
        <v>72</v>
      </c>
      <c r="B93" s="21">
        <v>97</v>
      </c>
      <c r="C93" s="6">
        <v>113</v>
      </c>
      <c r="D93" s="5">
        <v>210</v>
      </c>
    </row>
    <row r="94" spans="1:4" ht="18" customHeight="1" x14ac:dyDescent="0.15">
      <c r="A94" s="8">
        <v>73</v>
      </c>
      <c r="B94" s="21">
        <v>97</v>
      </c>
      <c r="C94" s="6">
        <v>112</v>
      </c>
      <c r="D94" s="5">
        <v>209</v>
      </c>
    </row>
    <row r="95" spans="1:4" ht="18" customHeight="1" x14ac:dyDescent="0.15">
      <c r="A95" s="8">
        <v>74</v>
      </c>
      <c r="B95" s="21">
        <v>87</v>
      </c>
      <c r="C95" s="6">
        <v>112</v>
      </c>
      <c r="D95" s="5">
        <v>199</v>
      </c>
    </row>
    <row r="96" spans="1:4" ht="18" customHeight="1" x14ac:dyDescent="0.15">
      <c r="A96" s="8" t="s">
        <v>9</v>
      </c>
      <c r="B96" s="21">
        <v>449</v>
      </c>
      <c r="C96" s="6">
        <v>521</v>
      </c>
      <c r="D96" s="5">
        <v>970</v>
      </c>
    </row>
    <row r="97" spans="1:4" ht="18" customHeight="1" x14ac:dyDescent="0.15">
      <c r="A97" s="8">
        <v>75</v>
      </c>
      <c r="B97" s="21">
        <v>92</v>
      </c>
      <c r="C97" s="6">
        <v>140</v>
      </c>
      <c r="D97" s="5">
        <v>232</v>
      </c>
    </row>
    <row r="98" spans="1:4" ht="18" customHeight="1" x14ac:dyDescent="0.15">
      <c r="A98" s="8">
        <v>76</v>
      </c>
      <c r="B98" s="21">
        <v>118</v>
      </c>
      <c r="C98" s="6">
        <v>127</v>
      </c>
      <c r="D98" s="5">
        <v>245</v>
      </c>
    </row>
    <row r="99" spans="1:4" ht="18" customHeight="1" x14ac:dyDescent="0.15">
      <c r="A99" s="8">
        <v>77</v>
      </c>
      <c r="B99" s="21">
        <v>120</v>
      </c>
      <c r="C99" s="6">
        <v>136</v>
      </c>
      <c r="D99" s="5">
        <v>256</v>
      </c>
    </row>
    <row r="100" spans="1:4" ht="18" customHeight="1" x14ac:dyDescent="0.15">
      <c r="A100" s="8">
        <v>78</v>
      </c>
      <c r="B100" s="21">
        <v>101</v>
      </c>
      <c r="C100" s="6">
        <v>127</v>
      </c>
      <c r="D100" s="5">
        <v>228</v>
      </c>
    </row>
    <row r="101" spans="1:4" ht="18" customHeight="1" x14ac:dyDescent="0.15">
      <c r="A101" s="8">
        <v>79</v>
      </c>
      <c r="B101" s="21">
        <v>71</v>
      </c>
      <c r="C101" s="6">
        <v>92</v>
      </c>
      <c r="D101" s="5">
        <v>163</v>
      </c>
    </row>
    <row r="102" spans="1:4" ht="18" customHeight="1" x14ac:dyDescent="0.15">
      <c r="A102" s="8" t="s">
        <v>8</v>
      </c>
      <c r="B102" s="21">
        <v>502</v>
      </c>
      <c r="C102" s="6">
        <v>622</v>
      </c>
      <c r="D102" s="5">
        <v>1124</v>
      </c>
    </row>
    <row r="103" spans="1:4" ht="18" customHeight="1" x14ac:dyDescent="0.15">
      <c r="A103" s="8">
        <v>80</v>
      </c>
      <c r="B103" s="21">
        <v>48</v>
      </c>
      <c r="C103" s="6">
        <v>76</v>
      </c>
      <c r="D103" s="5">
        <v>124</v>
      </c>
    </row>
    <row r="104" spans="1:4" ht="18" customHeight="1" x14ac:dyDescent="0.15">
      <c r="A104" s="8">
        <v>81</v>
      </c>
      <c r="B104" s="21">
        <v>74</v>
      </c>
      <c r="C104" s="6">
        <v>99</v>
      </c>
      <c r="D104" s="5">
        <v>173</v>
      </c>
    </row>
    <row r="105" spans="1:4" ht="18" customHeight="1" x14ac:dyDescent="0.15">
      <c r="A105" s="8">
        <v>82</v>
      </c>
      <c r="B105" s="21">
        <v>64</v>
      </c>
      <c r="C105" s="6">
        <v>102</v>
      </c>
      <c r="D105" s="5">
        <v>166</v>
      </c>
    </row>
    <row r="106" spans="1:4" ht="18" customHeight="1" x14ac:dyDescent="0.15">
      <c r="A106" s="8">
        <v>83</v>
      </c>
      <c r="B106" s="21">
        <v>64</v>
      </c>
      <c r="C106" s="6">
        <v>85</v>
      </c>
      <c r="D106" s="5">
        <v>149</v>
      </c>
    </row>
    <row r="107" spans="1:4" ht="18" customHeight="1" x14ac:dyDescent="0.15">
      <c r="A107" s="8">
        <v>84</v>
      </c>
      <c r="B107" s="21">
        <v>56</v>
      </c>
      <c r="C107" s="6">
        <v>64</v>
      </c>
      <c r="D107" s="5">
        <v>120</v>
      </c>
    </row>
    <row r="108" spans="1:4" ht="18" customHeight="1" x14ac:dyDescent="0.15">
      <c r="A108" s="8" t="s">
        <v>7</v>
      </c>
      <c r="B108" s="21">
        <v>306</v>
      </c>
      <c r="C108" s="6">
        <v>426</v>
      </c>
      <c r="D108" s="5">
        <v>732</v>
      </c>
    </row>
    <row r="109" spans="1:4" ht="18" customHeight="1" x14ac:dyDescent="0.15">
      <c r="A109" s="8">
        <v>85</v>
      </c>
      <c r="B109" s="21">
        <v>45</v>
      </c>
      <c r="C109" s="6">
        <v>67</v>
      </c>
      <c r="D109" s="5">
        <v>112</v>
      </c>
    </row>
    <row r="110" spans="1:4" ht="18" customHeight="1" x14ac:dyDescent="0.15">
      <c r="A110" s="8">
        <v>86</v>
      </c>
      <c r="B110" s="21">
        <v>49</v>
      </c>
      <c r="C110" s="6">
        <v>61</v>
      </c>
      <c r="D110" s="5">
        <v>110</v>
      </c>
    </row>
    <row r="111" spans="1:4" ht="18" customHeight="1" x14ac:dyDescent="0.15">
      <c r="A111" s="8">
        <v>87</v>
      </c>
      <c r="B111" s="21">
        <v>34</v>
      </c>
      <c r="C111" s="6">
        <v>63</v>
      </c>
      <c r="D111" s="5">
        <v>97</v>
      </c>
    </row>
    <row r="112" spans="1:4" ht="18" customHeight="1" x14ac:dyDescent="0.15">
      <c r="A112" s="8">
        <v>88</v>
      </c>
      <c r="B112" s="21">
        <v>29</v>
      </c>
      <c r="C112" s="6">
        <v>56</v>
      </c>
      <c r="D112" s="5">
        <v>85</v>
      </c>
    </row>
    <row r="113" spans="1:4" ht="18" customHeight="1" x14ac:dyDescent="0.15">
      <c r="A113" s="8">
        <v>89</v>
      </c>
      <c r="B113" s="21">
        <v>31</v>
      </c>
      <c r="C113" s="6">
        <v>54</v>
      </c>
      <c r="D113" s="5">
        <v>85</v>
      </c>
    </row>
    <row r="114" spans="1:4" ht="18" customHeight="1" x14ac:dyDescent="0.15">
      <c r="A114" s="8" t="s">
        <v>6</v>
      </c>
      <c r="B114" s="21">
        <v>188</v>
      </c>
      <c r="C114" s="6">
        <v>301</v>
      </c>
      <c r="D114" s="5">
        <v>489</v>
      </c>
    </row>
    <row r="115" spans="1:4" ht="18" customHeight="1" x14ac:dyDescent="0.15">
      <c r="A115" s="8">
        <v>90</v>
      </c>
      <c r="B115" s="21">
        <v>22</v>
      </c>
      <c r="C115" s="6">
        <v>37</v>
      </c>
      <c r="D115" s="5">
        <v>59</v>
      </c>
    </row>
    <row r="116" spans="1:4" ht="18" customHeight="1" x14ac:dyDescent="0.15">
      <c r="A116" s="8">
        <v>91</v>
      </c>
      <c r="B116" s="21">
        <v>12</v>
      </c>
      <c r="C116" s="6">
        <v>39</v>
      </c>
      <c r="D116" s="5">
        <v>51</v>
      </c>
    </row>
    <row r="117" spans="1:4" ht="18" customHeight="1" x14ac:dyDescent="0.15">
      <c r="A117" s="8">
        <v>92</v>
      </c>
      <c r="B117" s="21">
        <v>10</v>
      </c>
      <c r="C117" s="6">
        <v>31</v>
      </c>
      <c r="D117" s="5">
        <v>41</v>
      </c>
    </row>
    <row r="118" spans="1:4" ht="18" customHeight="1" x14ac:dyDescent="0.15">
      <c r="A118" s="8">
        <v>93</v>
      </c>
      <c r="B118" s="21">
        <v>6</v>
      </c>
      <c r="C118" s="6">
        <v>27</v>
      </c>
      <c r="D118" s="5">
        <v>33</v>
      </c>
    </row>
    <row r="119" spans="1:4" ht="18" customHeight="1" x14ac:dyDescent="0.15">
      <c r="A119" s="8">
        <v>94</v>
      </c>
      <c r="B119" s="21">
        <v>6</v>
      </c>
      <c r="C119" s="6">
        <v>24</v>
      </c>
      <c r="D119" s="5">
        <v>30</v>
      </c>
    </row>
    <row r="120" spans="1:4" ht="18" customHeight="1" x14ac:dyDescent="0.15">
      <c r="A120" s="8" t="s">
        <v>5</v>
      </c>
      <c r="B120" s="21">
        <v>56</v>
      </c>
      <c r="C120" s="6">
        <v>158</v>
      </c>
      <c r="D120" s="5">
        <v>214</v>
      </c>
    </row>
    <row r="121" spans="1:4" ht="18" customHeight="1" x14ac:dyDescent="0.15">
      <c r="A121" s="8">
        <v>95</v>
      </c>
      <c r="B121" s="21">
        <v>3</v>
      </c>
      <c r="C121" s="6">
        <v>14</v>
      </c>
      <c r="D121" s="5">
        <v>17</v>
      </c>
    </row>
    <row r="122" spans="1:4" ht="18" customHeight="1" x14ac:dyDescent="0.15">
      <c r="A122" s="8">
        <v>96</v>
      </c>
      <c r="B122" s="21">
        <v>4</v>
      </c>
      <c r="C122" s="6">
        <v>15</v>
      </c>
      <c r="D122" s="5">
        <v>19</v>
      </c>
    </row>
    <row r="123" spans="1:4" ht="18" customHeight="1" x14ac:dyDescent="0.15">
      <c r="A123" s="8">
        <v>97</v>
      </c>
      <c r="B123" s="21">
        <v>4</v>
      </c>
      <c r="C123" s="6">
        <v>13</v>
      </c>
      <c r="D123" s="5">
        <v>17</v>
      </c>
    </row>
    <row r="124" spans="1:4" ht="18" customHeight="1" x14ac:dyDescent="0.15">
      <c r="A124" s="8">
        <v>98</v>
      </c>
      <c r="B124" s="21">
        <v>1</v>
      </c>
      <c r="C124" s="6">
        <v>3</v>
      </c>
      <c r="D124" s="5">
        <v>4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12</v>
      </c>
      <c r="C126" s="6">
        <v>50</v>
      </c>
      <c r="D126" s="5">
        <v>62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8</v>
      </c>
      <c r="D129" s="5">
        <v>9</v>
      </c>
    </row>
    <row r="130" spans="1:4" ht="18" customHeight="1" x14ac:dyDescent="0.15">
      <c r="A130" s="8" t="s">
        <v>1</v>
      </c>
      <c r="B130" s="21">
        <v>1934</v>
      </c>
      <c r="C130" s="6">
        <v>2516</v>
      </c>
      <c r="D130" s="5">
        <v>4450</v>
      </c>
    </row>
    <row r="131" spans="1:4" ht="18" customHeight="1" x14ac:dyDescent="0.15">
      <c r="A131" s="4" t="s">
        <v>0</v>
      </c>
      <c r="B131" s="20">
        <v>7405</v>
      </c>
      <c r="C131" s="2">
        <v>7759</v>
      </c>
      <c r="D131" s="1">
        <v>1516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079B0B-42BD-4515-8586-BD4B4C898AA5}">
  <sheetPr codeName="Sheet3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1</v>
      </c>
      <c r="C5" s="11">
        <v>52</v>
      </c>
      <c r="D5" s="10">
        <v>93</v>
      </c>
    </row>
    <row r="6" spans="1:4" ht="18" customHeight="1" x14ac:dyDescent="0.15">
      <c r="A6" s="8">
        <v>1</v>
      </c>
      <c r="B6" s="21">
        <v>46</v>
      </c>
      <c r="C6" s="6">
        <v>40</v>
      </c>
      <c r="D6" s="5">
        <v>86</v>
      </c>
    </row>
    <row r="7" spans="1:4" ht="18" customHeight="1" x14ac:dyDescent="0.15">
      <c r="A7" s="8">
        <v>2</v>
      </c>
      <c r="B7" s="21">
        <v>49</v>
      </c>
      <c r="C7" s="6">
        <v>40</v>
      </c>
      <c r="D7" s="5">
        <v>89</v>
      </c>
    </row>
    <row r="8" spans="1:4" ht="18" customHeight="1" x14ac:dyDescent="0.15">
      <c r="A8" s="8">
        <v>3</v>
      </c>
      <c r="B8" s="21">
        <v>57</v>
      </c>
      <c r="C8" s="6">
        <v>47</v>
      </c>
      <c r="D8" s="5">
        <v>104</v>
      </c>
    </row>
    <row r="9" spans="1:4" ht="18" customHeight="1" x14ac:dyDescent="0.15">
      <c r="A9" s="8">
        <v>4</v>
      </c>
      <c r="B9" s="21">
        <v>42</v>
      </c>
      <c r="C9" s="6">
        <v>48</v>
      </c>
      <c r="D9" s="5">
        <v>90</v>
      </c>
    </row>
    <row r="10" spans="1:4" ht="18" customHeight="1" x14ac:dyDescent="0.15">
      <c r="A10" s="8" t="s">
        <v>25</v>
      </c>
      <c r="B10" s="21">
        <v>235</v>
      </c>
      <c r="C10" s="6">
        <v>227</v>
      </c>
      <c r="D10" s="5">
        <v>462</v>
      </c>
    </row>
    <row r="11" spans="1:4" ht="18" customHeight="1" x14ac:dyDescent="0.15">
      <c r="A11" s="8">
        <v>5</v>
      </c>
      <c r="B11" s="21">
        <v>39</v>
      </c>
      <c r="C11" s="6">
        <v>44</v>
      </c>
      <c r="D11" s="5">
        <v>83</v>
      </c>
    </row>
    <row r="12" spans="1:4" ht="18" customHeight="1" x14ac:dyDescent="0.15">
      <c r="A12" s="8">
        <v>6</v>
      </c>
      <c r="B12" s="21">
        <v>34</v>
      </c>
      <c r="C12" s="6">
        <v>46</v>
      </c>
      <c r="D12" s="5">
        <v>80</v>
      </c>
    </row>
    <row r="13" spans="1:4" ht="18" customHeight="1" x14ac:dyDescent="0.15">
      <c r="A13" s="8">
        <v>7</v>
      </c>
      <c r="B13" s="21">
        <v>27</v>
      </c>
      <c r="C13" s="6">
        <v>39</v>
      </c>
      <c r="D13" s="5">
        <v>66</v>
      </c>
    </row>
    <row r="14" spans="1:4" ht="18" customHeight="1" x14ac:dyDescent="0.15">
      <c r="A14" s="8">
        <v>8</v>
      </c>
      <c r="B14" s="21">
        <v>46</v>
      </c>
      <c r="C14" s="6">
        <v>37</v>
      </c>
      <c r="D14" s="5">
        <v>83</v>
      </c>
    </row>
    <row r="15" spans="1:4" ht="18" customHeight="1" x14ac:dyDescent="0.15">
      <c r="A15" s="8">
        <v>9</v>
      </c>
      <c r="B15" s="21">
        <v>36</v>
      </c>
      <c r="C15" s="6">
        <v>35</v>
      </c>
      <c r="D15" s="5">
        <v>71</v>
      </c>
    </row>
    <row r="16" spans="1:4" ht="18" customHeight="1" x14ac:dyDescent="0.15">
      <c r="A16" s="8" t="s">
        <v>24</v>
      </c>
      <c r="B16" s="21">
        <v>182</v>
      </c>
      <c r="C16" s="6">
        <v>201</v>
      </c>
      <c r="D16" s="5">
        <v>383</v>
      </c>
    </row>
    <row r="17" spans="1:4" ht="18" customHeight="1" x14ac:dyDescent="0.15">
      <c r="A17" s="8">
        <v>10</v>
      </c>
      <c r="B17" s="21">
        <v>28</v>
      </c>
      <c r="C17" s="6">
        <v>31</v>
      </c>
      <c r="D17" s="5">
        <v>59</v>
      </c>
    </row>
    <row r="18" spans="1:4" ht="18" customHeight="1" x14ac:dyDescent="0.15">
      <c r="A18" s="8">
        <v>11</v>
      </c>
      <c r="B18" s="21">
        <v>36</v>
      </c>
      <c r="C18" s="6">
        <v>30</v>
      </c>
      <c r="D18" s="5">
        <v>66</v>
      </c>
    </row>
    <row r="19" spans="1:4" ht="18" customHeight="1" x14ac:dyDescent="0.15">
      <c r="A19" s="8">
        <v>12</v>
      </c>
      <c r="B19" s="21">
        <v>29</v>
      </c>
      <c r="C19" s="6">
        <v>23</v>
      </c>
      <c r="D19" s="5">
        <v>52</v>
      </c>
    </row>
    <row r="20" spans="1:4" ht="18" customHeight="1" x14ac:dyDescent="0.15">
      <c r="A20" s="8">
        <v>13</v>
      </c>
      <c r="B20" s="21">
        <v>33</v>
      </c>
      <c r="C20" s="6">
        <v>38</v>
      </c>
      <c r="D20" s="5">
        <v>71</v>
      </c>
    </row>
    <row r="21" spans="1:4" ht="18" customHeight="1" x14ac:dyDescent="0.15">
      <c r="A21" s="8">
        <v>14</v>
      </c>
      <c r="B21" s="21">
        <v>27</v>
      </c>
      <c r="C21" s="6">
        <v>30</v>
      </c>
      <c r="D21" s="5">
        <v>57</v>
      </c>
    </row>
    <row r="22" spans="1:4" ht="18" customHeight="1" x14ac:dyDescent="0.15">
      <c r="A22" s="8" t="s">
        <v>23</v>
      </c>
      <c r="B22" s="21">
        <v>153</v>
      </c>
      <c r="C22" s="6">
        <v>152</v>
      </c>
      <c r="D22" s="5">
        <v>305</v>
      </c>
    </row>
    <row r="23" spans="1:4" ht="18" customHeight="1" x14ac:dyDescent="0.15">
      <c r="A23" s="8" t="s">
        <v>22</v>
      </c>
      <c r="B23" s="21">
        <v>570</v>
      </c>
      <c r="C23" s="6">
        <v>580</v>
      </c>
      <c r="D23" s="5">
        <v>1150</v>
      </c>
    </row>
    <row r="24" spans="1:4" ht="18" customHeight="1" x14ac:dyDescent="0.15">
      <c r="A24" s="8">
        <v>15</v>
      </c>
      <c r="B24" s="21">
        <v>33</v>
      </c>
      <c r="C24" s="6">
        <v>26</v>
      </c>
      <c r="D24" s="5">
        <v>59</v>
      </c>
    </row>
    <row r="25" spans="1:4" ht="18" customHeight="1" x14ac:dyDescent="0.15">
      <c r="A25" s="8">
        <v>16</v>
      </c>
      <c r="B25" s="21">
        <v>35</v>
      </c>
      <c r="C25" s="6">
        <v>33</v>
      </c>
      <c r="D25" s="5">
        <v>68</v>
      </c>
    </row>
    <row r="26" spans="1:4" ht="18" customHeight="1" x14ac:dyDescent="0.15">
      <c r="A26" s="8">
        <v>17</v>
      </c>
      <c r="B26" s="21">
        <v>50</v>
      </c>
      <c r="C26" s="6">
        <v>39</v>
      </c>
      <c r="D26" s="5">
        <v>89</v>
      </c>
    </row>
    <row r="27" spans="1:4" ht="18" customHeight="1" x14ac:dyDescent="0.15">
      <c r="A27" s="8">
        <v>18</v>
      </c>
      <c r="B27" s="21">
        <v>32</v>
      </c>
      <c r="C27" s="6">
        <v>42</v>
      </c>
      <c r="D27" s="5">
        <v>74</v>
      </c>
    </row>
    <row r="28" spans="1:4" ht="18" customHeight="1" x14ac:dyDescent="0.15">
      <c r="A28" s="8">
        <v>19</v>
      </c>
      <c r="B28" s="21">
        <v>28</v>
      </c>
      <c r="C28" s="6">
        <v>39</v>
      </c>
      <c r="D28" s="5">
        <v>67</v>
      </c>
    </row>
    <row r="29" spans="1:4" ht="18" customHeight="1" x14ac:dyDescent="0.15">
      <c r="A29" s="8" t="s">
        <v>21</v>
      </c>
      <c r="B29" s="21">
        <v>178</v>
      </c>
      <c r="C29" s="6">
        <v>179</v>
      </c>
      <c r="D29" s="5">
        <v>357</v>
      </c>
    </row>
    <row r="30" spans="1:4" ht="18" customHeight="1" x14ac:dyDescent="0.15">
      <c r="A30" s="8">
        <v>20</v>
      </c>
      <c r="B30" s="21">
        <v>42</v>
      </c>
      <c r="C30" s="6">
        <v>40</v>
      </c>
      <c r="D30" s="5">
        <v>82</v>
      </c>
    </row>
    <row r="31" spans="1:4" ht="18" customHeight="1" x14ac:dyDescent="0.15">
      <c r="A31" s="8">
        <v>21</v>
      </c>
      <c r="B31" s="21">
        <v>43</v>
      </c>
      <c r="C31" s="6">
        <v>38</v>
      </c>
      <c r="D31" s="5">
        <v>81</v>
      </c>
    </row>
    <row r="32" spans="1:4" ht="18" customHeight="1" x14ac:dyDescent="0.15">
      <c r="A32" s="8">
        <v>22</v>
      </c>
      <c r="B32" s="21">
        <v>45</v>
      </c>
      <c r="C32" s="6">
        <v>40</v>
      </c>
      <c r="D32" s="5">
        <v>85</v>
      </c>
    </row>
    <row r="33" spans="1:4" ht="18" customHeight="1" x14ac:dyDescent="0.15">
      <c r="A33" s="8">
        <v>23</v>
      </c>
      <c r="B33" s="21">
        <v>46</v>
      </c>
      <c r="C33" s="6">
        <v>55</v>
      </c>
      <c r="D33" s="5">
        <v>101</v>
      </c>
    </row>
    <row r="34" spans="1:4" ht="18" customHeight="1" x14ac:dyDescent="0.15">
      <c r="A34" s="8">
        <v>24</v>
      </c>
      <c r="B34" s="21">
        <v>61</v>
      </c>
      <c r="C34" s="6">
        <v>37</v>
      </c>
      <c r="D34" s="5">
        <v>98</v>
      </c>
    </row>
    <row r="35" spans="1:4" ht="18" customHeight="1" x14ac:dyDescent="0.15">
      <c r="A35" s="8" t="s">
        <v>20</v>
      </c>
      <c r="B35" s="21">
        <v>237</v>
      </c>
      <c r="C35" s="6">
        <v>210</v>
      </c>
      <c r="D35" s="5">
        <v>447</v>
      </c>
    </row>
    <row r="36" spans="1:4" ht="18" customHeight="1" x14ac:dyDescent="0.15">
      <c r="A36" s="8">
        <v>25</v>
      </c>
      <c r="B36" s="21">
        <v>51</v>
      </c>
      <c r="C36" s="6">
        <v>52</v>
      </c>
      <c r="D36" s="5">
        <v>103</v>
      </c>
    </row>
    <row r="37" spans="1:4" ht="18" customHeight="1" x14ac:dyDescent="0.15">
      <c r="A37" s="8">
        <v>26</v>
      </c>
      <c r="B37" s="21">
        <v>56</v>
      </c>
      <c r="C37" s="6">
        <v>73</v>
      </c>
      <c r="D37" s="5">
        <v>129</v>
      </c>
    </row>
    <row r="38" spans="1:4" ht="18" customHeight="1" x14ac:dyDescent="0.15">
      <c r="A38" s="8">
        <v>27</v>
      </c>
      <c r="B38" s="21">
        <v>72</v>
      </c>
      <c r="C38" s="6">
        <v>59</v>
      </c>
      <c r="D38" s="5">
        <v>131</v>
      </c>
    </row>
    <row r="39" spans="1:4" ht="18" customHeight="1" x14ac:dyDescent="0.15">
      <c r="A39" s="8">
        <v>28</v>
      </c>
      <c r="B39" s="21">
        <v>62</v>
      </c>
      <c r="C39" s="6">
        <v>59</v>
      </c>
      <c r="D39" s="5">
        <v>121</v>
      </c>
    </row>
    <row r="40" spans="1:4" ht="18" customHeight="1" x14ac:dyDescent="0.15">
      <c r="A40" s="8">
        <v>29</v>
      </c>
      <c r="B40" s="21">
        <v>72</v>
      </c>
      <c r="C40" s="6">
        <v>66</v>
      </c>
      <c r="D40" s="5">
        <v>138</v>
      </c>
    </row>
    <row r="41" spans="1:4" ht="18" customHeight="1" x14ac:dyDescent="0.15">
      <c r="A41" s="8" t="s">
        <v>19</v>
      </c>
      <c r="B41" s="21">
        <v>313</v>
      </c>
      <c r="C41" s="6">
        <v>309</v>
      </c>
      <c r="D41" s="5">
        <v>622</v>
      </c>
    </row>
    <row r="42" spans="1:4" ht="18" customHeight="1" x14ac:dyDescent="0.15">
      <c r="A42" s="8">
        <v>30</v>
      </c>
      <c r="B42" s="21">
        <v>82</v>
      </c>
      <c r="C42" s="6">
        <v>75</v>
      </c>
      <c r="D42" s="5">
        <v>157</v>
      </c>
    </row>
    <row r="43" spans="1:4" ht="18" customHeight="1" x14ac:dyDescent="0.15">
      <c r="A43" s="8">
        <v>31</v>
      </c>
      <c r="B43" s="21">
        <v>82</v>
      </c>
      <c r="C43" s="6">
        <v>72</v>
      </c>
      <c r="D43" s="5">
        <v>154</v>
      </c>
    </row>
    <row r="44" spans="1:4" ht="18" customHeight="1" x14ac:dyDescent="0.15">
      <c r="A44" s="8">
        <v>32</v>
      </c>
      <c r="B44" s="21">
        <v>59</v>
      </c>
      <c r="C44" s="6">
        <v>73</v>
      </c>
      <c r="D44" s="5">
        <v>132</v>
      </c>
    </row>
    <row r="45" spans="1:4" ht="18" customHeight="1" x14ac:dyDescent="0.15">
      <c r="A45" s="8">
        <v>33</v>
      </c>
      <c r="B45" s="21">
        <v>76</v>
      </c>
      <c r="C45" s="6">
        <v>72</v>
      </c>
      <c r="D45" s="5">
        <v>148</v>
      </c>
    </row>
    <row r="46" spans="1:4" ht="18" customHeight="1" x14ac:dyDescent="0.15">
      <c r="A46" s="8">
        <v>34</v>
      </c>
      <c r="B46" s="21">
        <v>69</v>
      </c>
      <c r="C46" s="6">
        <v>70</v>
      </c>
      <c r="D46" s="5">
        <v>139</v>
      </c>
    </row>
    <row r="47" spans="1:4" ht="18" customHeight="1" x14ac:dyDescent="0.15">
      <c r="A47" s="8" t="s">
        <v>18</v>
      </c>
      <c r="B47" s="21">
        <v>368</v>
      </c>
      <c r="C47" s="6">
        <v>362</v>
      </c>
      <c r="D47" s="5">
        <v>730</v>
      </c>
    </row>
    <row r="48" spans="1:4" ht="18" customHeight="1" x14ac:dyDescent="0.15">
      <c r="A48" s="8">
        <v>35</v>
      </c>
      <c r="B48" s="21">
        <v>64</v>
      </c>
      <c r="C48" s="6">
        <v>55</v>
      </c>
      <c r="D48" s="5">
        <v>119</v>
      </c>
    </row>
    <row r="49" spans="1:4" ht="18" customHeight="1" x14ac:dyDescent="0.15">
      <c r="A49" s="8">
        <v>36</v>
      </c>
      <c r="B49" s="21">
        <v>66</v>
      </c>
      <c r="C49" s="6">
        <v>68</v>
      </c>
      <c r="D49" s="5">
        <v>134</v>
      </c>
    </row>
    <row r="50" spans="1:4" ht="18" customHeight="1" x14ac:dyDescent="0.15">
      <c r="A50" s="8">
        <v>37</v>
      </c>
      <c r="B50" s="21">
        <v>85</v>
      </c>
      <c r="C50" s="6">
        <v>56</v>
      </c>
      <c r="D50" s="5">
        <v>141</v>
      </c>
    </row>
    <row r="51" spans="1:4" ht="18" customHeight="1" x14ac:dyDescent="0.15">
      <c r="A51" s="8">
        <v>38</v>
      </c>
      <c r="B51" s="21">
        <v>56</v>
      </c>
      <c r="C51" s="6">
        <v>55</v>
      </c>
      <c r="D51" s="5">
        <v>111</v>
      </c>
    </row>
    <row r="52" spans="1:4" ht="18" customHeight="1" x14ac:dyDescent="0.15">
      <c r="A52" s="8">
        <v>39</v>
      </c>
      <c r="B52" s="21">
        <v>67</v>
      </c>
      <c r="C52" s="6">
        <v>55</v>
      </c>
      <c r="D52" s="5">
        <v>122</v>
      </c>
    </row>
    <row r="53" spans="1:4" ht="18" customHeight="1" x14ac:dyDescent="0.15">
      <c r="A53" s="8" t="s">
        <v>17</v>
      </c>
      <c r="B53" s="21">
        <v>338</v>
      </c>
      <c r="C53" s="6">
        <v>289</v>
      </c>
      <c r="D53" s="5">
        <v>627</v>
      </c>
    </row>
    <row r="54" spans="1:4" ht="18" customHeight="1" x14ac:dyDescent="0.15">
      <c r="A54" s="8">
        <v>40</v>
      </c>
      <c r="B54" s="21">
        <v>64</v>
      </c>
      <c r="C54" s="6">
        <v>59</v>
      </c>
      <c r="D54" s="5">
        <v>123</v>
      </c>
    </row>
    <row r="55" spans="1:4" ht="18" customHeight="1" x14ac:dyDescent="0.15">
      <c r="A55" s="8">
        <v>41</v>
      </c>
      <c r="B55" s="21">
        <v>62</v>
      </c>
      <c r="C55" s="6">
        <v>61</v>
      </c>
      <c r="D55" s="5">
        <v>123</v>
      </c>
    </row>
    <row r="56" spans="1:4" ht="18" customHeight="1" x14ac:dyDescent="0.15">
      <c r="A56" s="8">
        <v>42</v>
      </c>
      <c r="B56" s="21">
        <v>67</v>
      </c>
      <c r="C56" s="6">
        <v>60</v>
      </c>
      <c r="D56" s="5">
        <v>127</v>
      </c>
    </row>
    <row r="57" spans="1:4" ht="18" customHeight="1" x14ac:dyDescent="0.15">
      <c r="A57" s="8">
        <v>43</v>
      </c>
      <c r="B57" s="21">
        <v>53</v>
      </c>
      <c r="C57" s="6">
        <v>61</v>
      </c>
      <c r="D57" s="5">
        <v>114</v>
      </c>
    </row>
    <row r="58" spans="1:4" ht="18" customHeight="1" x14ac:dyDescent="0.15">
      <c r="A58" s="8">
        <v>44</v>
      </c>
      <c r="B58" s="21">
        <v>64</v>
      </c>
      <c r="C58" s="6">
        <v>48</v>
      </c>
      <c r="D58" s="5">
        <v>112</v>
      </c>
    </row>
    <row r="59" spans="1:4" ht="18" customHeight="1" x14ac:dyDescent="0.15">
      <c r="A59" s="8" t="s">
        <v>16</v>
      </c>
      <c r="B59" s="21">
        <v>310</v>
      </c>
      <c r="C59" s="6">
        <v>289</v>
      </c>
      <c r="D59" s="5">
        <v>599</v>
      </c>
    </row>
    <row r="60" spans="1:4" ht="18" customHeight="1" x14ac:dyDescent="0.15">
      <c r="A60" s="8">
        <v>45</v>
      </c>
      <c r="B60" s="21">
        <v>61</v>
      </c>
      <c r="C60" s="6">
        <v>52</v>
      </c>
      <c r="D60" s="5">
        <v>113</v>
      </c>
    </row>
    <row r="61" spans="1:4" ht="18" customHeight="1" x14ac:dyDescent="0.15">
      <c r="A61" s="8">
        <v>46</v>
      </c>
      <c r="B61" s="21">
        <v>67</v>
      </c>
      <c r="C61" s="6">
        <v>57</v>
      </c>
      <c r="D61" s="5">
        <v>124</v>
      </c>
    </row>
    <row r="62" spans="1:4" ht="18" customHeight="1" x14ac:dyDescent="0.15">
      <c r="A62" s="8">
        <v>47</v>
      </c>
      <c r="B62" s="21">
        <v>62</v>
      </c>
      <c r="C62" s="6">
        <v>59</v>
      </c>
      <c r="D62" s="5">
        <v>121</v>
      </c>
    </row>
    <row r="63" spans="1:4" ht="18" customHeight="1" x14ac:dyDescent="0.15">
      <c r="A63" s="8">
        <v>48</v>
      </c>
      <c r="B63" s="21">
        <v>83</v>
      </c>
      <c r="C63" s="6">
        <v>63</v>
      </c>
      <c r="D63" s="5">
        <v>146</v>
      </c>
    </row>
    <row r="64" spans="1:4" ht="18" customHeight="1" x14ac:dyDescent="0.15">
      <c r="A64" s="8">
        <v>49</v>
      </c>
      <c r="B64" s="21">
        <v>75</v>
      </c>
      <c r="C64" s="6">
        <v>54</v>
      </c>
      <c r="D64" s="5">
        <v>129</v>
      </c>
    </row>
    <row r="65" spans="1:4" ht="18" customHeight="1" x14ac:dyDescent="0.15">
      <c r="A65" s="8" t="s">
        <v>15</v>
      </c>
      <c r="B65" s="21">
        <v>348</v>
      </c>
      <c r="C65" s="6">
        <v>285</v>
      </c>
      <c r="D65" s="5">
        <v>633</v>
      </c>
    </row>
    <row r="66" spans="1:4" ht="18" customHeight="1" x14ac:dyDescent="0.15">
      <c r="A66" s="8">
        <v>50</v>
      </c>
      <c r="B66" s="21">
        <v>60</v>
      </c>
      <c r="C66" s="6">
        <v>67</v>
      </c>
      <c r="D66" s="5">
        <v>127</v>
      </c>
    </row>
    <row r="67" spans="1:4" ht="18" customHeight="1" x14ac:dyDescent="0.15">
      <c r="A67" s="8">
        <v>51</v>
      </c>
      <c r="B67" s="21">
        <v>69</v>
      </c>
      <c r="C67" s="6">
        <v>85</v>
      </c>
      <c r="D67" s="5">
        <v>154</v>
      </c>
    </row>
    <row r="68" spans="1:4" ht="18" customHeight="1" x14ac:dyDescent="0.15">
      <c r="A68" s="8">
        <v>52</v>
      </c>
      <c r="B68" s="21">
        <v>80</v>
      </c>
      <c r="C68" s="6">
        <v>79</v>
      </c>
      <c r="D68" s="5">
        <v>159</v>
      </c>
    </row>
    <row r="69" spans="1:4" ht="18" customHeight="1" x14ac:dyDescent="0.15">
      <c r="A69" s="8">
        <v>53</v>
      </c>
      <c r="B69" s="21">
        <v>91</v>
      </c>
      <c r="C69" s="6">
        <v>96</v>
      </c>
      <c r="D69" s="5">
        <v>187</v>
      </c>
    </row>
    <row r="70" spans="1:4" ht="18" customHeight="1" x14ac:dyDescent="0.15">
      <c r="A70" s="8">
        <v>54</v>
      </c>
      <c r="B70" s="21">
        <v>80</v>
      </c>
      <c r="C70" s="6">
        <v>80</v>
      </c>
      <c r="D70" s="5">
        <v>160</v>
      </c>
    </row>
    <row r="71" spans="1:4" ht="18" customHeight="1" x14ac:dyDescent="0.15">
      <c r="A71" s="8" t="s">
        <v>14</v>
      </c>
      <c r="B71" s="21">
        <v>380</v>
      </c>
      <c r="C71" s="6">
        <v>407</v>
      </c>
      <c r="D71" s="5">
        <v>787</v>
      </c>
    </row>
    <row r="72" spans="1:4" ht="18" customHeight="1" x14ac:dyDescent="0.15">
      <c r="A72" s="8">
        <v>55</v>
      </c>
      <c r="B72" s="21">
        <v>88</v>
      </c>
      <c r="C72" s="6">
        <v>75</v>
      </c>
      <c r="D72" s="5">
        <v>163</v>
      </c>
    </row>
    <row r="73" spans="1:4" ht="18" customHeight="1" x14ac:dyDescent="0.15">
      <c r="A73" s="8">
        <v>56</v>
      </c>
      <c r="B73" s="21">
        <v>63</v>
      </c>
      <c r="C73" s="6">
        <v>60</v>
      </c>
      <c r="D73" s="5">
        <v>123</v>
      </c>
    </row>
    <row r="74" spans="1:4" ht="18" customHeight="1" x14ac:dyDescent="0.15">
      <c r="A74" s="8">
        <v>57</v>
      </c>
      <c r="B74" s="21">
        <v>80</v>
      </c>
      <c r="C74" s="6">
        <v>70</v>
      </c>
      <c r="D74" s="5">
        <v>150</v>
      </c>
    </row>
    <row r="75" spans="1:4" ht="18" customHeight="1" x14ac:dyDescent="0.15">
      <c r="A75" s="8">
        <v>58</v>
      </c>
      <c r="B75" s="21">
        <v>66</v>
      </c>
      <c r="C75" s="6">
        <v>71</v>
      </c>
      <c r="D75" s="5">
        <v>137</v>
      </c>
    </row>
    <row r="76" spans="1:4" ht="18" customHeight="1" x14ac:dyDescent="0.15">
      <c r="A76" s="8">
        <v>59</v>
      </c>
      <c r="B76" s="21">
        <v>45</v>
      </c>
      <c r="C76" s="6">
        <v>36</v>
      </c>
      <c r="D76" s="5">
        <v>81</v>
      </c>
    </row>
    <row r="77" spans="1:4" ht="18" customHeight="1" x14ac:dyDescent="0.15">
      <c r="A77" s="8" t="s">
        <v>13</v>
      </c>
      <c r="B77" s="21">
        <v>342</v>
      </c>
      <c r="C77" s="6">
        <v>312</v>
      </c>
      <c r="D77" s="5">
        <v>654</v>
      </c>
    </row>
    <row r="78" spans="1:4" ht="18" customHeight="1" x14ac:dyDescent="0.15">
      <c r="A78" s="8">
        <v>60</v>
      </c>
      <c r="B78" s="21">
        <v>58</v>
      </c>
      <c r="C78" s="6">
        <v>59</v>
      </c>
      <c r="D78" s="5">
        <v>117</v>
      </c>
    </row>
    <row r="79" spans="1:4" ht="18" customHeight="1" x14ac:dyDescent="0.15">
      <c r="A79" s="8">
        <v>61</v>
      </c>
      <c r="B79" s="21">
        <v>48</v>
      </c>
      <c r="C79" s="6">
        <v>43</v>
      </c>
      <c r="D79" s="5">
        <v>91</v>
      </c>
    </row>
    <row r="80" spans="1:4" ht="18" customHeight="1" x14ac:dyDescent="0.15">
      <c r="A80" s="8">
        <v>62</v>
      </c>
      <c r="B80" s="21">
        <v>50</v>
      </c>
      <c r="C80" s="6">
        <v>50</v>
      </c>
      <c r="D80" s="5">
        <v>100</v>
      </c>
    </row>
    <row r="81" spans="1:4" ht="18" customHeight="1" x14ac:dyDescent="0.15">
      <c r="A81" s="8">
        <v>63</v>
      </c>
      <c r="B81" s="21">
        <v>50</v>
      </c>
      <c r="C81" s="6">
        <v>66</v>
      </c>
      <c r="D81" s="5">
        <v>116</v>
      </c>
    </row>
    <row r="82" spans="1:4" ht="18" customHeight="1" x14ac:dyDescent="0.15">
      <c r="A82" s="8">
        <v>64</v>
      </c>
      <c r="B82" s="21">
        <v>57</v>
      </c>
      <c r="C82" s="6">
        <v>63</v>
      </c>
      <c r="D82" s="5">
        <v>120</v>
      </c>
    </row>
    <row r="83" spans="1:4" ht="18" customHeight="1" x14ac:dyDescent="0.15">
      <c r="A83" s="8" t="s">
        <v>12</v>
      </c>
      <c r="B83" s="21">
        <v>263</v>
      </c>
      <c r="C83" s="6">
        <v>281</v>
      </c>
      <c r="D83" s="5">
        <v>544</v>
      </c>
    </row>
    <row r="84" spans="1:4" ht="18" customHeight="1" x14ac:dyDescent="0.15">
      <c r="A84" s="8" t="s">
        <v>11</v>
      </c>
      <c r="B84" s="21">
        <v>3077</v>
      </c>
      <c r="C84" s="6">
        <v>2923</v>
      </c>
      <c r="D84" s="5">
        <v>6000</v>
      </c>
    </row>
    <row r="85" spans="1:4" ht="18" customHeight="1" x14ac:dyDescent="0.15">
      <c r="A85" s="8">
        <v>65</v>
      </c>
      <c r="B85" s="21">
        <v>43</v>
      </c>
      <c r="C85" s="6">
        <v>56</v>
      </c>
      <c r="D85" s="5">
        <v>99</v>
      </c>
    </row>
    <row r="86" spans="1:4" ht="18" customHeight="1" x14ac:dyDescent="0.15">
      <c r="A86" s="8">
        <v>66</v>
      </c>
      <c r="B86" s="21">
        <v>50</v>
      </c>
      <c r="C86" s="6">
        <v>42</v>
      </c>
      <c r="D86" s="5">
        <v>92</v>
      </c>
    </row>
    <row r="87" spans="1:4" ht="18" customHeight="1" x14ac:dyDescent="0.15">
      <c r="A87" s="8">
        <v>67</v>
      </c>
      <c r="B87" s="21">
        <v>42</v>
      </c>
      <c r="C87" s="6">
        <v>59</v>
      </c>
      <c r="D87" s="5">
        <v>101</v>
      </c>
    </row>
    <row r="88" spans="1:4" ht="18" customHeight="1" x14ac:dyDescent="0.15">
      <c r="A88" s="8">
        <v>68</v>
      </c>
      <c r="B88" s="21">
        <v>37</v>
      </c>
      <c r="C88" s="6">
        <v>37</v>
      </c>
      <c r="D88" s="5">
        <v>74</v>
      </c>
    </row>
    <row r="89" spans="1:4" ht="18" customHeight="1" x14ac:dyDescent="0.15">
      <c r="A89" s="8">
        <v>69</v>
      </c>
      <c r="B89" s="21">
        <v>40</v>
      </c>
      <c r="C89" s="6">
        <v>66</v>
      </c>
      <c r="D89" s="5">
        <v>106</v>
      </c>
    </row>
    <row r="90" spans="1:4" ht="18" customHeight="1" x14ac:dyDescent="0.15">
      <c r="A90" s="8" t="s">
        <v>10</v>
      </c>
      <c r="B90" s="21">
        <v>212</v>
      </c>
      <c r="C90" s="6">
        <v>260</v>
      </c>
      <c r="D90" s="5">
        <v>472</v>
      </c>
    </row>
    <row r="91" spans="1:4" ht="18" customHeight="1" x14ac:dyDescent="0.15">
      <c r="A91" s="8">
        <v>70</v>
      </c>
      <c r="B91" s="21">
        <v>53</v>
      </c>
      <c r="C91" s="6">
        <v>70</v>
      </c>
      <c r="D91" s="5">
        <v>123</v>
      </c>
    </row>
    <row r="92" spans="1:4" ht="18" customHeight="1" x14ac:dyDescent="0.15">
      <c r="A92" s="8">
        <v>71</v>
      </c>
      <c r="B92" s="21">
        <v>53</v>
      </c>
      <c r="C92" s="6">
        <v>66</v>
      </c>
      <c r="D92" s="5">
        <v>119</v>
      </c>
    </row>
    <row r="93" spans="1:4" ht="18" customHeight="1" x14ac:dyDescent="0.15">
      <c r="A93" s="8">
        <v>72</v>
      </c>
      <c r="B93" s="21">
        <v>54</v>
      </c>
      <c r="C93" s="6">
        <v>61</v>
      </c>
      <c r="D93" s="5">
        <v>115</v>
      </c>
    </row>
    <row r="94" spans="1:4" ht="18" customHeight="1" x14ac:dyDescent="0.15">
      <c r="A94" s="8">
        <v>73</v>
      </c>
      <c r="B94" s="21">
        <v>59</v>
      </c>
      <c r="C94" s="6">
        <v>50</v>
      </c>
      <c r="D94" s="5">
        <v>109</v>
      </c>
    </row>
    <row r="95" spans="1:4" ht="18" customHeight="1" x14ac:dyDescent="0.15">
      <c r="A95" s="8">
        <v>74</v>
      </c>
      <c r="B95" s="21">
        <v>57</v>
      </c>
      <c r="C95" s="6">
        <v>77</v>
      </c>
      <c r="D95" s="5">
        <v>134</v>
      </c>
    </row>
    <row r="96" spans="1:4" ht="18" customHeight="1" x14ac:dyDescent="0.15">
      <c r="A96" s="8" t="s">
        <v>9</v>
      </c>
      <c r="B96" s="21">
        <v>276</v>
      </c>
      <c r="C96" s="6">
        <v>324</v>
      </c>
      <c r="D96" s="5">
        <v>600</v>
      </c>
    </row>
    <row r="97" spans="1:4" ht="18" customHeight="1" x14ac:dyDescent="0.15">
      <c r="A97" s="8">
        <v>75</v>
      </c>
      <c r="B97" s="21">
        <v>58</v>
      </c>
      <c r="C97" s="6">
        <v>79</v>
      </c>
      <c r="D97" s="5">
        <v>137</v>
      </c>
    </row>
    <row r="98" spans="1:4" ht="18" customHeight="1" x14ac:dyDescent="0.15">
      <c r="A98" s="8">
        <v>76</v>
      </c>
      <c r="B98" s="21">
        <v>82</v>
      </c>
      <c r="C98" s="6">
        <v>88</v>
      </c>
      <c r="D98" s="5">
        <v>170</v>
      </c>
    </row>
    <row r="99" spans="1:4" ht="18" customHeight="1" x14ac:dyDescent="0.15">
      <c r="A99" s="8">
        <v>77</v>
      </c>
      <c r="B99" s="21">
        <v>66</v>
      </c>
      <c r="C99" s="6">
        <v>87</v>
      </c>
      <c r="D99" s="5">
        <v>153</v>
      </c>
    </row>
    <row r="100" spans="1:4" ht="18" customHeight="1" x14ac:dyDescent="0.15">
      <c r="A100" s="8">
        <v>78</v>
      </c>
      <c r="B100" s="21">
        <v>69</v>
      </c>
      <c r="C100" s="6">
        <v>102</v>
      </c>
      <c r="D100" s="5">
        <v>171</v>
      </c>
    </row>
    <row r="101" spans="1:4" ht="18" customHeight="1" x14ac:dyDescent="0.15">
      <c r="A101" s="8">
        <v>79</v>
      </c>
      <c r="B101" s="21">
        <v>45</v>
      </c>
      <c r="C101" s="6">
        <v>61</v>
      </c>
      <c r="D101" s="5">
        <v>106</v>
      </c>
    </row>
    <row r="102" spans="1:4" ht="18" customHeight="1" x14ac:dyDescent="0.15">
      <c r="A102" s="8" t="s">
        <v>8</v>
      </c>
      <c r="B102" s="21">
        <v>320</v>
      </c>
      <c r="C102" s="6">
        <v>417</v>
      </c>
      <c r="D102" s="5">
        <v>737</v>
      </c>
    </row>
    <row r="103" spans="1:4" ht="18" customHeight="1" x14ac:dyDescent="0.15">
      <c r="A103" s="8">
        <v>80</v>
      </c>
      <c r="B103" s="21">
        <v>43</v>
      </c>
      <c r="C103" s="6">
        <v>39</v>
      </c>
      <c r="D103" s="5">
        <v>82</v>
      </c>
    </row>
    <row r="104" spans="1:4" ht="18" customHeight="1" x14ac:dyDescent="0.15">
      <c r="A104" s="8">
        <v>81</v>
      </c>
      <c r="B104" s="21">
        <v>48</v>
      </c>
      <c r="C104" s="6">
        <v>78</v>
      </c>
      <c r="D104" s="5">
        <v>126</v>
      </c>
    </row>
    <row r="105" spans="1:4" ht="18" customHeight="1" x14ac:dyDescent="0.15">
      <c r="A105" s="8">
        <v>82</v>
      </c>
      <c r="B105" s="21">
        <v>46</v>
      </c>
      <c r="C105" s="6">
        <v>44</v>
      </c>
      <c r="D105" s="5">
        <v>90</v>
      </c>
    </row>
    <row r="106" spans="1:4" ht="18" customHeight="1" x14ac:dyDescent="0.15">
      <c r="A106" s="8">
        <v>83</v>
      </c>
      <c r="B106" s="21">
        <v>31</v>
      </c>
      <c r="C106" s="6">
        <v>60</v>
      </c>
      <c r="D106" s="5">
        <v>91</v>
      </c>
    </row>
    <row r="107" spans="1:4" ht="18" customHeight="1" x14ac:dyDescent="0.15">
      <c r="A107" s="8">
        <v>84</v>
      </c>
      <c r="B107" s="21">
        <v>32</v>
      </c>
      <c r="C107" s="6">
        <v>56</v>
      </c>
      <c r="D107" s="5">
        <v>88</v>
      </c>
    </row>
    <row r="108" spans="1:4" ht="18" customHeight="1" x14ac:dyDescent="0.15">
      <c r="A108" s="8" t="s">
        <v>7</v>
      </c>
      <c r="B108" s="21">
        <v>200</v>
      </c>
      <c r="C108" s="6">
        <v>277</v>
      </c>
      <c r="D108" s="5">
        <v>477</v>
      </c>
    </row>
    <row r="109" spans="1:4" ht="18" customHeight="1" x14ac:dyDescent="0.15">
      <c r="A109" s="8">
        <v>85</v>
      </c>
      <c r="B109" s="21">
        <v>30</v>
      </c>
      <c r="C109" s="6">
        <v>41</v>
      </c>
      <c r="D109" s="5">
        <v>71</v>
      </c>
    </row>
    <row r="110" spans="1:4" ht="18" customHeight="1" x14ac:dyDescent="0.15">
      <c r="A110" s="8">
        <v>86</v>
      </c>
      <c r="B110" s="21">
        <v>18</v>
      </c>
      <c r="C110" s="6">
        <v>41</v>
      </c>
      <c r="D110" s="5">
        <v>59</v>
      </c>
    </row>
    <row r="111" spans="1:4" ht="18" customHeight="1" x14ac:dyDescent="0.15">
      <c r="A111" s="8">
        <v>87</v>
      </c>
      <c r="B111" s="21">
        <v>17</v>
      </c>
      <c r="C111" s="6">
        <v>24</v>
      </c>
      <c r="D111" s="5">
        <v>41</v>
      </c>
    </row>
    <row r="112" spans="1:4" ht="18" customHeight="1" x14ac:dyDescent="0.15">
      <c r="A112" s="8">
        <v>88</v>
      </c>
      <c r="B112" s="21">
        <v>19</v>
      </c>
      <c r="C112" s="6">
        <v>33</v>
      </c>
      <c r="D112" s="5">
        <v>52</v>
      </c>
    </row>
    <row r="113" spans="1:4" ht="18" customHeight="1" x14ac:dyDescent="0.15">
      <c r="A113" s="8">
        <v>89</v>
      </c>
      <c r="B113" s="21">
        <v>9</v>
      </c>
      <c r="C113" s="6">
        <v>47</v>
      </c>
      <c r="D113" s="5">
        <v>56</v>
      </c>
    </row>
    <row r="114" spans="1:4" ht="18" customHeight="1" x14ac:dyDescent="0.15">
      <c r="A114" s="8" t="s">
        <v>6</v>
      </c>
      <c r="B114" s="21">
        <v>93</v>
      </c>
      <c r="C114" s="6">
        <v>186</v>
      </c>
      <c r="D114" s="5">
        <v>279</v>
      </c>
    </row>
    <row r="115" spans="1:4" ht="18" customHeight="1" x14ac:dyDescent="0.15">
      <c r="A115" s="8">
        <v>90</v>
      </c>
      <c r="B115" s="21">
        <v>11</v>
      </c>
      <c r="C115" s="6">
        <v>26</v>
      </c>
      <c r="D115" s="5">
        <v>37</v>
      </c>
    </row>
    <row r="116" spans="1:4" ht="18" customHeight="1" x14ac:dyDescent="0.15">
      <c r="A116" s="8">
        <v>91</v>
      </c>
      <c r="B116" s="21">
        <v>13</v>
      </c>
      <c r="C116" s="6">
        <v>13</v>
      </c>
      <c r="D116" s="5">
        <v>26</v>
      </c>
    </row>
    <row r="117" spans="1:4" ht="18" customHeight="1" x14ac:dyDescent="0.15">
      <c r="A117" s="8">
        <v>92</v>
      </c>
      <c r="B117" s="21">
        <v>8</v>
      </c>
      <c r="C117" s="6">
        <v>16</v>
      </c>
      <c r="D117" s="5">
        <v>24</v>
      </c>
    </row>
    <row r="118" spans="1:4" ht="18" customHeight="1" x14ac:dyDescent="0.15">
      <c r="A118" s="8">
        <v>93</v>
      </c>
      <c r="B118" s="21">
        <v>8</v>
      </c>
      <c r="C118" s="6">
        <v>17</v>
      </c>
      <c r="D118" s="5">
        <v>25</v>
      </c>
    </row>
    <row r="119" spans="1:4" ht="18" customHeight="1" x14ac:dyDescent="0.15">
      <c r="A119" s="8">
        <v>94</v>
      </c>
      <c r="B119" s="21">
        <v>3</v>
      </c>
      <c r="C119" s="6">
        <v>17</v>
      </c>
      <c r="D119" s="5">
        <v>20</v>
      </c>
    </row>
    <row r="120" spans="1:4" ht="18" customHeight="1" x14ac:dyDescent="0.15">
      <c r="A120" s="8" t="s">
        <v>5</v>
      </c>
      <c r="B120" s="21">
        <v>43</v>
      </c>
      <c r="C120" s="6">
        <v>89</v>
      </c>
      <c r="D120" s="5">
        <v>132</v>
      </c>
    </row>
    <row r="121" spans="1:4" ht="18" customHeight="1" x14ac:dyDescent="0.15">
      <c r="A121" s="8">
        <v>95</v>
      </c>
      <c r="B121" s="21">
        <v>3</v>
      </c>
      <c r="C121" s="6">
        <v>11</v>
      </c>
      <c r="D121" s="5">
        <v>14</v>
      </c>
    </row>
    <row r="122" spans="1:4" ht="18" customHeight="1" x14ac:dyDescent="0.15">
      <c r="A122" s="8">
        <v>96</v>
      </c>
      <c r="B122" s="21">
        <v>1</v>
      </c>
      <c r="C122" s="6">
        <v>7</v>
      </c>
      <c r="D122" s="5">
        <v>8</v>
      </c>
    </row>
    <row r="123" spans="1:4" ht="18" customHeight="1" x14ac:dyDescent="0.15">
      <c r="A123" s="8">
        <v>97</v>
      </c>
      <c r="B123" s="21">
        <v>2</v>
      </c>
      <c r="C123" s="6">
        <v>7</v>
      </c>
      <c r="D123" s="5">
        <v>9</v>
      </c>
    </row>
    <row r="124" spans="1:4" ht="18" customHeight="1" x14ac:dyDescent="0.15">
      <c r="A124" s="8">
        <v>98</v>
      </c>
      <c r="B124" s="21">
        <v>0</v>
      </c>
      <c r="C124" s="6">
        <v>14</v>
      </c>
      <c r="D124" s="5">
        <v>14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6</v>
      </c>
      <c r="C126" s="6">
        <v>41</v>
      </c>
      <c r="D126" s="5">
        <v>47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1150</v>
      </c>
      <c r="C130" s="6">
        <v>1599</v>
      </c>
      <c r="D130" s="5">
        <v>2749</v>
      </c>
    </row>
    <row r="131" spans="1:4" ht="18" customHeight="1" x14ac:dyDescent="0.15">
      <c r="A131" s="4" t="s">
        <v>0</v>
      </c>
      <c r="B131" s="20">
        <v>4797</v>
      </c>
      <c r="C131" s="2">
        <v>5102</v>
      </c>
      <c r="D131" s="1">
        <v>989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D2272D-4A5C-4445-976A-16C6A7BDC085}">
  <sheetPr codeName="Sheet3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4</v>
      </c>
      <c r="C5" s="11">
        <v>41</v>
      </c>
      <c r="D5" s="10">
        <v>85</v>
      </c>
    </row>
    <row r="6" spans="1:4" ht="18" customHeight="1" x14ac:dyDescent="0.15">
      <c r="A6" s="8">
        <v>1</v>
      </c>
      <c r="B6" s="21">
        <v>45</v>
      </c>
      <c r="C6" s="6">
        <v>39</v>
      </c>
      <c r="D6" s="5">
        <v>84</v>
      </c>
    </row>
    <row r="7" spans="1:4" ht="18" customHeight="1" x14ac:dyDescent="0.15">
      <c r="A7" s="8">
        <v>2</v>
      </c>
      <c r="B7" s="21">
        <v>42</v>
      </c>
      <c r="C7" s="6">
        <v>39</v>
      </c>
      <c r="D7" s="5">
        <v>81</v>
      </c>
    </row>
    <row r="8" spans="1:4" ht="18" customHeight="1" x14ac:dyDescent="0.15">
      <c r="A8" s="8">
        <v>3</v>
      </c>
      <c r="B8" s="21">
        <v>46</v>
      </c>
      <c r="C8" s="6">
        <v>49</v>
      </c>
      <c r="D8" s="5">
        <v>95</v>
      </c>
    </row>
    <row r="9" spans="1:4" ht="18" customHeight="1" x14ac:dyDescent="0.15">
      <c r="A9" s="8">
        <v>4</v>
      </c>
      <c r="B9" s="21">
        <v>64</v>
      </c>
      <c r="C9" s="6">
        <v>55</v>
      </c>
      <c r="D9" s="5">
        <v>119</v>
      </c>
    </row>
    <row r="10" spans="1:4" ht="18" customHeight="1" x14ac:dyDescent="0.15">
      <c r="A10" s="8" t="s">
        <v>25</v>
      </c>
      <c r="B10" s="21">
        <v>241</v>
      </c>
      <c r="C10" s="6">
        <v>223</v>
      </c>
      <c r="D10" s="5">
        <v>464</v>
      </c>
    </row>
    <row r="11" spans="1:4" ht="18" customHeight="1" x14ac:dyDescent="0.15">
      <c r="A11" s="8">
        <v>5</v>
      </c>
      <c r="B11" s="21">
        <v>59</v>
      </c>
      <c r="C11" s="6">
        <v>44</v>
      </c>
      <c r="D11" s="5">
        <v>103</v>
      </c>
    </row>
    <row r="12" spans="1:4" ht="18" customHeight="1" x14ac:dyDescent="0.15">
      <c r="A12" s="8">
        <v>6</v>
      </c>
      <c r="B12" s="21">
        <v>56</v>
      </c>
      <c r="C12" s="6">
        <v>64</v>
      </c>
      <c r="D12" s="5">
        <v>120</v>
      </c>
    </row>
    <row r="13" spans="1:4" ht="18" customHeight="1" x14ac:dyDescent="0.15">
      <c r="A13" s="8">
        <v>7</v>
      </c>
      <c r="B13" s="21">
        <v>70</v>
      </c>
      <c r="C13" s="6">
        <v>60</v>
      </c>
      <c r="D13" s="5">
        <v>130</v>
      </c>
    </row>
    <row r="14" spans="1:4" ht="18" customHeight="1" x14ac:dyDescent="0.15">
      <c r="A14" s="8">
        <v>8</v>
      </c>
      <c r="B14" s="21">
        <v>50</v>
      </c>
      <c r="C14" s="6">
        <v>50</v>
      </c>
      <c r="D14" s="5">
        <v>100</v>
      </c>
    </row>
    <row r="15" spans="1:4" ht="18" customHeight="1" x14ac:dyDescent="0.15">
      <c r="A15" s="8">
        <v>9</v>
      </c>
      <c r="B15" s="21">
        <v>54</v>
      </c>
      <c r="C15" s="6">
        <v>51</v>
      </c>
      <c r="D15" s="5">
        <v>105</v>
      </c>
    </row>
    <row r="16" spans="1:4" ht="18" customHeight="1" x14ac:dyDescent="0.15">
      <c r="A16" s="8" t="s">
        <v>24</v>
      </c>
      <c r="B16" s="21">
        <v>289</v>
      </c>
      <c r="C16" s="6">
        <v>269</v>
      </c>
      <c r="D16" s="5">
        <v>558</v>
      </c>
    </row>
    <row r="17" spans="1:4" ht="18" customHeight="1" x14ac:dyDescent="0.15">
      <c r="A17" s="8">
        <v>10</v>
      </c>
      <c r="B17" s="21">
        <v>54</v>
      </c>
      <c r="C17" s="6">
        <v>66</v>
      </c>
      <c r="D17" s="5">
        <v>120</v>
      </c>
    </row>
    <row r="18" spans="1:4" ht="18" customHeight="1" x14ac:dyDescent="0.15">
      <c r="A18" s="8">
        <v>11</v>
      </c>
      <c r="B18" s="21">
        <v>52</v>
      </c>
      <c r="C18" s="6">
        <v>61</v>
      </c>
      <c r="D18" s="5">
        <v>113</v>
      </c>
    </row>
    <row r="19" spans="1:4" ht="18" customHeight="1" x14ac:dyDescent="0.15">
      <c r="A19" s="8">
        <v>12</v>
      </c>
      <c r="B19" s="21">
        <v>50</v>
      </c>
      <c r="C19" s="6">
        <v>58</v>
      </c>
      <c r="D19" s="5">
        <v>108</v>
      </c>
    </row>
    <row r="20" spans="1:4" ht="18" customHeight="1" x14ac:dyDescent="0.15">
      <c r="A20" s="8">
        <v>13</v>
      </c>
      <c r="B20" s="21">
        <v>53</v>
      </c>
      <c r="C20" s="6">
        <v>66</v>
      </c>
      <c r="D20" s="5">
        <v>119</v>
      </c>
    </row>
    <row r="21" spans="1:4" ht="18" customHeight="1" x14ac:dyDescent="0.15">
      <c r="A21" s="8">
        <v>14</v>
      </c>
      <c r="B21" s="21">
        <v>40</v>
      </c>
      <c r="C21" s="6">
        <v>51</v>
      </c>
      <c r="D21" s="5">
        <v>91</v>
      </c>
    </row>
    <row r="22" spans="1:4" ht="18" customHeight="1" x14ac:dyDescent="0.15">
      <c r="A22" s="8" t="s">
        <v>23</v>
      </c>
      <c r="B22" s="21">
        <v>249</v>
      </c>
      <c r="C22" s="6">
        <v>302</v>
      </c>
      <c r="D22" s="5">
        <v>551</v>
      </c>
    </row>
    <row r="23" spans="1:4" ht="18" customHeight="1" x14ac:dyDescent="0.15">
      <c r="A23" s="8" t="s">
        <v>22</v>
      </c>
      <c r="B23" s="21">
        <v>779</v>
      </c>
      <c r="C23" s="6">
        <v>794</v>
      </c>
      <c r="D23" s="5">
        <v>1573</v>
      </c>
    </row>
    <row r="24" spans="1:4" ht="18" customHeight="1" x14ac:dyDescent="0.15">
      <c r="A24" s="8">
        <v>15</v>
      </c>
      <c r="B24" s="21">
        <v>56</v>
      </c>
      <c r="C24" s="6">
        <v>54</v>
      </c>
      <c r="D24" s="5">
        <v>110</v>
      </c>
    </row>
    <row r="25" spans="1:4" ht="18" customHeight="1" x14ac:dyDescent="0.15">
      <c r="A25" s="8">
        <v>16</v>
      </c>
      <c r="B25" s="21">
        <v>50</v>
      </c>
      <c r="C25" s="6">
        <v>63</v>
      </c>
      <c r="D25" s="5">
        <v>113</v>
      </c>
    </row>
    <row r="26" spans="1:4" ht="18" customHeight="1" x14ac:dyDescent="0.15">
      <c r="A26" s="8">
        <v>17</v>
      </c>
      <c r="B26" s="21">
        <v>51</v>
      </c>
      <c r="C26" s="6">
        <v>48</v>
      </c>
      <c r="D26" s="5">
        <v>99</v>
      </c>
    </row>
    <row r="27" spans="1:4" ht="18" customHeight="1" x14ac:dyDescent="0.15">
      <c r="A27" s="8">
        <v>18</v>
      </c>
      <c r="B27" s="21">
        <v>55</v>
      </c>
      <c r="C27" s="6">
        <v>45</v>
      </c>
      <c r="D27" s="5">
        <v>100</v>
      </c>
    </row>
    <row r="28" spans="1:4" ht="18" customHeight="1" x14ac:dyDescent="0.15">
      <c r="A28" s="8">
        <v>19</v>
      </c>
      <c r="B28" s="21">
        <v>49</v>
      </c>
      <c r="C28" s="6">
        <v>55</v>
      </c>
      <c r="D28" s="5">
        <v>104</v>
      </c>
    </row>
    <row r="29" spans="1:4" ht="18" customHeight="1" x14ac:dyDescent="0.15">
      <c r="A29" s="8" t="s">
        <v>21</v>
      </c>
      <c r="B29" s="21">
        <v>261</v>
      </c>
      <c r="C29" s="6">
        <v>265</v>
      </c>
      <c r="D29" s="5">
        <v>526</v>
      </c>
    </row>
    <row r="30" spans="1:4" ht="18" customHeight="1" x14ac:dyDescent="0.15">
      <c r="A30" s="8">
        <v>20</v>
      </c>
      <c r="B30" s="21">
        <v>59</v>
      </c>
      <c r="C30" s="6">
        <v>59</v>
      </c>
      <c r="D30" s="5">
        <v>118</v>
      </c>
    </row>
    <row r="31" spans="1:4" ht="18" customHeight="1" x14ac:dyDescent="0.15">
      <c r="A31" s="8">
        <v>21</v>
      </c>
      <c r="B31" s="21">
        <v>56</v>
      </c>
      <c r="C31" s="6">
        <v>54</v>
      </c>
      <c r="D31" s="5">
        <v>110</v>
      </c>
    </row>
    <row r="32" spans="1:4" ht="18" customHeight="1" x14ac:dyDescent="0.15">
      <c r="A32" s="8">
        <v>22</v>
      </c>
      <c r="B32" s="21">
        <v>55</v>
      </c>
      <c r="C32" s="6">
        <v>59</v>
      </c>
      <c r="D32" s="5">
        <v>114</v>
      </c>
    </row>
    <row r="33" spans="1:4" ht="18" customHeight="1" x14ac:dyDescent="0.15">
      <c r="A33" s="8">
        <v>23</v>
      </c>
      <c r="B33" s="21">
        <v>57</v>
      </c>
      <c r="C33" s="6">
        <v>72</v>
      </c>
      <c r="D33" s="5">
        <v>129</v>
      </c>
    </row>
    <row r="34" spans="1:4" ht="18" customHeight="1" x14ac:dyDescent="0.15">
      <c r="A34" s="8">
        <v>24</v>
      </c>
      <c r="B34" s="21">
        <v>76</v>
      </c>
      <c r="C34" s="6">
        <v>63</v>
      </c>
      <c r="D34" s="5">
        <v>139</v>
      </c>
    </row>
    <row r="35" spans="1:4" ht="18" customHeight="1" x14ac:dyDescent="0.15">
      <c r="A35" s="8" t="s">
        <v>20</v>
      </c>
      <c r="B35" s="21">
        <v>303</v>
      </c>
      <c r="C35" s="6">
        <v>307</v>
      </c>
      <c r="D35" s="5">
        <v>610</v>
      </c>
    </row>
    <row r="36" spans="1:4" ht="18" customHeight="1" x14ac:dyDescent="0.15">
      <c r="A36" s="8">
        <v>25</v>
      </c>
      <c r="B36" s="21">
        <v>87</v>
      </c>
      <c r="C36" s="6">
        <v>73</v>
      </c>
      <c r="D36" s="5">
        <v>160</v>
      </c>
    </row>
    <row r="37" spans="1:4" ht="18" customHeight="1" x14ac:dyDescent="0.15">
      <c r="A37" s="8">
        <v>26</v>
      </c>
      <c r="B37" s="21">
        <v>83</v>
      </c>
      <c r="C37" s="6">
        <v>78</v>
      </c>
      <c r="D37" s="5">
        <v>161</v>
      </c>
    </row>
    <row r="38" spans="1:4" ht="18" customHeight="1" x14ac:dyDescent="0.15">
      <c r="A38" s="8">
        <v>27</v>
      </c>
      <c r="B38" s="21">
        <v>81</v>
      </c>
      <c r="C38" s="6">
        <v>73</v>
      </c>
      <c r="D38" s="5">
        <v>154</v>
      </c>
    </row>
    <row r="39" spans="1:4" ht="18" customHeight="1" x14ac:dyDescent="0.15">
      <c r="A39" s="8">
        <v>28</v>
      </c>
      <c r="B39" s="21">
        <v>69</v>
      </c>
      <c r="C39" s="6">
        <v>89</v>
      </c>
      <c r="D39" s="5">
        <v>158</v>
      </c>
    </row>
    <row r="40" spans="1:4" ht="18" customHeight="1" x14ac:dyDescent="0.15">
      <c r="A40" s="8">
        <v>29</v>
      </c>
      <c r="B40" s="21">
        <v>88</v>
      </c>
      <c r="C40" s="6">
        <v>65</v>
      </c>
      <c r="D40" s="5">
        <v>153</v>
      </c>
    </row>
    <row r="41" spans="1:4" ht="18" customHeight="1" x14ac:dyDescent="0.15">
      <c r="A41" s="8" t="s">
        <v>19</v>
      </c>
      <c r="B41" s="21">
        <v>408</v>
      </c>
      <c r="C41" s="6">
        <v>378</v>
      </c>
      <c r="D41" s="5">
        <v>786</v>
      </c>
    </row>
    <row r="42" spans="1:4" ht="18" customHeight="1" x14ac:dyDescent="0.15">
      <c r="A42" s="8">
        <v>30</v>
      </c>
      <c r="B42" s="21">
        <v>91</v>
      </c>
      <c r="C42" s="6">
        <v>89</v>
      </c>
      <c r="D42" s="5">
        <v>180</v>
      </c>
    </row>
    <row r="43" spans="1:4" ht="18" customHeight="1" x14ac:dyDescent="0.15">
      <c r="A43" s="8">
        <v>31</v>
      </c>
      <c r="B43" s="21">
        <v>109</v>
      </c>
      <c r="C43" s="6">
        <v>82</v>
      </c>
      <c r="D43" s="5">
        <v>191</v>
      </c>
    </row>
    <row r="44" spans="1:4" ht="18" customHeight="1" x14ac:dyDescent="0.15">
      <c r="A44" s="8">
        <v>32</v>
      </c>
      <c r="B44" s="21">
        <v>80</v>
      </c>
      <c r="C44" s="6">
        <v>73</v>
      </c>
      <c r="D44" s="5">
        <v>153</v>
      </c>
    </row>
    <row r="45" spans="1:4" ht="18" customHeight="1" x14ac:dyDescent="0.15">
      <c r="A45" s="8">
        <v>33</v>
      </c>
      <c r="B45" s="21">
        <v>70</v>
      </c>
      <c r="C45" s="6">
        <v>60</v>
      </c>
      <c r="D45" s="5">
        <v>130</v>
      </c>
    </row>
    <row r="46" spans="1:4" ht="18" customHeight="1" x14ac:dyDescent="0.15">
      <c r="A46" s="8">
        <v>34</v>
      </c>
      <c r="B46" s="21">
        <v>91</v>
      </c>
      <c r="C46" s="6">
        <v>52</v>
      </c>
      <c r="D46" s="5">
        <v>143</v>
      </c>
    </row>
    <row r="47" spans="1:4" ht="18" customHeight="1" x14ac:dyDescent="0.15">
      <c r="A47" s="8" t="s">
        <v>18</v>
      </c>
      <c r="B47" s="21">
        <v>441</v>
      </c>
      <c r="C47" s="6">
        <v>356</v>
      </c>
      <c r="D47" s="5">
        <v>797</v>
      </c>
    </row>
    <row r="48" spans="1:4" ht="18" customHeight="1" x14ac:dyDescent="0.15">
      <c r="A48" s="8">
        <v>35</v>
      </c>
      <c r="B48" s="21">
        <v>67</v>
      </c>
      <c r="C48" s="6">
        <v>80</v>
      </c>
      <c r="D48" s="5">
        <v>147</v>
      </c>
    </row>
    <row r="49" spans="1:4" ht="18" customHeight="1" x14ac:dyDescent="0.15">
      <c r="A49" s="8">
        <v>36</v>
      </c>
      <c r="B49" s="21">
        <v>84</v>
      </c>
      <c r="C49" s="6">
        <v>66</v>
      </c>
      <c r="D49" s="5">
        <v>150</v>
      </c>
    </row>
    <row r="50" spans="1:4" ht="18" customHeight="1" x14ac:dyDescent="0.15">
      <c r="A50" s="8">
        <v>37</v>
      </c>
      <c r="B50" s="21">
        <v>77</v>
      </c>
      <c r="C50" s="6">
        <v>67</v>
      </c>
      <c r="D50" s="5">
        <v>144</v>
      </c>
    </row>
    <row r="51" spans="1:4" ht="18" customHeight="1" x14ac:dyDescent="0.15">
      <c r="A51" s="8">
        <v>38</v>
      </c>
      <c r="B51" s="21">
        <v>74</v>
      </c>
      <c r="C51" s="6">
        <v>69</v>
      </c>
      <c r="D51" s="5">
        <v>143</v>
      </c>
    </row>
    <row r="52" spans="1:4" ht="18" customHeight="1" x14ac:dyDescent="0.15">
      <c r="A52" s="8">
        <v>39</v>
      </c>
      <c r="B52" s="21">
        <v>80</v>
      </c>
      <c r="C52" s="6">
        <v>80</v>
      </c>
      <c r="D52" s="5">
        <v>160</v>
      </c>
    </row>
    <row r="53" spans="1:4" ht="18" customHeight="1" x14ac:dyDescent="0.15">
      <c r="A53" s="8" t="s">
        <v>17</v>
      </c>
      <c r="B53" s="21">
        <v>382</v>
      </c>
      <c r="C53" s="6">
        <v>362</v>
      </c>
      <c r="D53" s="5">
        <v>744</v>
      </c>
    </row>
    <row r="54" spans="1:4" ht="18" customHeight="1" x14ac:dyDescent="0.15">
      <c r="A54" s="8">
        <v>40</v>
      </c>
      <c r="B54" s="21">
        <v>89</v>
      </c>
      <c r="C54" s="6">
        <v>97</v>
      </c>
      <c r="D54" s="5">
        <v>186</v>
      </c>
    </row>
    <row r="55" spans="1:4" ht="18" customHeight="1" x14ac:dyDescent="0.15">
      <c r="A55" s="8">
        <v>41</v>
      </c>
      <c r="B55" s="21">
        <v>75</v>
      </c>
      <c r="C55" s="6">
        <v>77</v>
      </c>
      <c r="D55" s="5">
        <v>152</v>
      </c>
    </row>
    <row r="56" spans="1:4" ht="18" customHeight="1" x14ac:dyDescent="0.15">
      <c r="A56" s="8">
        <v>42</v>
      </c>
      <c r="B56" s="21">
        <v>87</v>
      </c>
      <c r="C56" s="6">
        <v>85</v>
      </c>
      <c r="D56" s="5">
        <v>172</v>
      </c>
    </row>
    <row r="57" spans="1:4" ht="18" customHeight="1" x14ac:dyDescent="0.15">
      <c r="A57" s="8">
        <v>43</v>
      </c>
      <c r="B57" s="21">
        <v>90</v>
      </c>
      <c r="C57" s="6">
        <v>77</v>
      </c>
      <c r="D57" s="5">
        <v>167</v>
      </c>
    </row>
    <row r="58" spans="1:4" ht="18" customHeight="1" x14ac:dyDescent="0.15">
      <c r="A58" s="8">
        <v>44</v>
      </c>
      <c r="B58" s="21">
        <v>83</v>
      </c>
      <c r="C58" s="6">
        <v>89</v>
      </c>
      <c r="D58" s="5">
        <v>172</v>
      </c>
    </row>
    <row r="59" spans="1:4" ht="18" customHeight="1" x14ac:dyDescent="0.15">
      <c r="A59" s="8" t="s">
        <v>16</v>
      </c>
      <c r="B59" s="21">
        <v>424</v>
      </c>
      <c r="C59" s="6">
        <v>425</v>
      </c>
      <c r="D59" s="5">
        <v>849</v>
      </c>
    </row>
    <row r="60" spans="1:4" ht="18" customHeight="1" x14ac:dyDescent="0.15">
      <c r="A60" s="8">
        <v>45</v>
      </c>
      <c r="B60" s="21">
        <v>90</v>
      </c>
      <c r="C60" s="6">
        <v>81</v>
      </c>
      <c r="D60" s="5">
        <v>171</v>
      </c>
    </row>
    <row r="61" spans="1:4" ht="18" customHeight="1" x14ac:dyDescent="0.15">
      <c r="A61" s="8">
        <v>46</v>
      </c>
      <c r="B61" s="21">
        <v>83</v>
      </c>
      <c r="C61" s="6">
        <v>89</v>
      </c>
      <c r="D61" s="5">
        <v>172</v>
      </c>
    </row>
    <row r="62" spans="1:4" ht="18" customHeight="1" x14ac:dyDescent="0.15">
      <c r="A62" s="8">
        <v>47</v>
      </c>
      <c r="B62" s="21">
        <v>109</v>
      </c>
      <c r="C62" s="6">
        <v>63</v>
      </c>
      <c r="D62" s="5">
        <v>172</v>
      </c>
    </row>
    <row r="63" spans="1:4" ht="18" customHeight="1" x14ac:dyDescent="0.15">
      <c r="A63" s="8">
        <v>48</v>
      </c>
      <c r="B63" s="21">
        <v>88</v>
      </c>
      <c r="C63" s="6">
        <v>82</v>
      </c>
      <c r="D63" s="5">
        <v>170</v>
      </c>
    </row>
    <row r="64" spans="1:4" ht="18" customHeight="1" x14ac:dyDescent="0.15">
      <c r="A64" s="8">
        <v>49</v>
      </c>
      <c r="B64" s="21">
        <v>101</v>
      </c>
      <c r="C64" s="6">
        <v>87</v>
      </c>
      <c r="D64" s="5">
        <v>188</v>
      </c>
    </row>
    <row r="65" spans="1:4" ht="18" customHeight="1" x14ac:dyDescent="0.15">
      <c r="A65" s="8" t="s">
        <v>15</v>
      </c>
      <c r="B65" s="21">
        <v>471</v>
      </c>
      <c r="C65" s="6">
        <v>402</v>
      </c>
      <c r="D65" s="5">
        <v>873</v>
      </c>
    </row>
    <row r="66" spans="1:4" ht="18" customHeight="1" x14ac:dyDescent="0.15">
      <c r="A66" s="8">
        <v>50</v>
      </c>
      <c r="B66" s="21">
        <v>100</v>
      </c>
      <c r="C66" s="6">
        <v>93</v>
      </c>
      <c r="D66" s="5">
        <v>193</v>
      </c>
    </row>
    <row r="67" spans="1:4" ht="18" customHeight="1" x14ac:dyDescent="0.15">
      <c r="A67" s="8">
        <v>51</v>
      </c>
      <c r="B67" s="21">
        <v>119</v>
      </c>
      <c r="C67" s="6">
        <v>108</v>
      </c>
      <c r="D67" s="5">
        <v>227</v>
      </c>
    </row>
    <row r="68" spans="1:4" ht="18" customHeight="1" x14ac:dyDescent="0.15">
      <c r="A68" s="8">
        <v>52</v>
      </c>
      <c r="B68" s="21">
        <v>104</v>
      </c>
      <c r="C68" s="6">
        <v>103</v>
      </c>
      <c r="D68" s="5">
        <v>207</v>
      </c>
    </row>
    <row r="69" spans="1:4" ht="18" customHeight="1" x14ac:dyDescent="0.15">
      <c r="A69" s="8">
        <v>53</v>
      </c>
      <c r="B69" s="21">
        <v>94</v>
      </c>
      <c r="C69" s="6">
        <v>110</v>
      </c>
      <c r="D69" s="5">
        <v>204</v>
      </c>
    </row>
    <row r="70" spans="1:4" ht="18" customHeight="1" x14ac:dyDescent="0.15">
      <c r="A70" s="8">
        <v>54</v>
      </c>
      <c r="B70" s="21">
        <v>91</v>
      </c>
      <c r="C70" s="6">
        <v>106</v>
      </c>
      <c r="D70" s="5">
        <v>197</v>
      </c>
    </row>
    <row r="71" spans="1:4" ht="18" customHeight="1" x14ac:dyDescent="0.15">
      <c r="A71" s="8" t="s">
        <v>14</v>
      </c>
      <c r="B71" s="21">
        <v>508</v>
      </c>
      <c r="C71" s="6">
        <v>520</v>
      </c>
      <c r="D71" s="5">
        <v>1028</v>
      </c>
    </row>
    <row r="72" spans="1:4" ht="18" customHeight="1" x14ac:dyDescent="0.15">
      <c r="A72" s="8">
        <v>55</v>
      </c>
      <c r="B72" s="21">
        <v>108</v>
      </c>
      <c r="C72" s="6">
        <v>96</v>
      </c>
      <c r="D72" s="5">
        <v>204</v>
      </c>
    </row>
    <row r="73" spans="1:4" ht="18" customHeight="1" x14ac:dyDescent="0.15">
      <c r="A73" s="8">
        <v>56</v>
      </c>
      <c r="B73" s="21">
        <v>115</v>
      </c>
      <c r="C73" s="6">
        <v>92</v>
      </c>
      <c r="D73" s="5">
        <v>207</v>
      </c>
    </row>
    <row r="74" spans="1:4" ht="18" customHeight="1" x14ac:dyDescent="0.15">
      <c r="A74" s="8">
        <v>57</v>
      </c>
      <c r="B74" s="21">
        <v>83</v>
      </c>
      <c r="C74" s="6">
        <v>100</v>
      </c>
      <c r="D74" s="5">
        <v>183</v>
      </c>
    </row>
    <row r="75" spans="1:4" ht="18" customHeight="1" x14ac:dyDescent="0.15">
      <c r="A75" s="8">
        <v>58</v>
      </c>
      <c r="B75" s="21">
        <v>77</v>
      </c>
      <c r="C75" s="6">
        <v>90</v>
      </c>
      <c r="D75" s="5">
        <v>167</v>
      </c>
    </row>
    <row r="76" spans="1:4" ht="18" customHeight="1" x14ac:dyDescent="0.15">
      <c r="A76" s="8">
        <v>59</v>
      </c>
      <c r="B76" s="21">
        <v>67</v>
      </c>
      <c r="C76" s="6">
        <v>48</v>
      </c>
      <c r="D76" s="5">
        <v>115</v>
      </c>
    </row>
    <row r="77" spans="1:4" ht="18" customHeight="1" x14ac:dyDescent="0.15">
      <c r="A77" s="8" t="s">
        <v>13</v>
      </c>
      <c r="B77" s="21">
        <v>450</v>
      </c>
      <c r="C77" s="6">
        <v>426</v>
      </c>
      <c r="D77" s="5">
        <v>876</v>
      </c>
    </row>
    <row r="78" spans="1:4" ht="18" customHeight="1" x14ac:dyDescent="0.15">
      <c r="A78" s="8">
        <v>60</v>
      </c>
      <c r="B78" s="21">
        <v>69</v>
      </c>
      <c r="C78" s="6">
        <v>72</v>
      </c>
      <c r="D78" s="5">
        <v>141</v>
      </c>
    </row>
    <row r="79" spans="1:4" ht="18" customHeight="1" x14ac:dyDescent="0.15">
      <c r="A79" s="8">
        <v>61</v>
      </c>
      <c r="B79" s="21">
        <v>72</v>
      </c>
      <c r="C79" s="6">
        <v>65</v>
      </c>
      <c r="D79" s="5">
        <v>137</v>
      </c>
    </row>
    <row r="80" spans="1:4" ht="18" customHeight="1" x14ac:dyDescent="0.15">
      <c r="A80" s="8">
        <v>62</v>
      </c>
      <c r="B80" s="21">
        <v>80</v>
      </c>
      <c r="C80" s="6">
        <v>73</v>
      </c>
      <c r="D80" s="5">
        <v>153</v>
      </c>
    </row>
    <row r="81" spans="1:4" ht="18" customHeight="1" x14ac:dyDescent="0.15">
      <c r="A81" s="8">
        <v>63</v>
      </c>
      <c r="B81" s="21">
        <v>63</v>
      </c>
      <c r="C81" s="6">
        <v>81</v>
      </c>
      <c r="D81" s="5">
        <v>144</v>
      </c>
    </row>
    <row r="82" spans="1:4" ht="18" customHeight="1" x14ac:dyDescent="0.15">
      <c r="A82" s="8">
        <v>64</v>
      </c>
      <c r="B82" s="21">
        <v>58</v>
      </c>
      <c r="C82" s="6">
        <v>63</v>
      </c>
      <c r="D82" s="5">
        <v>121</v>
      </c>
    </row>
    <row r="83" spans="1:4" ht="18" customHeight="1" x14ac:dyDescent="0.15">
      <c r="A83" s="8" t="s">
        <v>12</v>
      </c>
      <c r="B83" s="21">
        <v>342</v>
      </c>
      <c r="C83" s="6">
        <v>354</v>
      </c>
      <c r="D83" s="5">
        <v>696</v>
      </c>
    </row>
    <row r="84" spans="1:4" ht="18" customHeight="1" x14ac:dyDescent="0.15">
      <c r="A84" s="8" t="s">
        <v>11</v>
      </c>
      <c r="B84" s="21">
        <v>3990</v>
      </c>
      <c r="C84" s="6">
        <v>3795</v>
      </c>
      <c r="D84" s="5">
        <v>7785</v>
      </c>
    </row>
    <row r="85" spans="1:4" ht="18" customHeight="1" x14ac:dyDescent="0.15">
      <c r="A85" s="8">
        <v>65</v>
      </c>
      <c r="B85" s="21">
        <v>55</v>
      </c>
      <c r="C85" s="6">
        <v>66</v>
      </c>
      <c r="D85" s="5">
        <v>121</v>
      </c>
    </row>
    <row r="86" spans="1:4" ht="18" customHeight="1" x14ac:dyDescent="0.15">
      <c r="A86" s="8">
        <v>66</v>
      </c>
      <c r="B86" s="21">
        <v>57</v>
      </c>
      <c r="C86" s="6">
        <v>65</v>
      </c>
      <c r="D86" s="5">
        <v>122</v>
      </c>
    </row>
    <row r="87" spans="1:4" ht="18" customHeight="1" x14ac:dyDescent="0.15">
      <c r="A87" s="8">
        <v>67</v>
      </c>
      <c r="B87" s="21">
        <v>50</v>
      </c>
      <c r="C87" s="6">
        <v>70</v>
      </c>
      <c r="D87" s="5">
        <v>120</v>
      </c>
    </row>
    <row r="88" spans="1:4" ht="18" customHeight="1" x14ac:dyDescent="0.15">
      <c r="A88" s="8">
        <v>68</v>
      </c>
      <c r="B88" s="21">
        <v>56</v>
      </c>
      <c r="C88" s="6">
        <v>58</v>
      </c>
      <c r="D88" s="5">
        <v>114</v>
      </c>
    </row>
    <row r="89" spans="1:4" ht="18" customHeight="1" x14ac:dyDescent="0.15">
      <c r="A89" s="8">
        <v>69</v>
      </c>
      <c r="B89" s="21">
        <v>59</v>
      </c>
      <c r="C89" s="6">
        <v>55</v>
      </c>
      <c r="D89" s="5">
        <v>114</v>
      </c>
    </row>
    <row r="90" spans="1:4" ht="18" customHeight="1" x14ac:dyDescent="0.15">
      <c r="A90" s="8" t="s">
        <v>10</v>
      </c>
      <c r="B90" s="21">
        <v>277</v>
      </c>
      <c r="C90" s="6">
        <v>314</v>
      </c>
      <c r="D90" s="5">
        <v>591</v>
      </c>
    </row>
    <row r="91" spans="1:4" ht="18" customHeight="1" x14ac:dyDescent="0.15">
      <c r="A91" s="8">
        <v>70</v>
      </c>
      <c r="B91" s="21">
        <v>58</v>
      </c>
      <c r="C91" s="6">
        <v>58</v>
      </c>
      <c r="D91" s="5">
        <v>116</v>
      </c>
    </row>
    <row r="92" spans="1:4" ht="18" customHeight="1" x14ac:dyDescent="0.15">
      <c r="A92" s="8">
        <v>71</v>
      </c>
      <c r="B92" s="21">
        <v>64</v>
      </c>
      <c r="C92" s="6">
        <v>64</v>
      </c>
      <c r="D92" s="5">
        <v>128</v>
      </c>
    </row>
    <row r="93" spans="1:4" ht="18" customHeight="1" x14ac:dyDescent="0.15">
      <c r="A93" s="8">
        <v>72</v>
      </c>
      <c r="B93" s="21">
        <v>61</v>
      </c>
      <c r="C93" s="6">
        <v>61</v>
      </c>
      <c r="D93" s="5">
        <v>122</v>
      </c>
    </row>
    <row r="94" spans="1:4" ht="18" customHeight="1" x14ac:dyDescent="0.15">
      <c r="A94" s="8">
        <v>73</v>
      </c>
      <c r="B94" s="21">
        <v>54</v>
      </c>
      <c r="C94" s="6">
        <v>77</v>
      </c>
      <c r="D94" s="5">
        <v>131</v>
      </c>
    </row>
    <row r="95" spans="1:4" ht="18" customHeight="1" x14ac:dyDescent="0.15">
      <c r="A95" s="8">
        <v>74</v>
      </c>
      <c r="B95" s="21">
        <v>68</v>
      </c>
      <c r="C95" s="6">
        <v>78</v>
      </c>
      <c r="D95" s="5">
        <v>146</v>
      </c>
    </row>
    <row r="96" spans="1:4" ht="18" customHeight="1" x14ac:dyDescent="0.15">
      <c r="A96" s="8" t="s">
        <v>9</v>
      </c>
      <c r="B96" s="21">
        <v>305</v>
      </c>
      <c r="C96" s="6">
        <v>338</v>
      </c>
      <c r="D96" s="5">
        <v>643</v>
      </c>
    </row>
    <row r="97" spans="1:4" ht="18" customHeight="1" x14ac:dyDescent="0.15">
      <c r="A97" s="8">
        <v>75</v>
      </c>
      <c r="B97" s="21">
        <v>68</v>
      </c>
      <c r="C97" s="6">
        <v>90</v>
      </c>
      <c r="D97" s="5">
        <v>158</v>
      </c>
    </row>
    <row r="98" spans="1:4" ht="18" customHeight="1" x14ac:dyDescent="0.15">
      <c r="A98" s="8">
        <v>76</v>
      </c>
      <c r="B98" s="21">
        <v>77</v>
      </c>
      <c r="C98" s="6">
        <v>98</v>
      </c>
      <c r="D98" s="5">
        <v>175</v>
      </c>
    </row>
    <row r="99" spans="1:4" ht="18" customHeight="1" x14ac:dyDescent="0.15">
      <c r="A99" s="8">
        <v>77</v>
      </c>
      <c r="B99" s="21">
        <v>77</v>
      </c>
      <c r="C99" s="6">
        <v>93</v>
      </c>
      <c r="D99" s="5">
        <v>170</v>
      </c>
    </row>
    <row r="100" spans="1:4" ht="18" customHeight="1" x14ac:dyDescent="0.15">
      <c r="A100" s="8">
        <v>78</v>
      </c>
      <c r="B100" s="21">
        <v>59</v>
      </c>
      <c r="C100" s="6">
        <v>113</v>
      </c>
      <c r="D100" s="5">
        <v>172</v>
      </c>
    </row>
    <row r="101" spans="1:4" ht="18" customHeight="1" x14ac:dyDescent="0.15">
      <c r="A101" s="8">
        <v>79</v>
      </c>
      <c r="B101" s="21">
        <v>42</v>
      </c>
      <c r="C101" s="6">
        <v>62</v>
      </c>
      <c r="D101" s="5">
        <v>104</v>
      </c>
    </row>
    <row r="102" spans="1:4" ht="18" customHeight="1" x14ac:dyDescent="0.15">
      <c r="A102" s="8" t="s">
        <v>8</v>
      </c>
      <c r="B102" s="21">
        <v>323</v>
      </c>
      <c r="C102" s="6">
        <v>456</v>
      </c>
      <c r="D102" s="5">
        <v>779</v>
      </c>
    </row>
    <row r="103" spans="1:4" ht="18" customHeight="1" x14ac:dyDescent="0.15">
      <c r="A103" s="8">
        <v>80</v>
      </c>
      <c r="B103" s="21">
        <v>36</v>
      </c>
      <c r="C103" s="6">
        <v>47</v>
      </c>
      <c r="D103" s="5">
        <v>83</v>
      </c>
    </row>
    <row r="104" spans="1:4" ht="18" customHeight="1" x14ac:dyDescent="0.15">
      <c r="A104" s="8">
        <v>81</v>
      </c>
      <c r="B104" s="21">
        <v>53</v>
      </c>
      <c r="C104" s="6">
        <v>80</v>
      </c>
      <c r="D104" s="5">
        <v>133</v>
      </c>
    </row>
    <row r="105" spans="1:4" ht="18" customHeight="1" x14ac:dyDescent="0.15">
      <c r="A105" s="8">
        <v>82</v>
      </c>
      <c r="B105" s="21">
        <v>45</v>
      </c>
      <c r="C105" s="6">
        <v>75</v>
      </c>
      <c r="D105" s="5">
        <v>120</v>
      </c>
    </row>
    <row r="106" spans="1:4" ht="18" customHeight="1" x14ac:dyDescent="0.15">
      <c r="A106" s="8">
        <v>83</v>
      </c>
      <c r="B106" s="21">
        <v>48</v>
      </c>
      <c r="C106" s="6">
        <v>81</v>
      </c>
      <c r="D106" s="5">
        <v>129</v>
      </c>
    </row>
    <row r="107" spans="1:4" ht="18" customHeight="1" x14ac:dyDescent="0.15">
      <c r="A107" s="8">
        <v>84</v>
      </c>
      <c r="B107" s="21">
        <v>38</v>
      </c>
      <c r="C107" s="6">
        <v>74</v>
      </c>
      <c r="D107" s="5">
        <v>112</v>
      </c>
    </row>
    <row r="108" spans="1:4" ht="18" customHeight="1" x14ac:dyDescent="0.15">
      <c r="A108" s="8" t="s">
        <v>7</v>
      </c>
      <c r="B108" s="21">
        <v>220</v>
      </c>
      <c r="C108" s="6">
        <v>357</v>
      </c>
      <c r="D108" s="5">
        <v>577</v>
      </c>
    </row>
    <row r="109" spans="1:4" ht="18" customHeight="1" x14ac:dyDescent="0.15">
      <c r="A109" s="8">
        <v>85</v>
      </c>
      <c r="B109" s="21">
        <v>38</v>
      </c>
      <c r="C109" s="6">
        <v>48</v>
      </c>
      <c r="D109" s="5">
        <v>86</v>
      </c>
    </row>
    <row r="110" spans="1:4" ht="18" customHeight="1" x14ac:dyDescent="0.15">
      <c r="A110" s="8">
        <v>86</v>
      </c>
      <c r="B110" s="21">
        <v>28</v>
      </c>
      <c r="C110" s="6">
        <v>59</v>
      </c>
      <c r="D110" s="5">
        <v>87</v>
      </c>
    </row>
    <row r="111" spans="1:4" ht="18" customHeight="1" x14ac:dyDescent="0.15">
      <c r="A111" s="8">
        <v>87</v>
      </c>
      <c r="B111" s="21">
        <v>23</v>
      </c>
      <c r="C111" s="6">
        <v>38</v>
      </c>
      <c r="D111" s="5">
        <v>61</v>
      </c>
    </row>
    <row r="112" spans="1:4" ht="18" customHeight="1" x14ac:dyDescent="0.15">
      <c r="A112" s="8">
        <v>88</v>
      </c>
      <c r="B112" s="21">
        <v>26</v>
      </c>
      <c r="C112" s="6">
        <v>33</v>
      </c>
      <c r="D112" s="5">
        <v>59</v>
      </c>
    </row>
    <row r="113" spans="1:4" ht="18" customHeight="1" x14ac:dyDescent="0.15">
      <c r="A113" s="8">
        <v>89</v>
      </c>
      <c r="B113" s="21">
        <v>26</v>
      </c>
      <c r="C113" s="6">
        <v>42</v>
      </c>
      <c r="D113" s="5">
        <v>68</v>
      </c>
    </row>
    <row r="114" spans="1:4" ht="18" customHeight="1" x14ac:dyDescent="0.15">
      <c r="A114" s="8" t="s">
        <v>6</v>
      </c>
      <c r="B114" s="21">
        <v>141</v>
      </c>
      <c r="C114" s="6">
        <v>220</v>
      </c>
      <c r="D114" s="5">
        <v>361</v>
      </c>
    </row>
    <row r="115" spans="1:4" ht="18" customHeight="1" x14ac:dyDescent="0.15">
      <c r="A115" s="8">
        <v>90</v>
      </c>
      <c r="B115" s="21">
        <v>18</v>
      </c>
      <c r="C115" s="6">
        <v>40</v>
      </c>
      <c r="D115" s="5">
        <v>58</v>
      </c>
    </row>
    <row r="116" spans="1:4" ht="18" customHeight="1" x14ac:dyDescent="0.15">
      <c r="A116" s="8">
        <v>91</v>
      </c>
      <c r="B116" s="21">
        <v>17</v>
      </c>
      <c r="C116" s="6">
        <v>38</v>
      </c>
      <c r="D116" s="5">
        <v>55</v>
      </c>
    </row>
    <row r="117" spans="1:4" ht="18" customHeight="1" x14ac:dyDescent="0.15">
      <c r="A117" s="8">
        <v>92</v>
      </c>
      <c r="B117" s="21">
        <v>9</v>
      </c>
      <c r="C117" s="6">
        <v>37</v>
      </c>
      <c r="D117" s="5">
        <v>46</v>
      </c>
    </row>
    <row r="118" spans="1:4" ht="18" customHeight="1" x14ac:dyDescent="0.15">
      <c r="A118" s="8">
        <v>93</v>
      </c>
      <c r="B118" s="21">
        <v>9</v>
      </c>
      <c r="C118" s="6">
        <v>29</v>
      </c>
      <c r="D118" s="5">
        <v>38</v>
      </c>
    </row>
    <row r="119" spans="1:4" ht="18" customHeight="1" x14ac:dyDescent="0.15">
      <c r="A119" s="8">
        <v>94</v>
      </c>
      <c r="B119" s="21">
        <v>2</v>
      </c>
      <c r="C119" s="6">
        <v>23</v>
      </c>
      <c r="D119" s="5">
        <v>25</v>
      </c>
    </row>
    <row r="120" spans="1:4" ht="18" customHeight="1" x14ac:dyDescent="0.15">
      <c r="A120" s="8" t="s">
        <v>5</v>
      </c>
      <c r="B120" s="21">
        <v>55</v>
      </c>
      <c r="C120" s="6">
        <v>167</v>
      </c>
      <c r="D120" s="5">
        <v>222</v>
      </c>
    </row>
    <row r="121" spans="1:4" ht="18" customHeight="1" x14ac:dyDescent="0.15">
      <c r="A121" s="8">
        <v>95</v>
      </c>
      <c r="B121" s="21">
        <v>3</v>
      </c>
      <c r="C121" s="6">
        <v>11</v>
      </c>
      <c r="D121" s="5">
        <v>14</v>
      </c>
    </row>
    <row r="122" spans="1:4" ht="18" customHeight="1" x14ac:dyDescent="0.15">
      <c r="A122" s="8">
        <v>96</v>
      </c>
      <c r="B122" s="21">
        <v>1</v>
      </c>
      <c r="C122" s="6">
        <v>11</v>
      </c>
      <c r="D122" s="5">
        <v>12</v>
      </c>
    </row>
    <row r="123" spans="1:4" ht="18" customHeight="1" x14ac:dyDescent="0.15">
      <c r="A123" s="8">
        <v>97</v>
      </c>
      <c r="B123" s="21">
        <v>0</v>
      </c>
      <c r="C123" s="6">
        <v>10</v>
      </c>
      <c r="D123" s="5">
        <v>10</v>
      </c>
    </row>
    <row r="124" spans="1:4" ht="18" customHeight="1" x14ac:dyDescent="0.15">
      <c r="A124" s="8">
        <v>98</v>
      </c>
      <c r="B124" s="21">
        <v>1</v>
      </c>
      <c r="C124" s="6">
        <v>7</v>
      </c>
      <c r="D124" s="5">
        <v>8</v>
      </c>
    </row>
    <row r="125" spans="1:4" ht="18" customHeight="1" x14ac:dyDescent="0.15">
      <c r="A125" s="8">
        <v>99</v>
      </c>
      <c r="B125" s="21">
        <v>0</v>
      </c>
      <c r="C125" s="6">
        <v>6</v>
      </c>
      <c r="D125" s="5">
        <v>6</v>
      </c>
    </row>
    <row r="126" spans="1:4" ht="18" customHeight="1" x14ac:dyDescent="0.15">
      <c r="A126" s="8" t="s">
        <v>4</v>
      </c>
      <c r="B126" s="21">
        <v>5</v>
      </c>
      <c r="C126" s="6">
        <v>45</v>
      </c>
      <c r="D126" s="5">
        <v>50</v>
      </c>
    </row>
    <row r="127" spans="1:4" ht="18" customHeight="1" x14ac:dyDescent="0.15">
      <c r="A127" s="8">
        <v>100</v>
      </c>
      <c r="B127" s="21">
        <v>1</v>
      </c>
      <c r="C127" s="6">
        <v>5</v>
      </c>
      <c r="D127" s="5">
        <v>6</v>
      </c>
    </row>
    <row r="128" spans="1:4" ht="18" customHeight="1" x14ac:dyDescent="0.15">
      <c r="A128" s="9" t="s">
        <v>3</v>
      </c>
      <c r="B128" s="21">
        <v>1</v>
      </c>
      <c r="C128" s="6">
        <v>5</v>
      </c>
      <c r="D128" s="5">
        <v>6</v>
      </c>
    </row>
    <row r="129" spans="1:4" ht="18" customHeight="1" x14ac:dyDescent="0.15">
      <c r="A129" s="8" t="s">
        <v>2</v>
      </c>
      <c r="B129" s="21">
        <v>2</v>
      </c>
      <c r="C129" s="6">
        <v>10</v>
      </c>
      <c r="D129" s="5">
        <v>12</v>
      </c>
    </row>
    <row r="130" spans="1:4" ht="18" customHeight="1" x14ac:dyDescent="0.15">
      <c r="A130" s="8" t="s">
        <v>1</v>
      </c>
      <c r="B130" s="21">
        <v>1328</v>
      </c>
      <c r="C130" s="6">
        <v>1907</v>
      </c>
      <c r="D130" s="5">
        <v>3235</v>
      </c>
    </row>
    <row r="131" spans="1:4" ht="18" customHeight="1" x14ac:dyDescent="0.15">
      <c r="A131" s="4" t="s">
        <v>0</v>
      </c>
      <c r="B131" s="20">
        <v>6097</v>
      </c>
      <c r="C131" s="2">
        <v>6496</v>
      </c>
      <c r="D131" s="1">
        <v>1259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D0C589-F795-4CAF-A13D-2480F0608F98}">
  <sheetPr codeName="Sheet3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70</v>
      </c>
      <c r="C5" s="11">
        <v>61</v>
      </c>
      <c r="D5" s="10">
        <v>131</v>
      </c>
    </row>
    <row r="6" spans="1:4" ht="18" customHeight="1" x14ac:dyDescent="0.15">
      <c r="A6" s="8">
        <v>1</v>
      </c>
      <c r="B6" s="21">
        <v>60</v>
      </c>
      <c r="C6" s="6">
        <v>76</v>
      </c>
      <c r="D6" s="5">
        <v>136</v>
      </c>
    </row>
    <row r="7" spans="1:4" ht="18" customHeight="1" x14ac:dyDescent="0.15">
      <c r="A7" s="8">
        <v>2</v>
      </c>
      <c r="B7" s="21">
        <v>87</v>
      </c>
      <c r="C7" s="6">
        <v>79</v>
      </c>
      <c r="D7" s="5">
        <v>166</v>
      </c>
    </row>
    <row r="8" spans="1:4" ht="18" customHeight="1" x14ac:dyDescent="0.15">
      <c r="A8" s="8">
        <v>3</v>
      </c>
      <c r="B8" s="21">
        <v>84</v>
      </c>
      <c r="C8" s="6">
        <v>87</v>
      </c>
      <c r="D8" s="5">
        <v>171</v>
      </c>
    </row>
    <row r="9" spans="1:4" ht="18" customHeight="1" x14ac:dyDescent="0.15">
      <c r="A9" s="8">
        <v>4</v>
      </c>
      <c r="B9" s="21">
        <v>88</v>
      </c>
      <c r="C9" s="6">
        <v>69</v>
      </c>
      <c r="D9" s="5">
        <v>157</v>
      </c>
    </row>
    <row r="10" spans="1:4" ht="18" customHeight="1" x14ac:dyDescent="0.15">
      <c r="A10" s="8" t="s">
        <v>25</v>
      </c>
      <c r="B10" s="21">
        <v>389</v>
      </c>
      <c r="C10" s="6">
        <v>372</v>
      </c>
      <c r="D10" s="5">
        <v>761</v>
      </c>
    </row>
    <row r="11" spans="1:4" ht="18" customHeight="1" x14ac:dyDescent="0.15">
      <c r="A11" s="8">
        <v>5</v>
      </c>
      <c r="B11" s="21">
        <v>78</v>
      </c>
      <c r="C11" s="6">
        <v>104</v>
      </c>
      <c r="D11" s="5">
        <v>182</v>
      </c>
    </row>
    <row r="12" spans="1:4" ht="18" customHeight="1" x14ac:dyDescent="0.15">
      <c r="A12" s="8">
        <v>6</v>
      </c>
      <c r="B12" s="21">
        <v>82</v>
      </c>
      <c r="C12" s="6">
        <v>93</v>
      </c>
      <c r="D12" s="5">
        <v>175</v>
      </c>
    </row>
    <row r="13" spans="1:4" ht="18" customHeight="1" x14ac:dyDescent="0.15">
      <c r="A13" s="8">
        <v>7</v>
      </c>
      <c r="B13" s="21">
        <v>84</v>
      </c>
      <c r="C13" s="6">
        <v>73</v>
      </c>
      <c r="D13" s="5">
        <v>157</v>
      </c>
    </row>
    <row r="14" spans="1:4" ht="18" customHeight="1" x14ac:dyDescent="0.15">
      <c r="A14" s="8">
        <v>8</v>
      </c>
      <c r="B14" s="21">
        <v>107</v>
      </c>
      <c r="C14" s="6">
        <v>71</v>
      </c>
      <c r="D14" s="5">
        <v>178</v>
      </c>
    </row>
    <row r="15" spans="1:4" ht="18" customHeight="1" x14ac:dyDescent="0.15">
      <c r="A15" s="8">
        <v>9</v>
      </c>
      <c r="B15" s="21">
        <v>86</v>
      </c>
      <c r="C15" s="6">
        <v>85</v>
      </c>
      <c r="D15" s="5">
        <v>171</v>
      </c>
    </row>
    <row r="16" spans="1:4" ht="18" customHeight="1" x14ac:dyDescent="0.15">
      <c r="A16" s="8" t="s">
        <v>24</v>
      </c>
      <c r="B16" s="21">
        <v>437</v>
      </c>
      <c r="C16" s="6">
        <v>426</v>
      </c>
      <c r="D16" s="5">
        <v>863</v>
      </c>
    </row>
    <row r="17" spans="1:4" ht="18" customHeight="1" x14ac:dyDescent="0.15">
      <c r="A17" s="8">
        <v>10</v>
      </c>
      <c r="B17" s="21">
        <v>107</v>
      </c>
      <c r="C17" s="6">
        <v>72</v>
      </c>
      <c r="D17" s="5">
        <v>179</v>
      </c>
    </row>
    <row r="18" spans="1:4" ht="18" customHeight="1" x14ac:dyDescent="0.15">
      <c r="A18" s="8">
        <v>11</v>
      </c>
      <c r="B18" s="21">
        <v>83</v>
      </c>
      <c r="C18" s="6">
        <v>91</v>
      </c>
      <c r="D18" s="5">
        <v>174</v>
      </c>
    </row>
    <row r="19" spans="1:4" ht="18" customHeight="1" x14ac:dyDescent="0.15">
      <c r="A19" s="8">
        <v>12</v>
      </c>
      <c r="B19" s="21">
        <v>90</v>
      </c>
      <c r="C19" s="6">
        <v>88</v>
      </c>
      <c r="D19" s="5">
        <v>178</v>
      </c>
    </row>
    <row r="20" spans="1:4" ht="18" customHeight="1" x14ac:dyDescent="0.15">
      <c r="A20" s="8">
        <v>13</v>
      </c>
      <c r="B20" s="21">
        <v>102</v>
      </c>
      <c r="C20" s="6">
        <v>97</v>
      </c>
      <c r="D20" s="5">
        <v>199</v>
      </c>
    </row>
    <row r="21" spans="1:4" ht="18" customHeight="1" x14ac:dyDescent="0.15">
      <c r="A21" s="8">
        <v>14</v>
      </c>
      <c r="B21" s="21">
        <v>92</v>
      </c>
      <c r="C21" s="6">
        <v>82</v>
      </c>
      <c r="D21" s="5">
        <v>174</v>
      </c>
    </row>
    <row r="22" spans="1:4" ht="18" customHeight="1" x14ac:dyDescent="0.15">
      <c r="A22" s="8" t="s">
        <v>23</v>
      </c>
      <c r="B22" s="21">
        <v>474</v>
      </c>
      <c r="C22" s="6">
        <v>430</v>
      </c>
      <c r="D22" s="5">
        <v>904</v>
      </c>
    </row>
    <row r="23" spans="1:4" ht="18" customHeight="1" x14ac:dyDescent="0.15">
      <c r="A23" s="8" t="s">
        <v>22</v>
      </c>
      <c r="B23" s="21">
        <v>1300</v>
      </c>
      <c r="C23" s="6">
        <v>1228</v>
      </c>
      <c r="D23" s="5">
        <v>2528</v>
      </c>
    </row>
    <row r="24" spans="1:4" ht="18" customHeight="1" x14ac:dyDescent="0.15">
      <c r="A24" s="8">
        <v>15</v>
      </c>
      <c r="B24" s="21">
        <v>84</v>
      </c>
      <c r="C24" s="6">
        <v>83</v>
      </c>
      <c r="D24" s="5">
        <v>167</v>
      </c>
    </row>
    <row r="25" spans="1:4" ht="18" customHeight="1" x14ac:dyDescent="0.15">
      <c r="A25" s="8">
        <v>16</v>
      </c>
      <c r="B25" s="21">
        <v>92</v>
      </c>
      <c r="C25" s="6">
        <v>93</v>
      </c>
      <c r="D25" s="5">
        <v>185</v>
      </c>
    </row>
    <row r="26" spans="1:4" ht="18" customHeight="1" x14ac:dyDescent="0.15">
      <c r="A26" s="8">
        <v>17</v>
      </c>
      <c r="B26" s="21">
        <v>93</v>
      </c>
      <c r="C26" s="6">
        <v>85</v>
      </c>
      <c r="D26" s="5">
        <v>178</v>
      </c>
    </row>
    <row r="27" spans="1:4" ht="18" customHeight="1" x14ac:dyDescent="0.15">
      <c r="A27" s="8">
        <v>18</v>
      </c>
      <c r="B27" s="21">
        <v>72</v>
      </c>
      <c r="C27" s="6">
        <v>88</v>
      </c>
      <c r="D27" s="5">
        <v>160</v>
      </c>
    </row>
    <row r="28" spans="1:4" ht="18" customHeight="1" x14ac:dyDescent="0.15">
      <c r="A28" s="8">
        <v>19</v>
      </c>
      <c r="B28" s="21">
        <v>79</v>
      </c>
      <c r="C28" s="6">
        <v>83</v>
      </c>
      <c r="D28" s="5">
        <v>162</v>
      </c>
    </row>
    <row r="29" spans="1:4" ht="18" customHeight="1" x14ac:dyDescent="0.15">
      <c r="A29" s="8" t="s">
        <v>21</v>
      </c>
      <c r="B29" s="21">
        <v>420</v>
      </c>
      <c r="C29" s="6">
        <v>432</v>
      </c>
      <c r="D29" s="5">
        <v>852</v>
      </c>
    </row>
    <row r="30" spans="1:4" ht="18" customHeight="1" x14ac:dyDescent="0.15">
      <c r="A30" s="8">
        <v>20</v>
      </c>
      <c r="B30" s="21">
        <v>76</v>
      </c>
      <c r="C30" s="6">
        <v>63</v>
      </c>
      <c r="D30" s="5">
        <v>139</v>
      </c>
    </row>
    <row r="31" spans="1:4" ht="18" customHeight="1" x14ac:dyDescent="0.15">
      <c r="A31" s="8">
        <v>21</v>
      </c>
      <c r="B31" s="21">
        <v>80</v>
      </c>
      <c r="C31" s="6">
        <v>67</v>
      </c>
      <c r="D31" s="5">
        <v>147</v>
      </c>
    </row>
    <row r="32" spans="1:4" ht="18" customHeight="1" x14ac:dyDescent="0.15">
      <c r="A32" s="8">
        <v>22</v>
      </c>
      <c r="B32" s="21">
        <v>70</v>
      </c>
      <c r="C32" s="6">
        <v>76</v>
      </c>
      <c r="D32" s="5">
        <v>146</v>
      </c>
    </row>
    <row r="33" spans="1:4" ht="18" customHeight="1" x14ac:dyDescent="0.15">
      <c r="A33" s="8">
        <v>23</v>
      </c>
      <c r="B33" s="21">
        <v>84</v>
      </c>
      <c r="C33" s="6">
        <v>59</v>
      </c>
      <c r="D33" s="5">
        <v>143</v>
      </c>
    </row>
    <row r="34" spans="1:4" ht="18" customHeight="1" x14ac:dyDescent="0.15">
      <c r="A34" s="8">
        <v>24</v>
      </c>
      <c r="B34" s="21">
        <v>65</v>
      </c>
      <c r="C34" s="6">
        <v>73</v>
      </c>
      <c r="D34" s="5">
        <v>138</v>
      </c>
    </row>
    <row r="35" spans="1:4" ht="18" customHeight="1" x14ac:dyDescent="0.15">
      <c r="A35" s="8" t="s">
        <v>20</v>
      </c>
      <c r="B35" s="21">
        <v>375</v>
      </c>
      <c r="C35" s="6">
        <v>338</v>
      </c>
      <c r="D35" s="5">
        <v>713</v>
      </c>
    </row>
    <row r="36" spans="1:4" ht="18" customHeight="1" x14ac:dyDescent="0.15">
      <c r="A36" s="8">
        <v>25</v>
      </c>
      <c r="B36" s="21">
        <v>77</v>
      </c>
      <c r="C36" s="6">
        <v>64</v>
      </c>
      <c r="D36" s="5">
        <v>141</v>
      </c>
    </row>
    <row r="37" spans="1:4" ht="18" customHeight="1" x14ac:dyDescent="0.15">
      <c r="A37" s="8">
        <v>26</v>
      </c>
      <c r="B37" s="21">
        <v>80</v>
      </c>
      <c r="C37" s="6">
        <v>80</v>
      </c>
      <c r="D37" s="5">
        <v>160</v>
      </c>
    </row>
    <row r="38" spans="1:4" ht="18" customHeight="1" x14ac:dyDescent="0.15">
      <c r="A38" s="8">
        <v>27</v>
      </c>
      <c r="B38" s="21">
        <v>72</v>
      </c>
      <c r="C38" s="6">
        <v>87</v>
      </c>
      <c r="D38" s="5">
        <v>159</v>
      </c>
    </row>
    <row r="39" spans="1:4" ht="18" customHeight="1" x14ac:dyDescent="0.15">
      <c r="A39" s="8">
        <v>28</v>
      </c>
      <c r="B39" s="21">
        <v>80</v>
      </c>
      <c r="C39" s="6">
        <v>106</v>
      </c>
      <c r="D39" s="5">
        <v>186</v>
      </c>
    </row>
    <row r="40" spans="1:4" ht="18" customHeight="1" x14ac:dyDescent="0.15">
      <c r="A40" s="8">
        <v>29</v>
      </c>
      <c r="B40" s="21">
        <v>81</v>
      </c>
      <c r="C40" s="6">
        <v>82</v>
      </c>
      <c r="D40" s="5">
        <v>163</v>
      </c>
    </row>
    <row r="41" spans="1:4" ht="18" customHeight="1" x14ac:dyDescent="0.15">
      <c r="A41" s="8" t="s">
        <v>19</v>
      </c>
      <c r="B41" s="21">
        <v>390</v>
      </c>
      <c r="C41" s="6">
        <v>419</v>
      </c>
      <c r="D41" s="5">
        <v>809</v>
      </c>
    </row>
    <row r="42" spans="1:4" ht="18" customHeight="1" x14ac:dyDescent="0.15">
      <c r="A42" s="8">
        <v>30</v>
      </c>
      <c r="B42" s="21">
        <v>85</v>
      </c>
      <c r="C42" s="6">
        <v>79</v>
      </c>
      <c r="D42" s="5">
        <v>164</v>
      </c>
    </row>
    <row r="43" spans="1:4" ht="18" customHeight="1" x14ac:dyDescent="0.15">
      <c r="A43" s="8">
        <v>31</v>
      </c>
      <c r="B43" s="21">
        <v>109</v>
      </c>
      <c r="C43" s="6">
        <v>109</v>
      </c>
      <c r="D43" s="5">
        <v>218</v>
      </c>
    </row>
    <row r="44" spans="1:4" ht="18" customHeight="1" x14ac:dyDescent="0.15">
      <c r="A44" s="8">
        <v>32</v>
      </c>
      <c r="B44" s="21">
        <v>79</v>
      </c>
      <c r="C44" s="6">
        <v>96</v>
      </c>
      <c r="D44" s="5">
        <v>175</v>
      </c>
    </row>
    <row r="45" spans="1:4" ht="18" customHeight="1" x14ac:dyDescent="0.15">
      <c r="A45" s="8">
        <v>33</v>
      </c>
      <c r="B45" s="21">
        <v>83</v>
      </c>
      <c r="C45" s="6">
        <v>103</v>
      </c>
      <c r="D45" s="5">
        <v>186</v>
      </c>
    </row>
    <row r="46" spans="1:4" ht="18" customHeight="1" x14ac:dyDescent="0.15">
      <c r="A46" s="8">
        <v>34</v>
      </c>
      <c r="B46" s="21">
        <v>94</v>
      </c>
      <c r="C46" s="6">
        <v>99</v>
      </c>
      <c r="D46" s="5">
        <v>193</v>
      </c>
    </row>
    <row r="47" spans="1:4" ht="18" customHeight="1" x14ac:dyDescent="0.15">
      <c r="A47" s="8" t="s">
        <v>18</v>
      </c>
      <c r="B47" s="21">
        <v>450</v>
      </c>
      <c r="C47" s="6">
        <v>486</v>
      </c>
      <c r="D47" s="5">
        <v>936</v>
      </c>
    </row>
    <row r="48" spans="1:4" ht="18" customHeight="1" x14ac:dyDescent="0.15">
      <c r="A48" s="8">
        <v>35</v>
      </c>
      <c r="B48" s="21">
        <v>94</v>
      </c>
      <c r="C48" s="6">
        <v>101</v>
      </c>
      <c r="D48" s="5">
        <v>195</v>
      </c>
    </row>
    <row r="49" spans="1:4" ht="18" customHeight="1" x14ac:dyDescent="0.15">
      <c r="A49" s="8">
        <v>36</v>
      </c>
      <c r="B49" s="21">
        <v>100</v>
      </c>
      <c r="C49" s="6">
        <v>100</v>
      </c>
      <c r="D49" s="5">
        <v>200</v>
      </c>
    </row>
    <row r="50" spans="1:4" ht="18" customHeight="1" x14ac:dyDescent="0.15">
      <c r="A50" s="8">
        <v>37</v>
      </c>
      <c r="B50" s="21">
        <v>116</v>
      </c>
      <c r="C50" s="6">
        <v>103</v>
      </c>
      <c r="D50" s="5">
        <v>219</v>
      </c>
    </row>
    <row r="51" spans="1:4" ht="18" customHeight="1" x14ac:dyDescent="0.15">
      <c r="A51" s="8">
        <v>38</v>
      </c>
      <c r="B51" s="21">
        <v>85</v>
      </c>
      <c r="C51" s="6">
        <v>88</v>
      </c>
      <c r="D51" s="5">
        <v>173</v>
      </c>
    </row>
    <row r="52" spans="1:4" ht="18" customHeight="1" x14ac:dyDescent="0.15">
      <c r="A52" s="8">
        <v>39</v>
      </c>
      <c r="B52" s="21">
        <v>114</v>
      </c>
      <c r="C52" s="6">
        <v>117</v>
      </c>
      <c r="D52" s="5">
        <v>231</v>
      </c>
    </row>
    <row r="53" spans="1:4" ht="18" customHeight="1" x14ac:dyDescent="0.15">
      <c r="A53" s="8" t="s">
        <v>17</v>
      </c>
      <c r="B53" s="21">
        <v>509</v>
      </c>
      <c r="C53" s="6">
        <v>509</v>
      </c>
      <c r="D53" s="5">
        <v>1018</v>
      </c>
    </row>
    <row r="54" spans="1:4" ht="18" customHeight="1" x14ac:dyDescent="0.15">
      <c r="A54" s="8">
        <v>40</v>
      </c>
      <c r="B54" s="21">
        <v>130</v>
      </c>
      <c r="C54" s="6">
        <v>119</v>
      </c>
      <c r="D54" s="5">
        <v>249</v>
      </c>
    </row>
    <row r="55" spans="1:4" ht="18" customHeight="1" x14ac:dyDescent="0.15">
      <c r="A55" s="8">
        <v>41</v>
      </c>
      <c r="B55" s="21">
        <v>133</v>
      </c>
      <c r="C55" s="6">
        <v>105</v>
      </c>
      <c r="D55" s="5">
        <v>238</v>
      </c>
    </row>
    <row r="56" spans="1:4" ht="18" customHeight="1" x14ac:dyDescent="0.15">
      <c r="A56" s="8">
        <v>42</v>
      </c>
      <c r="B56" s="21">
        <v>139</v>
      </c>
      <c r="C56" s="6">
        <v>104</v>
      </c>
      <c r="D56" s="5">
        <v>243</v>
      </c>
    </row>
    <row r="57" spans="1:4" ht="18" customHeight="1" x14ac:dyDescent="0.15">
      <c r="A57" s="8">
        <v>43</v>
      </c>
      <c r="B57" s="21">
        <v>135</v>
      </c>
      <c r="C57" s="6">
        <v>124</v>
      </c>
      <c r="D57" s="5">
        <v>259</v>
      </c>
    </row>
    <row r="58" spans="1:4" ht="18" customHeight="1" x14ac:dyDescent="0.15">
      <c r="A58" s="8">
        <v>44</v>
      </c>
      <c r="B58" s="21">
        <v>132</v>
      </c>
      <c r="C58" s="6">
        <v>136</v>
      </c>
      <c r="D58" s="5">
        <v>268</v>
      </c>
    </row>
    <row r="59" spans="1:4" ht="18" customHeight="1" x14ac:dyDescent="0.15">
      <c r="A59" s="8" t="s">
        <v>16</v>
      </c>
      <c r="B59" s="21">
        <v>669</v>
      </c>
      <c r="C59" s="6">
        <v>588</v>
      </c>
      <c r="D59" s="5">
        <v>1257</v>
      </c>
    </row>
    <row r="60" spans="1:4" ht="18" customHeight="1" x14ac:dyDescent="0.15">
      <c r="A60" s="8">
        <v>45</v>
      </c>
      <c r="B60" s="21">
        <v>150</v>
      </c>
      <c r="C60" s="6">
        <v>107</v>
      </c>
      <c r="D60" s="5">
        <v>257</v>
      </c>
    </row>
    <row r="61" spans="1:4" ht="18" customHeight="1" x14ac:dyDescent="0.15">
      <c r="A61" s="8">
        <v>46</v>
      </c>
      <c r="B61" s="21">
        <v>124</v>
      </c>
      <c r="C61" s="6">
        <v>142</v>
      </c>
      <c r="D61" s="5">
        <v>266</v>
      </c>
    </row>
    <row r="62" spans="1:4" ht="18" customHeight="1" x14ac:dyDescent="0.15">
      <c r="A62" s="8">
        <v>47</v>
      </c>
      <c r="B62" s="21">
        <v>108</v>
      </c>
      <c r="C62" s="6">
        <v>111</v>
      </c>
      <c r="D62" s="5">
        <v>219</v>
      </c>
    </row>
    <row r="63" spans="1:4" ht="18" customHeight="1" x14ac:dyDescent="0.15">
      <c r="A63" s="8">
        <v>48</v>
      </c>
      <c r="B63" s="21">
        <v>141</v>
      </c>
      <c r="C63" s="6">
        <v>131</v>
      </c>
      <c r="D63" s="5">
        <v>272</v>
      </c>
    </row>
    <row r="64" spans="1:4" ht="18" customHeight="1" x14ac:dyDescent="0.15">
      <c r="A64" s="8">
        <v>49</v>
      </c>
      <c r="B64" s="21">
        <v>142</v>
      </c>
      <c r="C64" s="6">
        <v>124</v>
      </c>
      <c r="D64" s="5">
        <v>266</v>
      </c>
    </row>
    <row r="65" spans="1:4" ht="18" customHeight="1" x14ac:dyDescent="0.15">
      <c r="A65" s="8" t="s">
        <v>15</v>
      </c>
      <c r="B65" s="21">
        <v>665</v>
      </c>
      <c r="C65" s="6">
        <v>615</v>
      </c>
      <c r="D65" s="5">
        <v>1280</v>
      </c>
    </row>
    <row r="66" spans="1:4" ht="18" customHeight="1" x14ac:dyDescent="0.15">
      <c r="A66" s="8">
        <v>50</v>
      </c>
      <c r="B66" s="21">
        <v>155</v>
      </c>
      <c r="C66" s="6">
        <v>132</v>
      </c>
      <c r="D66" s="5">
        <v>287</v>
      </c>
    </row>
    <row r="67" spans="1:4" ht="18" customHeight="1" x14ac:dyDescent="0.15">
      <c r="A67" s="8">
        <v>51</v>
      </c>
      <c r="B67" s="21">
        <v>158</v>
      </c>
      <c r="C67" s="6">
        <v>175</v>
      </c>
      <c r="D67" s="5">
        <v>333</v>
      </c>
    </row>
    <row r="68" spans="1:4" ht="18" customHeight="1" x14ac:dyDescent="0.15">
      <c r="A68" s="8">
        <v>52</v>
      </c>
      <c r="B68" s="21">
        <v>142</v>
      </c>
      <c r="C68" s="6">
        <v>142</v>
      </c>
      <c r="D68" s="5">
        <v>284</v>
      </c>
    </row>
    <row r="69" spans="1:4" ht="18" customHeight="1" x14ac:dyDescent="0.15">
      <c r="A69" s="8">
        <v>53</v>
      </c>
      <c r="B69" s="21">
        <v>142</v>
      </c>
      <c r="C69" s="6">
        <v>127</v>
      </c>
      <c r="D69" s="5">
        <v>269</v>
      </c>
    </row>
    <row r="70" spans="1:4" ht="18" customHeight="1" x14ac:dyDescent="0.15">
      <c r="A70" s="8">
        <v>54</v>
      </c>
      <c r="B70" s="21">
        <v>126</v>
      </c>
      <c r="C70" s="6">
        <v>128</v>
      </c>
      <c r="D70" s="5">
        <v>254</v>
      </c>
    </row>
    <row r="71" spans="1:4" ht="18" customHeight="1" x14ac:dyDescent="0.15">
      <c r="A71" s="8" t="s">
        <v>14</v>
      </c>
      <c r="B71" s="21">
        <v>723</v>
      </c>
      <c r="C71" s="6">
        <v>704</v>
      </c>
      <c r="D71" s="5">
        <v>1427</v>
      </c>
    </row>
    <row r="72" spans="1:4" ht="18" customHeight="1" x14ac:dyDescent="0.15">
      <c r="A72" s="8">
        <v>55</v>
      </c>
      <c r="B72" s="21">
        <v>108</v>
      </c>
      <c r="C72" s="6">
        <v>106</v>
      </c>
      <c r="D72" s="5">
        <v>214</v>
      </c>
    </row>
    <row r="73" spans="1:4" ht="18" customHeight="1" x14ac:dyDescent="0.15">
      <c r="A73" s="8">
        <v>56</v>
      </c>
      <c r="B73" s="21">
        <v>104</v>
      </c>
      <c r="C73" s="6">
        <v>100</v>
      </c>
      <c r="D73" s="5">
        <v>204</v>
      </c>
    </row>
    <row r="74" spans="1:4" ht="18" customHeight="1" x14ac:dyDescent="0.15">
      <c r="A74" s="8">
        <v>57</v>
      </c>
      <c r="B74" s="21">
        <v>90</v>
      </c>
      <c r="C74" s="6">
        <v>94</v>
      </c>
      <c r="D74" s="5">
        <v>184</v>
      </c>
    </row>
    <row r="75" spans="1:4" ht="18" customHeight="1" x14ac:dyDescent="0.15">
      <c r="A75" s="8">
        <v>58</v>
      </c>
      <c r="B75" s="21">
        <v>101</v>
      </c>
      <c r="C75" s="6">
        <v>91</v>
      </c>
      <c r="D75" s="5">
        <v>192</v>
      </c>
    </row>
    <row r="76" spans="1:4" ht="18" customHeight="1" x14ac:dyDescent="0.15">
      <c r="A76" s="8">
        <v>59</v>
      </c>
      <c r="B76" s="21">
        <v>63</v>
      </c>
      <c r="C76" s="6">
        <v>77</v>
      </c>
      <c r="D76" s="5">
        <v>140</v>
      </c>
    </row>
    <row r="77" spans="1:4" ht="18" customHeight="1" x14ac:dyDescent="0.15">
      <c r="A77" s="8" t="s">
        <v>13</v>
      </c>
      <c r="B77" s="21">
        <v>466</v>
      </c>
      <c r="C77" s="6">
        <v>468</v>
      </c>
      <c r="D77" s="5">
        <v>934</v>
      </c>
    </row>
    <row r="78" spans="1:4" ht="18" customHeight="1" x14ac:dyDescent="0.15">
      <c r="A78" s="8">
        <v>60</v>
      </c>
      <c r="B78" s="21">
        <v>97</v>
      </c>
      <c r="C78" s="6">
        <v>90</v>
      </c>
      <c r="D78" s="5">
        <v>187</v>
      </c>
    </row>
    <row r="79" spans="1:4" ht="18" customHeight="1" x14ac:dyDescent="0.15">
      <c r="A79" s="8">
        <v>61</v>
      </c>
      <c r="B79" s="21">
        <v>80</v>
      </c>
      <c r="C79" s="6">
        <v>86</v>
      </c>
      <c r="D79" s="5">
        <v>166</v>
      </c>
    </row>
    <row r="80" spans="1:4" ht="18" customHeight="1" x14ac:dyDescent="0.15">
      <c r="A80" s="8">
        <v>62</v>
      </c>
      <c r="B80" s="21">
        <v>86</v>
      </c>
      <c r="C80" s="6">
        <v>80</v>
      </c>
      <c r="D80" s="5">
        <v>166</v>
      </c>
    </row>
    <row r="81" spans="1:4" ht="18" customHeight="1" x14ac:dyDescent="0.15">
      <c r="A81" s="8">
        <v>63</v>
      </c>
      <c r="B81" s="21">
        <v>61</v>
      </c>
      <c r="C81" s="6">
        <v>70</v>
      </c>
      <c r="D81" s="5">
        <v>131</v>
      </c>
    </row>
    <row r="82" spans="1:4" ht="18" customHeight="1" x14ac:dyDescent="0.15">
      <c r="A82" s="8">
        <v>64</v>
      </c>
      <c r="B82" s="21">
        <v>72</v>
      </c>
      <c r="C82" s="6">
        <v>71</v>
      </c>
      <c r="D82" s="5">
        <v>143</v>
      </c>
    </row>
    <row r="83" spans="1:4" ht="18" customHeight="1" x14ac:dyDescent="0.15">
      <c r="A83" s="8" t="s">
        <v>12</v>
      </c>
      <c r="B83" s="21">
        <v>396</v>
      </c>
      <c r="C83" s="6">
        <v>397</v>
      </c>
      <c r="D83" s="5">
        <v>793</v>
      </c>
    </row>
    <row r="84" spans="1:4" ht="18" customHeight="1" x14ac:dyDescent="0.15">
      <c r="A84" s="8" t="s">
        <v>11</v>
      </c>
      <c r="B84" s="21">
        <v>5063</v>
      </c>
      <c r="C84" s="6">
        <v>4956</v>
      </c>
      <c r="D84" s="5">
        <v>10019</v>
      </c>
    </row>
    <row r="85" spans="1:4" ht="18" customHeight="1" x14ac:dyDescent="0.15">
      <c r="A85" s="8">
        <v>65</v>
      </c>
      <c r="B85" s="21">
        <v>73</v>
      </c>
      <c r="C85" s="6">
        <v>81</v>
      </c>
      <c r="D85" s="5">
        <v>154</v>
      </c>
    </row>
    <row r="86" spans="1:4" ht="18" customHeight="1" x14ac:dyDescent="0.15">
      <c r="A86" s="8">
        <v>66</v>
      </c>
      <c r="B86" s="21">
        <v>56</v>
      </c>
      <c r="C86" s="6">
        <v>80</v>
      </c>
      <c r="D86" s="5">
        <v>136</v>
      </c>
    </row>
    <row r="87" spans="1:4" ht="18" customHeight="1" x14ac:dyDescent="0.15">
      <c r="A87" s="8">
        <v>67</v>
      </c>
      <c r="B87" s="21">
        <v>79</v>
      </c>
      <c r="C87" s="6">
        <v>80</v>
      </c>
      <c r="D87" s="5">
        <v>159</v>
      </c>
    </row>
    <row r="88" spans="1:4" ht="18" customHeight="1" x14ac:dyDescent="0.15">
      <c r="A88" s="8">
        <v>68</v>
      </c>
      <c r="B88" s="21">
        <v>62</v>
      </c>
      <c r="C88" s="6">
        <v>73</v>
      </c>
      <c r="D88" s="5">
        <v>135</v>
      </c>
    </row>
    <row r="89" spans="1:4" ht="18" customHeight="1" x14ac:dyDescent="0.15">
      <c r="A89" s="8">
        <v>69</v>
      </c>
      <c r="B89" s="21">
        <v>66</v>
      </c>
      <c r="C89" s="6">
        <v>62</v>
      </c>
      <c r="D89" s="5">
        <v>128</v>
      </c>
    </row>
    <row r="90" spans="1:4" ht="18" customHeight="1" x14ac:dyDescent="0.15">
      <c r="A90" s="8" t="s">
        <v>10</v>
      </c>
      <c r="B90" s="21">
        <v>336</v>
      </c>
      <c r="C90" s="6">
        <v>376</v>
      </c>
      <c r="D90" s="5">
        <v>712</v>
      </c>
    </row>
    <row r="91" spans="1:4" ht="18" customHeight="1" x14ac:dyDescent="0.15">
      <c r="A91" s="8">
        <v>70</v>
      </c>
      <c r="B91" s="21">
        <v>69</v>
      </c>
      <c r="C91" s="6">
        <v>80</v>
      </c>
      <c r="D91" s="5">
        <v>149</v>
      </c>
    </row>
    <row r="92" spans="1:4" ht="18" customHeight="1" x14ac:dyDescent="0.15">
      <c r="A92" s="8">
        <v>71</v>
      </c>
      <c r="B92" s="21">
        <v>79</v>
      </c>
      <c r="C92" s="6">
        <v>78</v>
      </c>
      <c r="D92" s="5">
        <v>157</v>
      </c>
    </row>
    <row r="93" spans="1:4" ht="18" customHeight="1" x14ac:dyDescent="0.15">
      <c r="A93" s="8">
        <v>72</v>
      </c>
      <c r="B93" s="21">
        <v>80</v>
      </c>
      <c r="C93" s="6">
        <v>94</v>
      </c>
      <c r="D93" s="5">
        <v>174</v>
      </c>
    </row>
    <row r="94" spans="1:4" ht="18" customHeight="1" x14ac:dyDescent="0.15">
      <c r="A94" s="8">
        <v>73</v>
      </c>
      <c r="B94" s="21">
        <v>80</v>
      </c>
      <c r="C94" s="6">
        <v>99</v>
      </c>
      <c r="D94" s="5">
        <v>179</v>
      </c>
    </row>
    <row r="95" spans="1:4" ht="18" customHeight="1" x14ac:dyDescent="0.15">
      <c r="A95" s="8">
        <v>74</v>
      </c>
      <c r="B95" s="21">
        <v>74</v>
      </c>
      <c r="C95" s="6">
        <v>80</v>
      </c>
      <c r="D95" s="5">
        <v>154</v>
      </c>
    </row>
    <row r="96" spans="1:4" ht="18" customHeight="1" x14ac:dyDescent="0.15">
      <c r="A96" s="8" t="s">
        <v>9</v>
      </c>
      <c r="B96" s="21">
        <v>382</v>
      </c>
      <c r="C96" s="6">
        <v>431</v>
      </c>
      <c r="D96" s="5">
        <v>813</v>
      </c>
    </row>
    <row r="97" spans="1:4" ht="18" customHeight="1" x14ac:dyDescent="0.15">
      <c r="A97" s="8">
        <v>75</v>
      </c>
      <c r="B97" s="21">
        <v>79</v>
      </c>
      <c r="C97" s="6">
        <v>108</v>
      </c>
      <c r="D97" s="5">
        <v>187</v>
      </c>
    </row>
    <row r="98" spans="1:4" ht="18" customHeight="1" x14ac:dyDescent="0.15">
      <c r="A98" s="8">
        <v>76</v>
      </c>
      <c r="B98" s="21">
        <v>93</v>
      </c>
      <c r="C98" s="6">
        <v>122</v>
      </c>
      <c r="D98" s="5">
        <v>215</v>
      </c>
    </row>
    <row r="99" spans="1:4" ht="18" customHeight="1" x14ac:dyDescent="0.15">
      <c r="A99" s="8">
        <v>77</v>
      </c>
      <c r="B99" s="21">
        <v>95</v>
      </c>
      <c r="C99" s="6">
        <v>139</v>
      </c>
      <c r="D99" s="5">
        <v>234</v>
      </c>
    </row>
    <row r="100" spans="1:4" ht="18" customHeight="1" x14ac:dyDescent="0.15">
      <c r="A100" s="8">
        <v>78</v>
      </c>
      <c r="B100" s="21">
        <v>99</v>
      </c>
      <c r="C100" s="6">
        <v>157</v>
      </c>
      <c r="D100" s="5">
        <v>256</v>
      </c>
    </row>
    <row r="101" spans="1:4" ht="18" customHeight="1" x14ac:dyDescent="0.15">
      <c r="A101" s="8">
        <v>79</v>
      </c>
      <c r="B101" s="21">
        <v>72</v>
      </c>
      <c r="C101" s="6">
        <v>79</v>
      </c>
      <c r="D101" s="5">
        <v>151</v>
      </c>
    </row>
    <row r="102" spans="1:4" ht="18" customHeight="1" x14ac:dyDescent="0.15">
      <c r="A102" s="8" t="s">
        <v>8</v>
      </c>
      <c r="B102" s="21">
        <v>438</v>
      </c>
      <c r="C102" s="6">
        <v>605</v>
      </c>
      <c r="D102" s="5">
        <v>1043</v>
      </c>
    </row>
    <row r="103" spans="1:4" ht="18" customHeight="1" x14ac:dyDescent="0.15">
      <c r="A103" s="8">
        <v>80</v>
      </c>
      <c r="B103" s="21">
        <v>56</v>
      </c>
      <c r="C103" s="6">
        <v>83</v>
      </c>
      <c r="D103" s="5">
        <v>139</v>
      </c>
    </row>
    <row r="104" spans="1:4" ht="18" customHeight="1" x14ac:dyDescent="0.15">
      <c r="A104" s="8">
        <v>81</v>
      </c>
      <c r="B104" s="21">
        <v>72</v>
      </c>
      <c r="C104" s="6">
        <v>104</v>
      </c>
      <c r="D104" s="5">
        <v>176</v>
      </c>
    </row>
    <row r="105" spans="1:4" ht="18" customHeight="1" x14ac:dyDescent="0.15">
      <c r="A105" s="8">
        <v>82</v>
      </c>
      <c r="B105" s="21">
        <v>71</v>
      </c>
      <c r="C105" s="6">
        <v>85</v>
      </c>
      <c r="D105" s="5">
        <v>156</v>
      </c>
    </row>
    <row r="106" spans="1:4" ht="18" customHeight="1" x14ac:dyDescent="0.15">
      <c r="A106" s="8">
        <v>83</v>
      </c>
      <c r="B106" s="21">
        <v>57</v>
      </c>
      <c r="C106" s="6">
        <v>105</v>
      </c>
      <c r="D106" s="5">
        <v>162</v>
      </c>
    </row>
    <row r="107" spans="1:4" ht="18" customHeight="1" x14ac:dyDescent="0.15">
      <c r="A107" s="8">
        <v>84</v>
      </c>
      <c r="B107" s="21">
        <v>56</v>
      </c>
      <c r="C107" s="6">
        <v>76</v>
      </c>
      <c r="D107" s="5">
        <v>132</v>
      </c>
    </row>
    <row r="108" spans="1:4" ht="18" customHeight="1" x14ac:dyDescent="0.15">
      <c r="A108" s="8" t="s">
        <v>7</v>
      </c>
      <c r="B108" s="21">
        <v>312</v>
      </c>
      <c r="C108" s="6">
        <v>453</v>
      </c>
      <c r="D108" s="5">
        <v>765</v>
      </c>
    </row>
    <row r="109" spans="1:4" ht="18" customHeight="1" x14ac:dyDescent="0.15">
      <c r="A109" s="8">
        <v>85</v>
      </c>
      <c r="B109" s="21">
        <v>43</v>
      </c>
      <c r="C109" s="6">
        <v>78</v>
      </c>
      <c r="D109" s="5">
        <v>121</v>
      </c>
    </row>
    <row r="110" spans="1:4" ht="18" customHeight="1" x14ac:dyDescent="0.15">
      <c r="A110" s="8">
        <v>86</v>
      </c>
      <c r="B110" s="21">
        <v>40</v>
      </c>
      <c r="C110" s="6">
        <v>44</v>
      </c>
      <c r="D110" s="5">
        <v>84</v>
      </c>
    </row>
    <row r="111" spans="1:4" ht="18" customHeight="1" x14ac:dyDescent="0.15">
      <c r="A111" s="8">
        <v>87</v>
      </c>
      <c r="B111" s="21">
        <v>34</v>
      </c>
      <c r="C111" s="6">
        <v>49</v>
      </c>
      <c r="D111" s="5">
        <v>83</v>
      </c>
    </row>
    <row r="112" spans="1:4" ht="18" customHeight="1" x14ac:dyDescent="0.15">
      <c r="A112" s="8">
        <v>88</v>
      </c>
      <c r="B112" s="21">
        <v>38</v>
      </c>
      <c r="C112" s="6">
        <v>50</v>
      </c>
      <c r="D112" s="5">
        <v>88</v>
      </c>
    </row>
    <row r="113" spans="1:4" ht="18" customHeight="1" x14ac:dyDescent="0.15">
      <c r="A113" s="8">
        <v>89</v>
      </c>
      <c r="B113" s="21">
        <v>19</v>
      </c>
      <c r="C113" s="6">
        <v>45</v>
      </c>
      <c r="D113" s="5">
        <v>64</v>
      </c>
    </row>
    <row r="114" spans="1:4" ht="18" customHeight="1" x14ac:dyDescent="0.15">
      <c r="A114" s="8" t="s">
        <v>6</v>
      </c>
      <c r="B114" s="21">
        <v>174</v>
      </c>
      <c r="C114" s="6">
        <v>266</v>
      </c>
      <c r="D114" s="5">
        <v>440</v>
      </c>
    </row>
    <row r="115" spans="1:4" ht="18" customHeight="1" x14ac:dyDescent="0.15">
      <c r="A115" s="8">
        <v>90</v>
      </c>
      <c r="B115" s="21">
        <v>22</v>
      </c>
      <c r="C115" s="6">
        <v>39</v>
      </c>
      <c r="D115" s="5">
        <v>61</v>
      </c>
    </row>
    <row r="116" spans="1:4" ht="18" customHeight="1" x14ac:dyDescent="0.15">
      <c r="A116" s="8">
        <v>91</v>
      </c>
      <c r="B116" s="21">
        <v>15</v>
      </c>
      <c r="C116" s="6">
        <v>26</v>
      </c>
      <c r="D116" s="5">
        <v>41</v>
      </c>
    </row>
    <row r="117" spans="1:4" ht="18" customHeight="1" x14ac:dyDescent="0.15">
      <c r="A117" s="8">
        <v>92</v>
      </c>
      <c r="B117" s="21">
        <v>11</v>
      </c>
      <c r="C117" s="6">
        <v>26</v>
      </c>
      <c r="D117" s="5">
        <v>37</v>
      </c>
    </row>
    <row r="118" spans="1:4" ht="18" customHeight="1" x14ac:dyDescent="0.15">
      <c r="A118" s="8">
        <v>93</v>
      </c>
      <c r="B118" s="21">
        <v>4</v>
      </c>
      <c r="C118" s="6">
        <v>20</v>
      </c>
      <c r="D118" s="5">
        <v>24</v>
      </c>
    </row>
    <row r="119" spans="1:4" ht="18" customHeight="1" x14ac:dyDescent="0.15">
      <c r="A119" s="8">
        <v>94</v>
      </c>
      <c r="B119" s="21">
        <v>12</v>
      </c>
      <c r="C119" s="6">
        <v>21</v>
      </c>
      <c r="D119" s="5">
        <v>33</v>
      </c>
    </row>
    <row r="120" spans="1:4" ht="18" customHeight="1" x14ac:dyDescent="0.15">
      <c r="A120" s="8" t="s">
        <v>5</v>
      </c>
      <c r="B120" s="21">
        <v>64</v>
      </c>
      <c r="C120" s="6">
        <v>132</v>
      </c>
      <c r="D120" s="5">
        <v>196</v>
      </c>
    </row>
    <row r="121" spans="1:4" ht="18" customHeight="1" x14ac:dyDescent="0.15">
      <c r="A121" s="8">
        <v>95</v>
      </c>
      <c r="B121" s="21">
        <v>4</v>
      </c>
      <c r="C121" s="6">
        <v>12</v>
      </c>
      <c r="D121" s="5">
        <v>16</v>
      </c>
    </row>
    <row r="122" spans="1:4" ht="18" customHeight="1" x14ac:dyDescent="0.15">
      <c r="A122" s="8">
        <v>96</v>
      </c>
      <c r="B122" s="21">
        <v>2</v>
      </c>
      <c r="C122" s="6">
        <v>10</v>
      </c>
      <c r="D122" s="5">
        <v>12</v>
      </c>
    </row>
    <row r="123" spans="1:4" ht="18" customHeight="1" x14ac:dyDescent="0.15">
      <c r="A123" s="8">
        <v>97</v>
      </c>
      <c r="B123" s="21">
        <v>1</v>
      </c>
      <c r="C123" s="6">
        <v>8</v>
      </c>
      <c r="D123" s="5">
        <v>9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8</v>
      </c>
      <c r="C126" s="6">
        <v>36</v>
      </c>
      <c r="D126" s="5">
        <v>44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6</v>
      </c>
      <c r="D128" s="5">
        <v>6</v>
      </c>
    </row>
    <row r="129" spans="1:4" ht="18" customHeight="1" x14ac:dyDescent="0.15">
      <c r="A129" s="8" t="s">
        <v>2</v>
      </c>
      <c r="B129" s="21">
        <v>0</v>
      </c>
      <c r="C129" s="6">
        <v>11</v>
      </c>
      <c r="D129" s="5">
        <v>11</v>
      </c>
    </row>
    <row r="130" spans="1:4" ht="18" customHeight="1" x14ac:dyDescent="0.15">
      <c r="A130" s="8" t="s">
        <v>1</v>
      </c>
      <c r="B130" s="21">
        <v>1714</v>
      </c>
      <c r="C130" s="6">
        <v>2310</v>
      </c>
      <c r="D130" s="5">
        <v>4024</v>
      </c>
    </row>
    <row r="131" spans="1:4" ht="18" customHeight="1" x14ac:dyDescent="0.15">
      <c r="A131" s="4" t="s">
        <v>0</v>
      </c>
      <c r="B131" s="20">
        <v>8077</v>
      </c>
      <c r="C131" s="2">
        <v>8494</v>
      </c>
      <c r="D131" s="1">
        <v>1657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DDFFBF-9B72-4AAA-BC2E-0347D13B978D}">
  <sheetPr codeName="Sheet3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9</v>
      </c>
      <c r="C5" s="11">
        <v>31</v>
      </c>
      <c r="D5" s="10">
        <v>70</v>
      </c>
    </row>
    <row r="6" spans="1:4" ht="18" customHeight="1" x14ac:dyDescent="0.15">
      <c r="A6" s="8">
        <v>1</v>
      </c>
      <c r="B6" s="21">
        <v>47</v>
      </c>
      <c r="C6" s="6">
        <v>36</v>
      </c>
      <c r="D6" s="5">
        <v>83</v>
      </c>
    </row>
    <row r="7" spans="1:4" ht="18" customHeight="1" x14ac:dyDescent="0.15">
      <c r="A7" s="8">
        <v>2</v>
      </c>
      <c r="B7" s="21">
        <v>47</v>
      </c>
      <c r="C7" s="6">
        <v>38</v>
      </c>
      <c r="D7" s="5">
        <v>85</v>
      </c>
    </row>
    <row r="8" spans="1:4" ht="18" customHeight="1" x14ac:dyDescent="0.15">
      <c r="A8" s="8">
        <v>3</v>
      </c>
      <c r="B8" s="21">
        <v>45</v>
      </c>
      <c r="C8" s="6">
        <v>47</v>
      </c>
      <c r="D8" s="5">
        <v>92</v>
      </c>
    </row>
    <row r="9" spans="1:4" ht="18" customHeight="1" x14ac:dyDescent="0.15">
      <c r="A9" s="8">
        <v>4</v>
      </c>
      <c r="B9" s="21">
        <v>44</v>
      </c>
      <c r="C9" s="6">
        <v>24</v>
      </c>
      <c r="D9" s="5">
        <v>68</v>
      </c>
    </row>
    <row r="10" spans="1:4" ht="18" customHeight="1" x14ac:dyDescent="0.15">
      <c r="A10" s="8" t="s">
        <v>25</v>
      </c>
      <c r="B10" s="21">
        <v>222</v>
      </c>
      <c r="C10" s="6">
        <v>176</v>
      </c>
      <c r="D10" s="5">
        <v>398</v>
      </c>
    </row>
    <row r="11" spans="1:4" ht="18" customHeight="1" x14ac:dyDescent="0.15">
      <c r="A11" s="8">
        <v>5</v>
      </c>
      <c r="B11" s="21">
        <v>42</v>
      </c>
      <c r="C11" s="6">
        <v>38</v>
      </c>
      <c r="D11" s="5">
        <v>80</v>
      </c>
    </row>
    <row r="12" spans="1:4" ht="18" customHeight="1" x14ac:dyDescent="0.15">
      <c r="A12" s="8">
        <v>6</v>
      </c>
      <c r="B12" s="21">
        <v>48</v>
      </c>
      <c r="C12" s="6">
        <v>47</v>
      </c>
      <c r="D12" s="5">
        <v>95</v>
      </c>
    </row>
    <row r="13" spans="1:4" ht="18" customHeight="1" x14ac:dyDescent="0.15">
      <c r="A13" s="8">
        <v>7</v>
      </c>
      <c r="B13" s="21">
        <v>51</v>
      </c>
      <c r="C13" s="6">
        <v>41</v>
      </c>
      <c r="D13" s="5">
        <v>92</v>
      </c>
    </row>
    <row r="14" spans="1:4" ht="18" customHeight="1" x14ac:dyDescent="0.15">
      <c r="A14" s="8">
        <v>8</v>
      </c>
      <c r="B14" s="21">
        <v>44</v>
      </c>
      <c r="C14" s="6">
        <v>61</v>
      </c>
      <c r="D14" s="5">
        <v>105</v>
      </c>
    </row>
    <row r="15" spans="1:4" ht="18" customHeight="1" x14ac:dyDescent="0.15">
      <c r="A15" s="8">
        <v>9</v>
      </c>
      <c r="B15" s="21">
        <v>58</v>
      </c>
      <c r="C15" s="6">
        <v>53</v>
      </c>
      <c r="D15" s="5">
        <v>111</v>
      </c>
    </row>
    <row r="16" spans="1:4" ht="18" customHeight="1" x14ac:dyDescent="0.15">
      <c r="A16" s="8" t="s">
        <v>24</v>
      </c>
      <c r="B16" s="21">
        <v>243</v>
      </c>
      <c r="C16" s="6">
        <v>240</v>
      </c>
      <c r="D16" s="5">
        <v>483</v>
      </c>
    </row>
    <row r="17" spans="1:4" ht="18" customHeight="1" x14ac:dyDescent="0.15">
      <c r="A17" s="8">
        <v>10</v>
      </c>
      <c r="B17" s="21">
        <v>39</v>
      </c>
      <c r="C17" s="6">
        <v>50</v>
      </c>
      <c r="D17" s="5">
        <v>89</v>
      </c>
    </row>
    <row r="18" spans="1:4" ht="18" customHeight="1" x14ac:dyDescent="0.15">
      <c r="A18" s="8">
        <v>11</v>
      </c>
      <c r="B18" s="21">
        <v>48</v>
      </c>
      <c r="C18" s="6">
        <v>56</v>
      </c>
      <c r="D18" s="5">
        <v>104</v>
      </c>
    </row>
    <row r="19" spans="1:4" ht="18" customHeight="1" x14ac:dyDescent="0.15">
      <c r="A19" s="8">
        <v>12</v>
      </c>
      <c r="B19" s="21">
        <v>50</v>
      </c>
      <c r="C19" s="6">
        <v>47</v>
      </c>
      <c r="D19" s="5">
        <v>97</v>
      </c>
    </row>
    <row r="20" spans="1:4" ht="18" customHeight="1" x14ac:dyDescent="0.15">
      <c r="A20" s="8">
        <v>13</v>
      </c>
      <c r="B20" s="21">
        <v>42</v>
      </c>
      <c r="C20" s="6">
        <v>57</v>
      </c>
      <c r="D20" s="5">
        <v>99</v>
      </c>
    </row>
    <row r="21" spans="1:4" ht="18" customHeight="1" x14ac:dyDescent="0.15">
      <c r="A21" s="8">
        <v>14</v>
      </c>
      <c r="B21" s="21">
        <v>59</v>
      </c>
      <c r="C21" s="6">
        <v>38</v>
      </c>
      <c r="D21" s="5">
        <v>97</v>
      </c>
    </row>
    <row r="22" spans="1:4" ht="18" customHeight="1" x14ac:dyDescent="0.15">
      <c r="A22" s="8" t="s">
        <v>23</v>
      </c>
      <c r="B22" s="21">
        <v>238</v>
      </c>
      <c r="C22" s="6">
        <v>248</v>
      </c>
      <c r="D22" s="5">
        <v>486</v>
      </c>
    </row>
    <row r="23" spans="1:4" ht="18" customHeight="1" x14ac:dyDescent="0.15">
      <c r="A23" s="8" t="s">
        <v>22</v>
      </c>
      <c r="B23" s="21">
        <v>703</v>
      </c>
      <c r="C23" s="6">
        <v>664</v>
      </c>
      <c r="D23" s="5">
        <v>1367</v>
      </c>
    </row>
    <row r="24" spans="1:4" ht="18" customHeight="1" x14ac:dyDescent="0.15">
      <c r="A24" s="8">
        <v>15</v>
      </c>
      <c r="B24" s="21">
        <v>43</v>
      </c>
      <c r="C24" s="6">
        <v>44</v>
      </c>
      <c r="D24" s="5">
        <v>87</v>
      </c>
    </row>
    <row r="25" spans="1:4" ht="18" customHeight="1" x14ac:dyDescent="0.15">
      <c r="A25" s="8">
        <v>16</v>
      </c>
      <c r="B25" s="21">
        <v>47</v>
      </c>
      <c r="C25" s="6">
        <v>52</v>
      </c>
      <c r="D25" s="5">
        <v>99</v>
      </c>
    </row>
    <row r="26" spans="1:4" ht="18" customHeight="1" x14ac:dyDescent="0.15">
      <c r="A26" s="8">
        <v>17</v>
      </c>
      <c r="B26" s="21">
        <v>53</v>
      </c>
      <c r="C26" s="6">
        <v>33</v>
      </c>
      <c r="D26" s="5">
        <v>86</v>
      </c>
    </row>
    <row r="27" spans="1:4" ht="18" customHeight="1" x14ac:dyDescent="0.15">
      <c r="A27" s="8">
        <v>18</v>
      </c>
      <c r="B27" s="21">
        <v>40</v>
      </c>
      <c r="C27" s="6">
        <v>49</v>
      </c>
      <c r="D27" s="5">
        <v>89</v>
      </c>
    </row>
    <row r="28" spans="1:4" ht="18" customHeight="1" x14ac:dyDescent="0.15">
      <c r="A28" s="8">
        <v>19</v>
      </c>
      <c r="B28" s="21">
        <v>47</v>
      </c>
      <c r="C28" s="6">
        <v>47</v>
      </c>
      <c r="D28" s="5">
        <v>94</v>
      </c>
    </row>
    <row r="29" spans="1:4" ht="18" customHeight="1" x14ac:dyDescent="0.15">
      <c r="A29" s="8" t="s">
        <v>21</v>
      </c>
      <c r="B29" s="21">
        <v>230</v>
      </c>
      <c r="C29" s="6">
        <v>225</v>
      </c>
      <c r="D29" s="5">
        <v>455</v>
      </c>
    </row>
    <row r="30" spans="1:4" ht="18" customHeight="1" x14ac:dyDescent="0.15">
      <c r="A30" s="8">
        <v>20</v>
      </c>
      <c r="B30" s="21">
        <v>44</v>
      </c>
      <c r="C30" s="6">
        <v>45</v>
      </c>
      <c r="D30" s="5">
        <v>89</v>
      </c>
    </row>
    <row r="31" spans="1:4" ht="18" customHeight="1" x14ac:dyDescent="0.15">
      <c r="A31" s="8">
        <v>21</v>
      </c>
      <c r="B31" s="21">
        <v>42</v>
      </c>
      <c r="C31" s="6">
        <v>52</v>
      </c>
      <c r="D31" s="5">
        <v>94</v>
      </c>
    </row>
    <row r="32" spans="1:4" ht="18" customHeight="1" x14ac:dyDescent="0.15">
      <c r="A32" s="8">
        <v>22</v>
      </c>
      <c r="B32" s="21">
        <v>54</v>
      </c>
      <c r="C32" s="6">
        <v>46</v>
      </c>
      <c r="D32" s="5">
        <v>100</v>
      </c>
    </row>
    <row r="33" spans="1:4" ht="18" customHeight="1" x14ac:dyDescent="0.15">
      <c r="A33" s="8">
        <v>23</v>
      </c>
      <c r="B33" s="21">
        <v>56</v>
      </c>
      <c r="C33" s="6">
        <v>62</v>
      </c>
      <c r="D33" s="5">
        <v>118</v>
      </c>
    </row>
    <row r="34" spans="1:4" ht="18" customHeight="1" x14ac:dyDescent="0.15">
      <c r="A34" s="8">
        <v>24</v>
      </c>
      <c r="B34" s="21">
        <v>59</v>
      </c>
      <c r="C34" s="6">
        <v>59</v>
      </c>
      <c r="D34" s="5">
        <v>118</v>
      </c>
    </row>
    <row r="35" spans="1:4" ht="18" customHeight="1" x14ac:dyDescent="0.15">
      <c r="A35" s="8" t="s">
        <v>20</v>
      </c>
      <c r="B35" s="21">
        <v>255</v>
      </c>
      <c r="C35" s="6">
        <v>264</v>
      </c>
      <c r="D35" s="5">
        <v>519</v>
      </c>
    </row>
    <row r="36" spans="1:4" ht="18" customHeight="1" x14ac:dyDescent="0.15">
      <c r="A36" s="8">
        <v>25</v>
      </c>
      <c r="B36" s="21">
        <v>52</v>
      </c>
      <c r="C36" s="6">
        <v>48</v>
      </c>
      <c r="D36" s="5">
        <v>100</v>
      </c>
    </row>
    <row r="37" spans="1:4" ht="18" customHeight="1" x14ac:dyDescent="0.15">
      <c r="A37" s="8">
        <v>26</v>
      </c>
      <c r="B37" s="21">
        <v>49</v>
      </c>
      <c r="C37" s="6">
        <v>54</v>
      </c>
      <c r="D37" s="5">
        <v>103</v>
      </c>
    </row>
    <row r="38" spans="1:4" ht="18" customHeight="1" x14ac:dyDescent="0.15">
      <c r="A38" s="8">
        <v>27</v>
      </c>
      <c r="B38" s="21">
        <v>48</v>
      </c>
      <c r="C38" s="6">
        <v>58</v>
      </c>
      <c r="D38" s="5">
        <v>106</v>
      </c>
    </row>
    <row r="39" spans="1:4" ht="18" customHeight="1" x14ac:dyDescent="0.15">
      <c r="A39" s="8">
        <v>28</v>
      </c>
      <c r="B39" s="21">
        <v>73</v>
      </c>
      <c r="C39" s="6">
        <v>67</v>
      </c>
      <c r="D39" s="5">
        <v>140</v>
      </c>
    </row>
    <row r="40" spans="1:4" ht="18" customHeight="1" x14ac:dyDescent="0.15">
      <c r="A40" s="8">
        <v>29</v>
      </c>
      <c r="B40" s="21">
        <v>73</v>
      </c>
      <c r="C40" s="6">
        <v>83</v>
      </c>
      <c r="D40" s="5">
        <v>156</v>
      </c>
    </row>
    <row r="41" spans="1:4" ht="18" customHeight="1" x14ac:dyDescent="0.15">
      <c r="A41" s="8" t="s">
        <v>19</v>
      </c>
      <c r="B41" s="21">
        <v>295</v>
      </c>
      <c r="C41" s="6">
        <v>310</v>
      </c>
      <c r="D41" s="5">
        <v>605</v>
      </c>
    </row>
    <row r="42" spans="1:4" ht="18" customHeight="1" x14ac:dyDescent="0.15">
      <c r="A42" s="8">
        <v>30</v>
      </c>
      <c r="B42" s="21">
        <v>70</v>
      </c>
      <c r="C42" s="6">
        <v>74</v>
      </c>
      <c r="D42" s="5">
        <v>144</v>
      </c>
    </row>
    <row r="43" spans="1:4" ht="18" customHeight="1" x14ac:dyDescent="0.15">
      <c r="A43" s="8">
        <v>31</v>
      </c>
      <c r="B43" s="21">
        <v>73</v>
      </c>
      <c r="C43" s="6">
        <v>68</v>
      </c>
      <c r="D43" s="5">
        <v>141</v>
      </c>
    </row>
    <row r="44" spans="1:4" ht="18" customHeight="1" x14ac:dyDescent="0.15">
      <c r="A44" s="8">
        <v>32</v>
      </c>
      <c r="B44" s="21">
        <v>70</v>
      </c>
      <c r="C44" s="6">
        <v>63</v>
      </c>
      <c r="D44" s="5">
        <v>133</v>
      </c>
    </row>
    <row r="45" spans="1:4" ht="18" customHeight="1" x14ac:dyDescent="0.15">
      <c r="A45" s="8">
        <v>33</v>
      </c>
      <c r="B45" s="21">
        <v>60</v>
      </c>
      <c r="C45" s="6">
        <v>60</v>
      </c>
      <c r="D45" s="5">
        <v>120</v>
      </c>
    </row>
    <row r="46" spans="1:4" ht="18" customHeight="1" x14ac:dyDescent="0.15">
      <c r="A46" s="8">
        <v>34</v>
      </c>
      <c r="B46" s="21">
        <v>75</v>
      </c>
      <c r="C46" s="6">
        <v>63</v>
      </c>
      <c r="D46" s="5">
        <v>138</v>
      </c>
    </row>
    <row r="47" spans="1:4" ht="18" customHeight="1" x14ac:dyDescent="0.15">
      <c r="A47" s="8" t="s">
        <v>18</v>
      </c>
      <c r="B47" s="21">
        <v>348</v>
      </c>
      <c r="C47" s="6">
        <v>328</v>
      </c>
      <c r="D47" s="5">
        <v>676</v>
      </c>
    </row>
    <row r="48" spans="1:4" ht="18" customHeight="1" x14ac:dyDescent="0.15">
      <c r="A48" s="8">
        <v>35</v>
      </c>
      <c r="B48" s="21">
        <v>59</v>
      </c>
      <c r="C48" s="6">
        <v>54</v>
      </c>
      <c r="D48" s="5">
        <v>113</v>
      </c>
    </row>
    <row r="49" spans="1:4" ht="18" customHeight="1" x14ac:dyDescent="0.15">
      <c r="A49" s="8">
        <v>36</v>
      </c>
      <c r="B49" s="21">
        <v>74</v>
      </c>
      <c r="C49" s="6">
        <v>66</v>
      </c>
      <c r="D49" s="5">
        <v>140</v>
      </c>
    </row>
    <row r="50" spans="1:4" ht="18" customHeight="1" x14ac:dyDescent="0.15">
      <c r="A50" s="8">
        <v>37</v>
      </c>
      <c r="B50" s="21">
        <v>70</v>
      </c>
      <c r="C50" s="6">
        <v>69</v>
      </c>
      <c r="D50" s="5">
        <v>139</v>
      </c>
    </row>
    <row r="51" spans="1:4" ht="18" customHeight="1" x14ac:dyDescent="0.15">
      <c r="A51" s="8">
        <v>38</v>
      </c>
      <c r="B51" s="21">
        <v>61</v>
      </c>
      <c r="C51" s="6">
        <v>67</v>
      </c>
      <c r="D51" s="5">
        <v>128</v>
      </c>
    </row>
    <row r="52" spans="1:4" ht="18" customHeight="1" x14ac:dyDescent="0.15">
      <c r="A52" s="8">
        <v>39</v>
      </c>
      <c r="B52" s="21">
        <v>72</v>
      </c>
      <c r="C52" s="6">
        <v>72</v>
      </c>
      <c r="D52" s="5">
        <v>144</v>
      </c>
    </row>
    <row r="53" spans="1:4" ht="18" customHeight="1" x14ac:dyDescent="0.15">
      <c r="A53" s="8" t="s">
        <v>17</v>
      </c>
      <c r="B53" s="21">
        <v>336</v>
      </c>
      <c r="C53" s="6">
        <v>328</v>
      </c>
      <c r="D53" s="5">
        <v>664</v>
      </c>
    </row>
    <row r="54" spans="1:4" ht="18" customHeight="1" x14ac:dyDescent="0.15">
      <c r="A54" s="8">
        <v>40</v>
      </c>
      <c r="B54" s="21">
        <v>82</v>
      </c>
      <c r="C54" s="6">
        <v>69</v>
      </c>
      <c r="D54" s="5">
        <v>151</v>
      </c>
    </row>
    <row r="55" spans="1:4" ht="18" customHeight="1" x14ac:dyDescent="0.15">
      <c r="A55" s="8">
        <v>41</v>
      </c>
      <c r="B55" s="21">
        <v>89</v>
      </c>
      <c r="C55" s="6">
        <v>68</v>
      </c>
      <c r="D55" s="5">
        <v>157</v>
      </c>
    </row>
    <row r="56" spans="1:4" ht="18" customHeight="1" x14ac:dyDescent="0.15">
      <c r="A56" s="8">
        <v>42</v>
      </c>
      <c r="B56" s="21">
        <v>60</v>
      </c>
      <c r="C56" s="6">
        <v>66</v>
      </c>
      <c r="D56" s="5">
        <v>126</v>
      </c>
    </row>
    <row r="57" spans="1:4" ht="18" customHeight="1" x14ac:dyDescent="0.15">
      <c r="A57" s="8">
        <v>43</v>
      </c>
      <c r="B57" s="21">
        <v>79</v>
      </c>
      <c r="C57" s="6">
        <v>66</v>
      </c>
      <c r="D57" s="5">
        <v>145</v>
      </c>
    </row>
    <row r="58" spans="1:4" ht="18" customHeight="1" x14ac:dyDescent="0.15">
      <c r="A58" s="8">
        <v>44</v>
      </c>
      <c r="B58" s="21">
        <v>72</v>
      </c>
      <c r="C58" s="6">
        <v>78</v>
      </c>
      <c r="D58" s="5">
        <v>150</v>
      </c>
    </row>
    <row r="59" spans="1:4" ht="18" customHeight="1" x14ac:dyDescent="0.15">
      <c r="A59" s="8" t="s">
        <v>16</v>
      </c>
      <c r="B59" s="21">
        <v>382</v>
      </c>
      <c r="C59" s="6">
        <v>347</v>
      </c>
      <c r="D59" s="5">
        <v>729</v>
      </c>
    </row>
    <row r="60" spans="1:4" ht="18" customHeight="1" x14ac:dyDescent="0.15">
      <c r="A60" s="8">
        <v>45</v>
      </c>
      <c r="B60" s="21">
        <v>72</v>
      </c>
      <c r="C60" s="6">
        <v>81</v>
      </c>
      <c r="D60" s="5">
        <v>153</v>
      </c>
    </row>
    <row r="61" spans="1:4" ht="18" customHeight="1" x14ac:dyDescent="0.15">
      <c r="A61" s="8">
        <v>46</v>
      </c>
      <c r="B61" s="21">
        <v>80</v>
      </c>
      <c r="C61" s="6">
        <v>66</v>
      </c>
      <c r="D61" s="5">
        <v>146</v>
      </c>
    </row>
    <row r="62" spans="1:4" ht="18" customHeight="1" x14ac:dyDescent="0.15">
      <c r="A62" s="8">
        <v>47</v>
      </c>
      <c r="B62" s="21">
        <v>88</v>
      </c>
      <c r="C62" s="6">
        <v>91</v>
      </c>
      <c r="D62" s="5">
        <v>179</v>
      </c>
    </row>
    <row r="63" spans="1:4" ht="18" customHeight="1" x14ac:dyDescent="0.15">
      <c r="A63" s="8">
        <v>48</v>
      </c>
      <c r="B63" s="21">
        <v>67</v>
      </c>
      <c r="C63" s="6">
        <v>87</v>
      </c>
      <c r="D63" s="5">
        <v>154</v>
      </c>
    </row>
    <row r="64" spans="1:4" ht="18" customHeight="1" x14ac:dyDescent="0.15">
      <c r="A64" s="8">
        <v>49</v>
      </c>
      <c r="B64" s="21">
        <v>102</v>
      </c>
      <c r="C64" s="6">
        <v>81</v>
      </c>
      <c r="D64" s="5">
        <v>183</v>
      </c>
    </row>
    <row r="65" spans="1:4" ht="18" customHeight="1" x14ac:dyDescent="0.15">
      <c r="A65" s="8" t="s">
        <v>15</v>
      </c>
      <c r="B65" s="21">
        <v>409</v>
      </c>
      <c r="C65" s="6">
        <v>406</v>
      </c>
      <c r="D65" s="5">
        <v>815</v>
      </c>
    </row>
    <row r="66" spans="1:4" ht="18" customHeight="1" x14ac:dyDescent="0.15">
      <c r="A66" s="8">
        <v>50</v>
      </c>
      <c r="B66" s="21">
        <v>108</v>
      </c>
      <c r="C66" s="6">
        <v>94</v>
      </c>
      <c r="D66" s="5">
        <v>202</v>
      </c>
    </row>
    <row r="67" spans="1:4" ht="18" customHeight="1" x14ac:dyDescent="0.15">
      <c r="A67" s="8">
        <v>51</v>
      </c>
      <c r="B67" s="21">
        <v>110</v>
      </c>
      <c r="C67" s="6">
        <v>93</v>
      </c>
      <c r="D67" s="5">
        <v>203</v>
      </c>
    </row>
    <row r="68" spans="1:4" ht="18" customHeight="1" x14ac:dyDescent="0.15">
      <c r="A68" s="8">
        <v>52</v>
      </c>
      <c r="B68" s="21">
        <v>86</v>
      </c>
      <c r="C68" s="6">
        <v>77</v>
      </c>
      <c r="D68" s="5">
        <v>163</v>
      </c>
    </row>
    <row r="69" spans="1:4" ht="18" customHeight="1" x14ac:dyDescent="0.15">
      <c r="A69" s="8">
        <v>53</v>
      </c>
      <c r="B69" s="21">
        <v>103</v>
      </c>
      <c r="C69" s="6">
        <v>88</v>
      </c>
      <c r="D69" s="5">
        <v>191</v>
      </c>
    </row>
    <row r="70" spans="1:4" ht="18" customHeight="1" x14ac:dyDescent="0.15">
      <c r="A70" s="8">
        <v>54</v>
      </c>
      <c r="B70" s="21">
        <v>83</v>
      </c>
      <c r="C70" s="6">
        <v>91</v>
      </c>
      <c r="D70" s="5">
        <v>174</v>
      </c>
    </row>
    <row r="71" spans="1:4" ht="18" customHeight="1" x14ac:dyDescent="0.15">
      <c r="A71" s="8" t="s">
        <v>14</v>
      </c>
      <c r="B71" s="21">
        <v>490</v>
      </c>
      <c r="C71" s="6">
        <v>443</v>
      </c>
      <c r="D71" s="5">
        <v>933</v>
      </c>
    </row>
    <row r="72" spans="1:4" ht="18" customHeight="1" x14ac:dyDescent="0.15">
      <c r="A72" s="8">
        <v>55</v>
      </c>
      <c r="B72" s="21">
        <v>86</v>
      </c>
      <c r="C72" s="6">
        <v>67</v>
      </c>
      <c r="D72" s="5">
        <v>153</v>
      </c>
    </row>
    <row r="73" spans="1:4" ht="18" customHeight="1" x14ac:dyDescent="0.15">
      <c r="A73" s="8">
        <v>56</v>
      </c>
      <c r="B73" s="21">
        <v>78</v>
      </c>
      <c r="C73" s="6">
        <v>86</v>
      </c>
      <c r="D73" s="5">
        <v>164</v>
      </c>
    </row>
    <row r="74" spans="1:4" ht="18" customHeight="1" x14ac:dyDescent="0.15">
      <c r="A74" s="8">
        <v>57</v>
      </c>
      <c r="B74" s="21">
        <v>69</v>
      </c>
      <c r="C74" s="6">
        <v>73</v>
      </c>
      <c r="D74" s="5">
        <v>142</v>
      </c>
    </row>
    <row r="75" spans="1:4" ht="18" customHeight="1" x14ac:dyDescent="0.15">
      <c r="A75" s="8">
        <v>58</v>
      </c>
      <c r="B75" s="21">
        <v>82</v>
      </c>
      <c r="C75" s="6">
        <v>72</v>
      </c>
      <c r="D75" s="5">
        <v>154</v>
      </c>
    </row>
    <row r="76" spans="1:4" ht="18" customHeight="1" x14ac:dyDescent="0.15">
      <c r="A76" s="8">
        <v>59</v>
      </c>
      <c r="B76" s="21">
        <v>48</v>
      </c>
      <c r="C76" s="6">
        <v>63</v>
      </c>
      <c r="D76" s="5">
        <v>111</v>
      </c>
    </row>
    <row r="77" spans="1:4" ht="18" customHeight="1" x14ac:dyDescent="0.15">
      <c r="A77" s="8" t="s">
        <v>13</v>
      </c>
      <c r="B77" s="21">
        <v>363</v>
      </c>
      <c r="C77" s="6">
        <v>361</v>
      </c>
      <c r="D77" s="5">
        <v>724</v>
      </c>
    </row>
    <row r="78" spans="1:4" ht="18" customHeight="1" x14ac:dyDescent="0.15">
      <c r="A78" s="8">
        <v>60</v>
      </c>
      <c r="B78" s="21">
        <v>63</v>
      </c>
      <c r="C78" s="6">
        <v>72</v>
      </c>
      <c r="D78" s="5">
        <v>135</v>
      </c>
    </row>
    <row r="79" spans="1:4" ht="18" customHeight="1" x14ac:dyDescent="0.15">
      <c r="A79" s="8">
        <v>61</v>
      </c>
      <c r="B79" s="21">
        <v>59</v>
      </c>
      <c r="C79" s="6">
        <v>69</v>
      </c>
      <c r="D79" s="5">
        <v>128</v>
      </c>
    </row>
    <row r="80" spans="1:4" ht="18" customHeight="1" x14ac:dyDescent="0.15">
      <c r="A80" s="8">
        <v>62</v>
      </c>
      <c r="B80" s="21">
        <v>81</v>
      </c>
      <c r="C80" s="6">
        <v>62</v>
      </c>
      <c r="D80" s="5">
        <v>143</v>
      </c>
    </row>
    <row r="81" spans="1:4" ht="18" customHeight="1" x14ac:dyDescent="0.15">
      <c r="A81" s="8">
        <v>63</v>
      </c>
      <c r="B81" s="21">
        <v>50</v>
      </c>
      <c r="C81" s="6">
        <v>74</v>
      </c>
      <c r="D81" s="5">
        <v>124</v>
      </c>
    </row>
    <row r="82" spans="1:4" ht="18" customHeight="1" x14ac:dyDescent="0.15">
      <c r="A82" s="8">
        <v>64</v>
      </c>
      <c r="B82" s="21">
        <v>52</v>
      </c>
      <c r="C82" s="6">
        <v>55</v>
      </c>
      <c r="D82" s="5">
        <v>107</v>
      </c>
    </row>
    <row r="83" spans="1:4" ht="18" customHeight="1" x14ac:dyDescent="0.15">
      <c r="A83" s="8" t="s">
        <v>12</v>
      </c>
      <c r="B83" s="21">
        <v>305</v>
      </c>
      <c r="C83" s="6">
        <v>332</v>
      </c>
      <c r="D83" s="5">
        <v>637</v>
      </c>
    </row>
    <row r="84" spans="1:4" ht="18" customHeight="1" x14ac:dyDescent="0.15">
      <c r="A84" s="8" t="s">
        <v>11</v>
      </c>
      <c r="B84" s="21">
        <v>3413</v>
      </c>
      <c r="C84" s="6">
        <v>3344</v>
      </c>
      <c r="D84" s="5">
        <v>6757</v>
      </c>
    </row>
    <row r="85" spans="1:4" ht="18" customHeight="1" x14ac:dyDescent="0.15">
      <c r="A85" s="8">
        <v>65</v>
      </c>
      <c r="B85" s="21">
        <v>70</v>
      </c>
      <c r="C85" s="6">
        <v>43</v>
      </c>
      <c r="D85" s="5">
        <v>113</v>
      </c>
    </row>
    <row r="86" spans="1:4" ht="18" customHeight="1" x14ac:dyDescent="0.15">
      <c r="A86" s="8">
        <v>66</v>
      </c>
      <c r="B86" s="21">
        <v>64</v>
      </c>
      <c r="C86" s="6">
        <v>62</v>
      </c>
      <c r="D86" s="5">
        <v>126</v>
      </c>
    </row>
    <row r="87" spans="1:4" ht="18" customHeight="1" x14ac:dyDescent="0.15">
      <c r="A87" s="8">
        <v>67</v>
      </c>
      <c r="B87" s="21">
        <v>61</v>
      </c>
      <c r="C87" s="6">
        <v>65</v>
      </c>
      <c r="D87" s="5">
        <v>126</v>
      </c>
    </row>
    <row r="88" spans="1:4" ht="18" customHeight="1" x14ac:dyDescent="0.15">
      <c r="A88" s="8">
        <v>68</v>
      </c>
      <c r="B88" s="21">
        <v>54</v>
      </c>
      <c r="C88" s="6">
        <v>67</v>
      </c>
      <c r="D88" s="5">
        <v>121</v>
      </c>
    </row>
    <row r="89" spans="1:4" ht="18" customHeight="1" x14ac:dyDescent="0.15">
      <c r="A89" s="8">
        <v>69</v>
      </c>
      <c r="B89" s="21">
        <v>37</v>
      </c>
      <c r="C89" s="6">
        <v>68</v>
      </c>
      <c r="D89" s="5">
        <v>105</v>
      </c>
    </row>
    <row r="90" spans="1:4" ht="18" customHeight="1" x14ac:dyDescent="0.15">
      <c r="A90" s="8" t="s">
        <v>10</v>
      </c>
      <c r="B90" s="21">
        <v>286</v>
      </c>
      <c r="C90" s="6">
        <v>305</v>
      </c>
      <c r="D90" s="5">
        <v>591</v>
      </c>
    </row>
    <row r="91" spans="1:4" ht="18" customHeight="1" x14ac:dyDescent="0.15">
      <c r="A91" s="8">
        <v>70</v>
      </c>
      <c r="B91" s="21">
        <v>65</v>
      </c>
      <c r="C91" s="6">
        <v>75</v>
      </c>
      <c r="D91" s="5">
        <v>140</v>
      </c>
    </row>
    <row r="92" spans="1:4" ht="18" customHeight="1" x14ac:dyDescent="0.15">
      <c r="A92" s="8">
        <v>71</v>
      </c>
      <c r="B92" s="21">
        <v>65</v>
      </c>
      <c r="C92" s="6">
        <v>58</v>
      </c>
      <c r="D92" s="5">
        <v>123</v>
      </c>
    </row>
    <row r="93" spans="1:4" ht="18" customHeight="1" x14ac:dyDescent="0.15">
      <c r="A93" s="8">
        <v>72</v>
      </c>
      <c r="B93" s="21">
        <v>56</v>
      </c>
      <c r="C93" s="6">
        <v>63</v>
      </c>
      <c r="D93" s="5">
        <v>119</v>
      </c>
    </row>
    <row r="94" spans="1:4" ht="18" customHeight="1" x14ac:dyDescent="0.15">
      <c r="A94" s="8">
        <v>73</v>
      </c>
      <c r="B94" s="21">
        <v>64</v>
      </c>
      <c r="C94" s="6">
        <v>72</v>
      </c>
      <c r="D94" s="5">
        <v>136</v>
      </c>
    </row>
    <row r="95" spans="1:4" ht="18" customHeight="1" x14ac:dyDescent="0.15">
      <c r="A95" s="8">
        <v>74</v>
      </c>
      <c r="B95" s="21">
        <v>55</v>
      </c>
      <c r="C95" s="6">
        <v>92</v>
      </c>
      <c r="D95" s="5">
        <v>147</v>
      </c>
    </row>
    <row r="96" spans="1:4" ht="18" customHeight="1" x14ac:dyDescent="0.15">
      <c r="A96" s="8" t="s">
        <v>9</v>
      </c>
      <c r="B96" s="21">
        <v>305</v>
      </c>
      <c r="C96" s="6">
        <v>360</v>
      </c>
      <c r="D96" s="5">
        <v>665</v>
      </c>
    </row>
    <row r="97" spans="1:4" ht="18" customHeight="1" x14ac:dyDescent="0.15">
      <c r="A97" s="8">
        <v>75</v>
      </c>
      <c r="B97" s="21">
        <v>72</v>
      </c>
      <c r="C97" s="6">
        <v>95</v>
      </c>
      <c r="D97" s="5">
        <v>167</v>
      </c>
    </row>
    <row r="98" spans="1:4" ht="18" customHeight="1" x14ac:dyDescent="0.15">
      <c r="A98" s="8">
        <v>76</v>
      </c>
      <c r="B98" s="21">
        <v>64</v>
      </c>
      <c r="C98" s="6">
        <v>114</v>
      </c>
      <c r="D98" s="5">
        <v>178</v>
      </c>
    </row>
    <row r="99" spans="1:4" ht="18" customHeight="1" x14ac:dyDescent="0.15">
      <c r="A99" s="8">
        <v>77</v>
      </c>
      <c r="B99" s="21">
        <v>74</v>
      </c>
      <c r="C99" s="6">
        <v>101</v>
      </c>
      <c r="D99" s="5">
        <v>175</v>
      </c>
    </row>
    <row r="100" spans="1:4" ht="18" customHeight="1" x14ac:dyDescent="0.15">
      <c r="A100" s="8">
        <v>78</v>
      </c>
      <c r="B100" s="21">
        <v>67</v>
      </c>
      <c r="C100" s="6">
        <v>95</v>
      </c>
      <c r="D100" s="5">
        <v>162</v>
      </c>
    </row>
    <row r="101" spans="1:4" ht="18" customHeight="1" x14ac:dyDescent="0.15">
      <c r="A101" s="8">
        <v>79</v>
      </c>
      <c r="B101" s="21">
        <v>42</v>
      </c>
      <c r="C101" s="6">
        <v>72</v>
      </c>
      <c r="D101" s="5">
        <v>114</v>
      </c>
    </row>
    <row r="102" spans="1:4" ht="18" customHeight="1" x14ac:dyDescent="0.15">
      <c r="A102" s="8" t="s">
        <v>8</v>
      </c>
      <c r="B102" s="21">
        <v>319</v>
      </c>
      <c r="C102" s="6">
        <v>477</v>
      </c>
      <c r="D102" s="5">
        <v>796</v>
      </c>
    </row>
    <row r="103" spans="1:4" ht="18" customHeight="1" x14ac:dyDescent="0.15">
      <c r="A103" s="8">
        <v>80</v>
      </c>
      <c r="B103" s="21">
        <v>43</v>
      </c>
      <c r="C103" s="6">
        <v>63</v>
      </c>
      <c r="D103" s="5">
        <v>106</v>
      </c>
    </row>
    <row r="104" spans="1:4" ht="18" customHeight="1" x14ac:dyDescent="0.15">
      <c r="A104" s="8">
        <v>81</v>
      </c>
      <c r="B104" s="21">
        <v>64</v>
      </c>
      <c r="C104" s="6">
        <v>68</v>
      </c>
      <c r="D104" s="5">
        <v>132</v>
      </c>
    </row>
    <row r="105" spans="1:4" ht="18" customHeight="1" x14ac:dyDescent="0.15">
      <c r="A105" s="8">
        <v>82</v>
      </c>
      <c r="B105" s="21">
        <v>52</v>
      </c>
      <c r="C105" s="6">
        <v>84</v>
      </c>
      <c r="D105" s="5">
        <v>136</v>
      </c>
    </row>
    <row r="106" spans="1:4" ht="18" customHeight="1" x14ac:dyDescent="0.15">
      <c r="A106" s="8">
        <v>83</v>
      </c>
      <c r="B106" s="21">
        <v>47</v>
      </c>
      <c r="C106" s="6">
        <v>96</v>
      </c>
      <c r="D106" s="5">
        <v>143</v>
      </c>
    </row>
    <row r="107" spans="1:4" ht="18" customHeight="1" x14ac:dyDescent="0.15">
      <c r="A107" s="8">
        <v>84</v>
      </c>
      <c r="B107" s="21">
        <v>54</v>
      </c>
      <c r="C107" s="6">
        <v>69</v>
      </c>
      <c r="D107" s="5">
        <v>123</v>
      </c>
    </row>
    <row r="108" spans="1:4" ht="18" customHeight="1" x14ac:dyDescent="0.15">
      <c r="A108" s="8" t="s">
        <v>7</v>
      </c>
      <c r="B108" s="21">
        <v>260</v>
      </c>
      <c r="C108" s="6">
        <v>380</v>
      </c>
      <c r="D108" s="5">
        <v>640</v>
      </c>
    </row>
    <row r="109" spans="1:4" ht="18" customHeight="1" x14ac:dyDescent="0.15">
      <c r="A109" s="8">
        <v>85</v>
      </c>
      <c r="B109" s="21">
        <v>38</v>
      </c>
      <c r="C109" s="6">
        <v>62</v>
      </c>
      <c r="D109" s="5">
        <v>100</v>
      </c>
    </row>
    <row r="110" spans="1:4" ht="18" customHeight="1" x14ac:dyDescent="0.15">
      <c r="A110" s="8">
        <v>86</v>
      </c>
      <c r="B110" s="21">
        <v>32</v>
      </c>
      <c r="C110" s="6">
        <v>41</v>
      </c>
      <c r="D110" s="5">
        <v>73</v>
      </c>
    </row>
    <row r="111" spans="1:4" ht="18" customHeight="1" x14ac:dyDescent="0.15">
      <c r="A111" s="8">
        <v>87</v>
      </c>
      <c r="B111" s="21">
        <v>21</v>
      </c>
      <c r="C111" s="6">
        <v>49</v>
      </c>
      <c r="D111" s="5">
        <v>70</v>
      </c>
    </row>
    <row r="112" spans="1:4" ht="18" customHeight="1" x14ac:dyDescent="0.15">
      <c r="A112" s="8">
        <v>88</v>
      </c>
      <c r="B112" s="21">
        <v>23</v>
      </c>
      <c r="C112" s="6">
        <v>53</v>
      </c>
      <c r="D112" s="5">
        <v>76</v>
      </c>
    </row>
    <row r="113" spans="1:4" ht="18" customHeight="1" x14ac:dyDescent="0.15">
      <c r="A113" s="8">
        <v>89</v>
      </c>
      <c r="B113" s="21">
        <v>21</v>
      </c>
      <c r="C113" s="6">
        <v>43</v>
      </c>
      <c r="D113" s="5">
        <v>64</v>
      </c>
    </row>
    <row r="114" spans="1:4" ht="18" customHeight="1" x14ac:dyDescent="0.15">
      <c r="A114" s="8" t="s">
        <v>6</v>
      </c>
      <c r="B114" s="21">
        <v>135</v>
      </c>
      <c r="C114" s="6">
        <v>248</v>
      </c>
      <c r="D114" s="5">
        <v>383</v>
      </c>
    </row>
    <row r="115" spans="1:4" ht="18" customHeight="1" x14ac:dyDescent="0.15">
      <c r="A115" s="8">
        <v>90</v>
      </c>
      <c r="B115" s="21">
        <v>23</v>
      </c>
      <c r="C115" s="6">
        <v>29</v>
      </c>
      <c r="D115" s="5">
        <v>52</v>
      </c>
    </row>
    <row r="116" spans="1:4" ht="18" customHeight="1" x14ac:dyDescent="0.15">
      <c r="A116" s="8">
        <v>91</v>
      </c>
      <c r="B116" s="21">
        <v>12</v>
      </c>
      <c r="C116" s="6">
        <v>32</v>
      </c>
      <c r="D116" s="5">
        <v>44</v>
      </c>
    </row>
    <row r="117" spans="1:4" ht="18" customHeight="1" x14ac:dyDescent="0.15">
      <c r="A117" s="8">
        <v>92</v>
      </c>
      <c r="B117" s="21">
        <v>17</v>
      </c>
      <c r="C117" s="6">
        <v>29</v>
      </c>
      <c r="D117" s="5">
        <v>46</v>
      </c>
    </row>
    <row r="118" spans="1:4" ht="18" customHeight="1" x14ac:dyDescent="0.15">
      <c r="A118" s="8">
        <v>93</v>
      </c>
      <c r="B118" s="21">
        <v>8</v>
      </c>
      <c r="C118" s="6">
        <v>30</v>
      </c>
      <c r="D118" s="5">
        <v>38</v>
      </c>
    </row>
    <row r="119" spans="1:4" ht="18" customHeight="1" x14ac:dyDescent="0.15">
      <c r="A119" s="8">
        <v>94</v>
      </c>
      <c r="B119" s="21">
        <v>7</v>
      </c>
      <c r="C119" s="6">
        <v>26</v>
      </c>
      <c r="D119" s="5">
        <v>33</v>
      </c>
    </row>
    <row r="120" spans="1:4" ht="18" customHeight="1" x14ac:dyDescent="0.15">
      <c r="A120" s="8" t="s">
        <v>5</v>
      </c>
      <c r="B120" s="21">
        <v>67</v>
      </c>
      <c r="C120" s="6">
        <v>146</v>
      </c>
      <c r="D120" s="5">
        <v>213</v>
      </c>
    </row>
    <row r="121" spans="1:4" ht="18" customHeight="1" x14ac:dyDescent="0.15">
      <c r="A121" s="8">
        <v>95</v>
      </c>
      <c r="B121" s="21">
        <v>5</v>
      </c>
      <c r="C121" s="6">
        <v>17</v>
      </c>
      <c r="D121" s="5">
        <v>22</v>
      </c>
    </row>
    <row r="122" spans="1:4" ht="18" customHeight="1" x14ac:dyDescent="0.15">
      <c r="A122" s="8">
        <v>96</v>
      </c>
      <c r="B122" s="21">
        <v>3</v>
      </c>
      <c r="C122" s="6">
        <v>15</v>
      </c>
      <c r="D122" s="5">
        <v>18</v>
      </c>
    </row>
    <row r="123" spans="1:4" ht="18" customHeight="1" x14ac:dyDescent="0.15">
      <c r="A123" s="8">
        <v>97</v>
      </c>
      <c r="B123" s="21">
        <v>5</v>
      </c>
      <c r="C123" s="6">
        <v>6</v>
      </c>
      <c r="D123" s="5">
        <v>11</v>
      </c>
    </row>
    <row r="124" spans="1:4" ht="18" customHeight="1" x14ac:dyDescent="0.15">
      <c r="A124" s="8">
        <v>98</v>
      </c>
      <c r="B124" s="21">
        <v>3</v>
      </c>
      <c r="C124" s="6">
        <v>10</v>
      </c>
      <c r="D124" s="5">
        <v>13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16</v>
      </c>
      <c r="C126" s="6">
        <v>51</v>
      </c>
      <c r="D126" s="5">
        <v>67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388</v>
      </c>
      <c r="C130" s="6">
        <v>1969</v>
      </c>
      <c r="D130" s="5">
        <v>3357</v>
      </c>
    </row>
    <row r="131" spans="1:4" ht="18" customHeight="1" x14ac:dyDescent="0.15">
      <c r="A131" s="4" t="s">
        <v>0</v>
      </c>
      <c r="B131" s="20">
        <v>5504</v>
      </c>
      <c r="C131" s="2">
        <v>5977</v>
      </c>
      <c r="D131" s="1">
        <v>1148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E1A76D-29E4-420E-91A5-65CE30C0F574}">
  <sheetPr codeName="Sheet3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6</v>
      </c>
      <c r="C5" s="11">
        <v>38</v>
      </c>
      <c r="D5" s="10">
        <v>74</v>
      </c>
    </row>
    <row r="6" spans="1:4" ht="18" customHeight="1" x14ac:dyDescent="0.15">
      <c r="A6" s="8">
        <v>1</v>
      </c>
      <c r="B6" s="21">
        <v>40</v>
      </c>
      <c r="C6" s="6">
        <v>33</v>
      </c>
      <c r="D6" s="5">
        <v>73</v>
      </c>
    </row>
    <row r="7" spans="1:4" ht="18" customHeight="1" x14ac:dyDescent="0.15">
      <c r="A7" s="8">
        <v>2</v>
      </c>
      <c r="B7" s="21">
        <v>39</v>
      </c>
      <c r="C7" s="6">
        <v>30</v>
      </c>
      <c r="D7" s="5">
        <v>69</v>
      </c>
    </row>
    <row r="8" spans="1:4" ht="18" customHeight="1" x14ac:dyDescent="0.15">
      <c r="A8" s="8">
        <v>3</v>
      </c>
      <c r="B8" s="21">
        <v>33</v>
      </c>
      <c r="C8" s="6">
        <v>27</v>
      </c>
      <c r="D8" s="5">
        <v>60</v>
      </c>
    </row>
    <row r="9" spans="1:4" ht="18" customHeight="1" x14ac:dyDescent="0.15">
      <c r="A9" s="8">
        <v>4</v>
      </c>
      <c r="B9" s="21">
        <v>34</v>
      </c>
      <c r="C9" s="6">
        <v>44</v>
      </c>
      <c r="D9" s="5">
        <v>78</v>
      </c>
    </row>
    <row r="10" spans="1:4" ht="18" customHeight="1" x14ac:dyDescent="0.15">
      <c r="A10" s="8" t="s">
        <v>25</v>
      </c>
      <c r="B10" s="21">
        <v>182</v>
      </c>
      <c r="C10" s="6">
        <v>172</v>
      </c>
      <c r="D10" s="5">
        <v>354</v>
      </c>
    </row>
    <row r="11" spans="1:4" ht="18" customHeight="1" x14ac:dyDescent="0.15">
      <c r="A11" s="8">
        <v>5</v>
      </c>
      <c r="B11" s="21">
        <v>29</v>
      </c>
      <c r="C11" s="6">
        <v>39</v>
      </c>
      <c r="D11" s="5">
        <v>68</v>
      </c>
    </row>
    <row r="12" spans="1:4" ht="18" customHeight="1" x14ac:dyDescent="0.15">
      <c r="A12" s="8">
        <v>6</v>
      </c>
      <c r="B12" s="21">
        <v>28</v>
      </c>
      <c r="C12" s="6">
        <v>44</v>
      </c>
      <c r="D12" s="5">
        <v>72</v>
      </c>
    </row>
    <row r="13" spans="1:4" ht="18" customHeight="1" x14ac:dyDescent="0.15">
      <c r="A13" s="8">
        <v>7</v>
      </c>
      <c r="B13" s="21">
        <v>44</v>
      </c>
      <c r="C13" s="6">
        <v>38</v>
      </c>
      <c r="D13" s="5">
        <v>82</v>
      </c>
    </row>
    <row r="14" spans="1:4" ht="18" customHeight="1" x14ac:dyDescent="0.15">
      <c r="A14" s="8">
        <v>8</v>
      </c>
      <c r="B14" s="21">
        <v>54</v>
      </c>
      <c r="C14" s="6">
        <v>41</v>
      </c>
      <c r="D14" s="5">
        <v>95</v>
      </c>
    </row>
    <row r="15" spans="1:4" ht="18" customHeight="1" x14ac:dyDescent="0.15">
      <c r="A15" s="8">
        <v>9</v>
      </c>
      <c r="B15" s="21">
        <v>41</v>
      </c>
      <c r="C15" s="6">
        <v>31</v>
      </c>
      <c r="D15" s="5">
        <v>72</v>
      </c>
    </row>
    <row r="16" spans="1:4" ht="18" customHeight="1" x14ac:dyDescent="0.15">
      <c r="A16" s="8" t="s">
        <v>24</v>
      </c>
      <c r="B16" s="21">
        <v>196</v>
      </c>
      <c r="C16" s="6">
        <v>193</v>
      </c>
      <c r="D16" s="5">
        <v>389</v>
      </c>
    </row>
    <row r="17" spans="1:4" ht="18" customHeight="1" x14ac:dyDescent="0.15">
      <c r="A17" s="8">
        <v>10</v>
      </c>
      <c r="B17" s="21">
        <v>37</v>
      </c>
      <c r="C17" s="6">
        <v>45</v>
      </c>
      <c r="D17" s="5">
        <v>82</v>
      </c>
    </row>
    <row r="18" spans="1:4" ht="18" customHeight="1" x14ac:dyDescent="0.15">
      <c r="A18" s="8">
        <v>11</v>
      </c>
      <c r="B18" s="21">
        <v>41</v>
      </c>
      <c r="C18" s="6">
        <v>47</v>
      </c>
      <c r="D18" s="5">
        <v>88</v>
      </c>
    </row>
    <row r="19" spans="1:4" ht="18" customHeight="1" x14ac:dyDescent="0.15">
      <c r="A19" s="8">
        <v>12</v>
      </c>
      <c r="B19" s="21">
        <v>50</v>
      </c>
      <c r="C19" s="6">
        <v>42</v>
      </c>
      <c r="D19" s="5">
        <v>92</v>
      </c>
    </row>
    <row r="20" spans="1:4" ht="18" customHeight="1" x14ac:dyDescent="0.15">
      <c r="A20" s="8">
        <v>13</v>
      </c>
      <c r="B20" s="21">
        <v>46</v>
      </c>
      <c r="C20" s="6">
        <v>46</v>
      </c>
      <c r="D20" s="5">
        <v>92</v>
      </c>
    </row>
    <row r="21" spans="1:4" ht="18" customHeight="1" x14ac:dyDescent="0.15">
      <c r="A21" s="8">
        <v>14</v>
      </c>
      <c r="B21" s="21">
        <v>51</v>
      </c>
      <c r="C21" s="6">
        <v>51</v>
      </c>
      <c r="D21" s="5">
        <v>102</v>
      </c>
    </row>
    <row r="22" spans="1:4" ht="18" customHeight="1" x14ac:dyDescent="0.15">
      <c r="A22" s="8" t="s">
        <v>23</v>
      </c>
      <c r="B22" s="21">
        <v>225</v>
      </c>
      <c r="C22" s="6">
        <v>231</v>
      </c>
      <c r="D22" s="5">
        <v>456</v>
      </c>
    </row>
    <row r="23" spans="1:4" ht="18" customHeight="1" x14ac:dyDescent="0.15">
      <c r="A23" s="8" t="s">
        <v>22</v>
      </c>
      <c r="B23" s="21">
        <v>603</v>
      </c>
      <c r="C23" s="6">
        <v>596</v>
      </c>
      <c r="D23" s="5">
        <v>1199</v>
      </c>
    </row>
    <row r="24" spans="1:4" ht="18" customHeight="1" x14ac:dyDescent="0.15">
      <c r="A24" s="8">
        <v>15</v>
      </c>
      <c r="B24" s="21">
        <v>47</v>
      </c>
      <c r="C24" s="6">
        <v>48</v>
      </c>
      <c r="D24" s="5">
        <v>95</v>
      </c>
    </row>
    <row r="25" spans="1:4" ht="18" customHeight="1" x14ac:dyDescent="0.15">
      <c r="A25" s="8">
        <v>16</v>
      </c>
      <c r="B25" s="21">
        <v>49</v>
      </c>
      <c r="C25" s="6">
        <v>54</v>
      </c>
      <c r="D25" s="5">
        <v>103</v>
      </c>
    </row>
    <row r="26" spans="1:4" ht="18" customHeight="1" x14ac:dyDescent="0.15">
      <c r="A26" s="8">
        <v>17</v>
      </c>
      <c r="B26" s="21">
        <v>58</v>
      </c>
      <c r="C26" s="6">
        <v>43</v>
      </c>
      <c r="D26" s="5">
        <v>101</v>
      </c>
    </row>
    <row r="27" spans="1:4" ht="18" customHeight="1" x14ac:dyDescent="0.15">
      <c r="A27" s="8">
        <v>18</v>
      </c>
      <c r="B27" s="21">
        <v>54</v>
      </c>
      <c r="C27" s="6">
        <v>54</v>
      </c>
      <c r="D27" s="5">
        <v>108</v>
      </c>
    </row>
    <row r="28" spans="1:4" ht="18" customHeight="1" x14ac:dyDescent="0.15">
      <c r="A28" s="8">
        <v>19</v>
      </c>
      <c r="B28" s="21">
        <v>67</v>
      </c>
      <c r="C28" s="6">
        <v>55</v>
      </c>
      <c r="D28" s="5">
        <v>122</v>
      </c>
    </row>
    <row r="29" spans="1:4" ht="18" customHeight="1" x14ac:dyDescent="0.15">
      <c r="A29" s="8" t="s">
        <v>21</v>
      </c>
      <c r="B29" s="21">
        <v>275</v>
      </c>
      <c r="C29" s="6">
        <v>254</v>
      </c>
      <c r="D29" s="5">
        <v>529</v>
      </c>
    </row>
    <row r="30" spans="1:4" ht="18" customHeight="1" x14ac:dyDescent="0.15">
      <c r="A30" s="8">
        <v>20</v>
      </c>
      <c r="B30" s="21">
        <v>42</v>
      </c>
      <c r="C30" s="6">
        <v>58</v>
      </c>
      <c r="D30" s="5">
        <v>100</v>
      </c>
    </row>
    <row r="31" spans="1:4" ht="18" customHeight="1" x14ac:dyDescent="0.15">
      <c r="A31" s="8">
        <v>21</v>
      </c>
      <c r="B31" s="21">
        <v>66</v>
      </c>
      <c r="C31" s="6">
        <v>61</v>
      </c>
      <c r="D31" s="5">
        <v>127</v>
      </c>
    </row>
    <row r="32" spans="1:4" ht="18" customHeight="1" x14ac:dyDescent="0.15">
      <c r="A32" s="8">
        <v>22</v>
      </c>
      <c r="B32" s="21">
        <v>67</v>
      </c>
      <c r="C32" s="6">
        <v>47</v>
      </c>
      <c r="D32" s="5">
        <v>114</v>
      </c>
    </row>
    <row r="33" spans="1:4" ht="18" customHeight="1" x14ac:dyDescent="0.15">
      <c r="A33" s="8">
        <v>23</v>
      </c>
      <c r="B33" s="21">
        <v>51</v>
      </c>
      <c r="C33" s="6">
        <v>53</v>
      </c>
      <c r="D33" s="5">
        <v>104</v>
      </c>
    </row>
    <row r="34" spans="1:4" ht="18" customHeight="1" x14ac:dyDescent="0.15">
      <c r="A34" s="8">
        <v>24</v>
      </c>
      <c r="B34" s="21">
        <v>56</v>
      </c>
      <c r="C34" s="6">
        <v>64</v>
      </c>
      <c r="D34" s="5">
        <v>120</v>
      </c>
    </row>
    <row r="35" spans="1:4" ht="18" customHeight="1" x14ac:dyDescent="0.15">
      <c r="A35" s="8" t="s">
        <v>20</v>
      </c>
      <c r="B35" s="21">
        <v>282</v>
      </c>
      <c r="C35" s="6">
        <v>283</v>
      </c>
      <c r="D35" s="5">
        <v>565</v>
      </c>
    </row>
    <row r="36" spans="1:4" ht="18" customHeight="1" x14ac:dyDescent="0.15">
      <c r="A36" s="8">
        <v>25</v>
      </c>
      <c r="B36" s="21">
        <v>57</v>
      </c>
      <c r="C36" s="6">
        <v>52</v>
      </c>
      <c r="D36" s="5">
        <v>109</v>
      </c>
    </row>
    <row r="37" spans="1:4" ht="18" customHeight="1" x14ac:dyDescent="0.15">
      <c r="A37" s="8">
        <v>26</v>
      </c>
      <c r="B37" s="21">
        <v>66</v>
      </c>
      <c r="C37" s="6">
        <v>61</v>
      </c>
      <c r="D37" s="5">
        <v>127</v>
      </c>
    </row>
    <row r="38" spans="1:4" ht="18" customHeight="1" x14ac:dyDescent="0.15">
      <c r="A38" s="8">
        <v>27</v>
      </c>
      <c r="B38" s="21">
        <v>59</v>
      </c>
      <c r="C38" s="6">
        <v>46</v>
      </c>
      <c r="D38" s="5">
        <v>105</v>
      </c>
    </row>
    <row r="39" spans="1:4" ht="18" customHeight="1" x14ac:dyDescent="0.15">
      <c r="A39" s="8">
        <v>28</v>
      </c>
      <c r="B39" s="21">
        <v>66</v>
      </c>
      <c r="C39" s="6">
        <v>64</v>
      </c>
      <c r="D39" s="5">
        <v>130</v>
      </c>
    </row>
    <row r="40" spans="1:4" ht="18" customHeight="1" x14ac:dyDescent="0.15">
      <c r="A40" s="8">
        <v>29</v>
      </c>
      <c r="B40" s="21">
        <v>56</v>
      </c>
      <c r="C40" s="6">
        <v>62</v>
      </c>
      <c r="D40" s="5">
        <v>118</v>
      </c>
    </row>
    <row r="41" spans="1:4" ht="18" customHeight="1" x14ac:dyDescent="0.15">
      <c r="A41" s="8" t="s">
        <v>19</v>
      </c>
      <c r="B41" s="21">
        <v>304</v>
      </c>
      <c r="C41" s="6">
        <v>285</v>
      </c>
      <c r="D41" s="5">
        <v>589</v>
      </c>
    </row>
    <row r="42" spans="1:4" ht="18" customHeight="1" x14ac:dyDescent="0.15">
      <c r="A42" s="8">
        <v>30</v>
      </c>
      <c r="B42" s="21">
        <v>66</v>
      </c>
      <c r="C42" s="6">
        <v>66</v>
      </c>
      <c r="D42" s="5">
        <v>132</v>
      </c>
    </row>
    <row r="43" spans="1:4" ht="18" customHeight="1" x14ac:dyDescent="0.15">
      <c r="A43" s="8">
        <v>31</v>
      </c>
      <c r="B43" s="21">
        <v>65</v>
      </c>
      <c r="C43" s="6">
        <v>58</v>
      </c>
      <c r="D43" s="5">
        <v>123</v>
      </c>
    </row>
    <row r="44" spans="1:4" ht="18" customHeight="1" x14ac:dyDescent="0.15">
      <c r="A44" s="8">
        <v>32</v>
      </c>
      <c r="B44" s="21">
        <v>66</v>
      </c>
      <c r="C44" s="6">
        <v>42</v>
      </c>
      <c r="D44" s="5">
        <v>108</v>
      </c>
    </row>
    <row r="45" spans="1:4" ht="18" customHeight="1" x14ac:dyDescent="0.15">
      <c r="A45" s="8">
        <v>33</v>
      </c>
      <c r="B45" s="21">
        <v>65</v>
      </c>
      <c r="C45" s="6">
        <v>57</v>
      </c>
      <c r="D45" s="5">
        <v>122</v>
      </c>
    </row>
    <row r="46" spans="1:4" ht="18" customHeight="1" x14ac:dyDescent="0.15">
      <c r="A46" s="8">
        <v>34</v>
      </c>
      <c r="B46" s="21">
        <v>53</v>
      </c>
      <c r="C46" s="6">
        <v>54</v>
      </c>
      <c r="D46" s="5">
        <v>107</v>
      </c>
    </row>
    <row r="47" spans="1:4" ht="18" customHeight="1" x14ac:dyDescent="0.15">
      <c r="A47" s="8" t="s">
        <v>18</v>
      </c>
      <c r="B47" s="21">
        <v>315</v>
      </c>
      <c r="C47" s="6">
        <v>277</v>
      </c>
      <c r="D47" s="5">
        <v>592</v>
      </c>
    </row>
    <row r="48" spans="1:4" ht="18" customHeight="1" x14ac:dyDescent="0.15">
      <c r="A48" s="8">
        <v>35</v>
      </c>
      <c r="B48" s="21">
        <v>56</v>
      </c>
      <c r="C48" s="6">
        <v>50</v>
      </c>
      <c r="D48" s="5">
        <v>106</v>
      </c>
    </row>
    <row r="49" spans="1:4" ht="18" customHeight="1" x14ac:dyDescent="0.15">
      <c r="A49" s="8">
        <v>36</v>
      </c>
      <c r="B49" s="21">
        <v>54</v>
      </c>
      <c r="C49" s="6">
        <v>61</v>
      </c>
      <c r="D49" s="5">
        <v>115</v>
      </c>
    </row>
    <row r="50" spans="1:4" ht="18" customHeight="1" x14ac:dyDescent="0.15">
      <c r="A50" s="8">
        <v>37</v>
      </c>
      <c r="B50" s="21">
        <v>64</v>
      </c>
      <c r="C50" s="6">
        <v>58</v>
      </c>
      <c r="D50" s="5">
        <v>122</v>
      </c>
    </row>
    <row r="51" spans="1:4" ht="18" customHeight="1" x14ac:dyDescent="0.15">
      <c r="A51" s="8">
        <v>38</v>
      </c>
      <c r="B51" s="21">
        <v>53</v>
      </c>
      <c r="C51" s="6">
        <v>70</v>
      </c>
      <c r="D51" s="5">
        <v>123</v>
      </c>
    </row>
    <row r="52" spans="1:4" ht="18" customHeight="1" x14ac:dyDescent="0.15">
      <c r="A52" s="8">
        <v>39</v>
      </c>
      <c r="B52" s="21">
        <v>58</v>
      </c>
      <c r="C52" s="6">
        <v>55</v>
      </c>
      <c r="D52" s="5">
        <v>113</v>
      </c>
    </row>
    <row r="53" spans="1:4" ht="18" customHeight="1" x14ac:dyDescent="0.15">
      <c r="A53" s="8" t="s">
        <v>17</v>
      </c>
      <c r="B53" s="21">
        <v>285</v>
      </c>
      <c r="C53" s="6">
        <v>294</v>
      </c>
      <c r="D53" s="5">
        <v>579</v>
      </c>
    </row>
    <row r="54" spans="1:4" ht="18" customHeight="1" x14ac:dyDescent="0.15">
      <c r="A54" s="8">
        <v>40</v>
      </c>
      <c r="B54" s="21">
        <v>62</v>
      </c>
      <c r="C54" s="6">
        <v>51</v>
      </c>
      <c r="D54" s="5">
        <v>113</v>
      </c>
    </row>
    <row r="55" spans="1:4" ht="18" customHeight="1" x14ac:dyDescent="0.15">
      <c r="A55" s="8">
        <v>41</v>
      </c>
      <c r="B55" s="21">
        <v>62</v>
      </c>
      <c r="C55" s="6">
        <v>68</v>
      </c>
      <c r="D55" s="5">
        <v>130</v>
      </c>
    </row>
    <row r="56" spans="1:4" ht="18" customHeight="1" x14ac:dyDescent="0.15">
      <c r="A56" s="8">
        <v>42</v>
      </c>
      <c r="B56" s="21">
        <v>57</v>
      </c>
      <c r="C56" s="6">
        <v>51</v>
      </c>
      <c r="D56" s="5">
        <v>108</v>
      </c>
    </row>
    <row r="57" spans="1:4" ht="18" customHeight="1" x14ac:dyDescent="0.15">
      <c r="A57" s="8">
        <v>43</v>
      </c>
      <c r="B57" s="21">
        <v>75</v>
      </c>
      <c r="C57" s="6">
        <v>55</v>
      </c>
      <c r="D57" s="5">
        <v>130</v>
      </c>
    </row>
    <row r="58" spans="1:4" ht="18" customHeight="1" x14ac:dyDescent="0.15">
      <c r="A58" s="8">
        <v>44</v>
      </c>
      <c r="B58" s="21">
        <v>65</v>
      </c>
      <c r="C58" s="6">
        <v>74</v>
      </c>
      <c r="D58" s="5">
        <v>139</v>
      </c>
    </row>
    <row r="59" spans="1:4" ht="18" customHeight="1" x14ac:dyDescent="0.15">
      <c r="A59" s="8" t="s">
        <v>16</v>
      </c>
      <c r="B59" s="21">
        <v>321</v>
      </c>
      <c r="C59" s="6">
        <v>299</v>
      </c>
      <c r="D59" s="5">
        <v>620</v>
      </c>
    </row>
    <row r="60" spans="1:4" ht="18" customHeight="1" x14ac:dyDescent="0.15">
      <c r="A60" s="8">
        <v>45</v>
      </c>
      <c r="B60" s="21">
        <v>68</v>
      </c>
      <c r="C60" s="6">
        <v>54</v>
      </c>
      <c r="D60" s="5">
        <v>122</v>
      </c>
    </row>
    <row r="61" spans="1:4" ht="18" customHeight="1" x14ac:dyDescent="0.15">
      <c r="A61" s="8">
        <v>46</v>
      </c>
      <c r="B61" s="21">
        <v>77</v>
      </c>
      <c r="C61" s="6">
        <v>67</v>
      </c>
      <c r="D61" s="5">
        <v>144</v>
      </c>
    </row>
    <row r="62" spans="1:4" ht="18" customHeight="1" x14ac:dyDescent="0.15">
      <c r="A62" s="8">
        <v>47</v>
      </c>
      <c r="B62" s="21">
        <v>101</v>
      </c>
      <c r="C62" s="6">
        <v>106</v>
      </c>
      <c r="D62" s="5">
        <v>207</v>
      </c>
    </row>
    <row r="63" spans="1:4" ht="18" customHeight="1" x14ac:dyDescent="0.15">
      <c r="A63" s="8">
        <v>48</v>
      </c>
      <c r="B63" s="21">
        <v>74</v>
      </c>
      <c r="C63" s="6">
        <v>80</v>
      </c>
      <c r="D63" s="5">
        <v>154</v>
      </c>
    </row>
    <row r="64" spans="1:4" ht="18" customHeight="1" x14ac:dyDescent="0.15">
      <c r="A64" s="8">
        <v>49</v>
      </c>
      <c r="B64" s="21">
        <v>87</v>
      </c>
      <c r="C64" s="6">
        <v>88</v>
      </c>
      <c r="D64" s="5">
        <v>175</v>
      </c>
    </row>
    <row r="65" spans="1:4" ht="18" customHeight="1" x14ac:dyDescent="0.15">
      <c r="A65" s="8" t="s">
        <v>15</v>
      </c>
      <c r="B65" s="21">
        <v>407</v>
      </c>
      <c r="C65" s="6">
        <v>395</v>
      </c>
      <c r="D65" s="5">
        <v>802</v>
      </c>
    </row>
    <row r="66" spans="1:4" ht="18" customHeight="1" x14ac:dyDescent="0.15">
      <c r="A66" s="8">
        <v>50</v>
      </c>
      <c r="B66" s="21">
        <v>104</v>
      </c>
      <c r="C66" s="6">
        <v>96</v>
      </c>
      <c r="D66" s="5">
        <v>200</v>
      </c>
    </row>
    <row r="67" spans="1:4" ht="18" customHeight="1" x14ac:dyDescent="0.15">
      <c r="A67" s="8">
        <v>51</v>
      </c>
      <c r="B67" s="21">
        <v>104</v>
      </c>
      <c r="C67" s="6">
        <v>99</v>
      </c>
      <c r="D67" s="5">
        <v>203</v>
      </c>
    </row>
    <row r="68" spans="1:4" ht="18" customHeight="1" x14ac:dyDescent="0.15">
      <c r="A68" s="8">
        <v>52</v>
      </c>
      <c r="B68" s="21">
        <v>106</v>
      </c>
      <c r="C68" s="6">
        <v>104</v>
      </c>
      <c r="D68" s="5">
        <v>210</v>
      </c>
    </row>
    <row r="69" spans="1:4" ht="18" customHeight="1" x14ac:dyDescent="0.15">
      <c r="A69" s="8">
        <v>53</v>
      </c>
      <c r="B69" s="21">
        <v>114</v>
      </c>
      <c r="C69" s="6">
        <v>106</v>
      </c>
      <c r="D69" s="5">
        <v>220</v>
      </c>
    </row>
    <row r="70" spans="1:4" ht="18" customHeight="1" x14ac:dyDescent="0.15">
      <c r="A70" s="8">
        <v>54</v>
      </c>
      <c r="B70" s="21">
        <v>97</v>
      </c>
      <c r="C70" s="6">
        <v>92</v>
      </c>
      <c r="D70" s="5">
        <v>189</v>
      </c>
    </row>
    <row r="71" spans="1:4" ht="18" customHeight="1" x14ac:dyDescent="0.15">
      <c r="A71" s="8" t="s">
        <v>14</v>
      </c>
      <c r="B71" s="21">
        <v>525</v>
      </c>
      <c r="C71" s="6">
        <v>497</v>
      </c>
      <c r="D71" s="5">
        <v>1022</v>
      </c>
    </row>
    <row r="72" spans="1:4" ht="18" customHeight="1" x14ac:dyDescent="0.15">
      <c r="A72" s="8">
        <v>55</v>
      </c>
      <c r="B72" s="21">
        <v>106</v>
      </c>
      <c r="C72" s="6">
        <v>85</v>
      </c>
      <c r="D72" s="5">
        <v>191</v>
      </c>
    </row>
    <row r="73" spans="1:4" ht="18" customHeight="1" x14ac:dyDescent="0.15">
      <c r="A73" s="8">
        <v>56</v>
      </c>
      <c r="B73" s="21">
        <v>84</v>
      </c>
      <c r="C73" s="6">
        <v>82</v>
      </c>
      <c r="D73" s="5">
        <v>166</v>
      </c>
    </row>
    <row r="74" spans="1:4" ht="18" customHeight="1" x14ac:dyDescent="0.15">
      <c r="A74" s="8">
        <v>57</v>
      </c>
      <c r="B74" s="21">
        <v>96</v>
      </c>
      <c r="C74" s="6">
        <v>94</v>
      </c>
      <c r="D74" s="5">
        <v>190</v>
      </c>
    </row>
    <row r="75" spans="1:4" ht="18" customHeight="1" x14ac:dyDescent="0.15">
      <c r="A75" s="8">
        <v>58</v>
      </c>
      <c r="B75" s="21">
        <v>75</v>
      </c>
      <c r="C75" s="6">
        <v>112</v>
      </c>
      <c r="D75" s="5">
        <v>187</v>
      </c>
    </row>
    <row r="76" spans="1:4" ht="18" customHeight="1" x14ac:dyDescent="0.15">
      <c r="A76" s="8">
        <v>59</v>
      </c>
      <c r="B76" s="21">
        <v>51</v>
      </c>
      <c r="C76" s="6">
        <v>60</v>
      </c>
      <c r="D76" s="5">
        <v>111</v>
      </c>
    </row>
    <row r="77" spans="1:4" ht="18" customHeight="1" x14ac:dyDescent="0.15">
      <c r="A77" s="8" t="s">
        <v>13</v>
      </c>
      <c r="B77" s="21">
        <v>412</v>
      </c>
      <c r="C77" s="6">
        <v>433</v>
      </c>
      <c r="D77" s="5">
        <v>845</v>
      </c>
    </row>
    <row r="78" spans="1:4" ht="18" customHeight="1" x14ac:dyDescent="0.15">
      <c r="A78" s="8">
        <v>60</v>
      </c>
      <c r="B78" s="21">
        <v>96</v>
      </c>
      <c r="C78" s="6">
        <v>94</v>
      </c>
      <c r="D78" s="5">
        <v>190</v>
      </c>
    </row>
    <row r="79" spans="1:4" ht="18" customHeight="1" x14ac:dyDescent="0.15">
      <c r="A79" s="8">
        <v>61</v>
      </c>
      <c r="B79" s="21">
        <v>79</v>
      </c>
      <c r="C79" s="6">
        <v>67</v>
      </c>
      <c r="D79" s="5">
        <v>146</v>
      </c>
    </row>
    <row r="80" spans="1:4" ht="18" customHeight="1" x14ac:dyDescent="0.15">
      <c r="A80" s="8">
        <v>62</v>
      </c>
      <c r="B80" s="21">
        <v>83</v>
      </c>
      <c r="C80" s="6">
        <v>74</v>
      </c>
      <c r="D80" s="5">
        <v>157</v>
      </c>
    </row>
    <row r="81" spans="1:4" ht="18" customHeight="1" x14ac:dyDescent="0.15">
      <c r="A81" s="8">
        <v>63</v>
      </c>
      <c r="B81" s="21">
        <v>60</v>
      </c>
      <c r="C81" s="6">
        <v>61</v>
      </c>
      <c r="D81" s="5">
        <v>121</v>
      </c>
    </row>
    <row r="82" spans="1:4" ht="18" customHeight="1" x14ac:dyDescent="0.15">
      <c r="A82" s="8">
        <v>64</v>
      </c>
      <c r="B82" s="21">
        <v>54</v>
      </c>
      <c r="C82" s="6">
        <v>58</v>
      </c>
      <c r="D82" s="5">
        <v>112</v>
      </c>
    </row>
    <row r="83" spans="1:4" ht="18" customHeight="1" x14ac:dyDescent="0.15">
      <c r="A83" s="8" t="s">
        <v>12</v>
      </c>
      <c r="B83" s="21">
        <v>372</v>
      </c>
      <c r="C83" s="6">
        <v>354</v>
      </c>
      <c r="D83" s="5">
        <v>726</v>
      </c>
    </row>
    <row r="84" spans="1:4" ht="18" customHeight="1" x14ac:dyDescent="0.15">
      <c r="A84" s="8" t="s">
        <v>11</v>
      </c>
      <c r="B84" s="21">
        <v>3498</v>
      </c>
      <c r="C84" s="6">
        <v>3371</v>
      </c>
      <c r="D84" s="5">
        <v>6869</v>
      </c>
    </row>
    <row r="85" spans="1:4" ht="18" customHeight="1" x14ac:dyDescent="0.15">
      <c r="A85" s="8">
        <v>65</v>
      </c>
      <c r="B85" s="21">
        <v>60</v>
      </c>
      <c r="C85" s="6">
        <v>63</v>
      </c>
      <c r="D85" s="5">
        <v>123</v>
      </c>
    </row>
    <row r="86" spans="1:4" ht="18" customHeight="1" x14ac:dyDescent="0.15">
      <c r="A86" s="8">
        <v>66</v>
      </c>
      <c r="B86" s="21">
        <v>56</v>
      </c>
      <c r="C86" s="6">
        <v>58</v>
      </c>
      <c r="D86" s="5">
        <v>114</v>
      </c>
    </row>
    <row r="87" spans="1:4" ht="18" customHeight="1" x14ac:dyDescent="0.15">
      <c r="A87" s="8">
        <v>67</v>
      </c>
      <c r="B87" s="21">
        <v>52</v>
      </c>
      <c r="C87" s="6">
        <v>58</v>
      </c>
      <c r="D87" s="5">
        <v>110</v>
      </c>
    </row>
    <row r="88" spans="1:4" ht="18" customHeight="1" x14ac:dyDescent="0.15">
      <c r="A88" s="8">
        <v>68</v>
      </c>
      <c r="B88" s="21">
        <v>60</v>
      </c>
      <c r="C88" s="6">
        <v>60</v>
      </c>
      <c r="D88" s="5">
        <v>120</v>
      </c>
    </row>
    <row r="89" spans="1:4" ht="18" customHeight="1" x14ac:dyDescent="0.15">
      <c r="A89" s="8">
        <v>69</v>
      </c>
      <c r="B89" s="21">
        <v>52</v>
      </c>
      <c r="C89" s="6">
        <v>67</v>
      </c>
      <c r="D89" s="5">
        <v>119</v>
      </c>
    </row>
    <row r="90" spans="1:4" ht="18" customHeight="1" x14ac:dyDescent="0.15">
      <c r="A90" s="8" t="s">
        <v>10</v>
      </c>
      <c r="B90" s="21">
        <v>280</v>
      </c>
      <c r="C90" s="6">
        <v>306</v>
      </c>
      <c r="D90" s="5">
        <v>586</v>
      </c>
    </row>
    <row r="91" spans="1:4" ht="18" customHeight="1" x14ac:dyDescent="0.15">
      <c r="A91" s="8">
        <v>70</v>
      </c>
      <c r="B91" s="21">
        <v>47</v>
      </c>
      <c r="C91" s="6">
        <v>63</v>
      </c>
      <c r="D91" s="5">
        <v>110</v>
      </c>
    </row>
    <row r="92" spans="1:4" ht="18" customHeight="1" x14ac:dyDescent="0.15">
      <c r="A92" s="8">
        <v>71</v>
      </c>
      <c r="B92" s="21">
        <v>50</v>
      </c>
      <c r="C92" s="6">
        <v>58</v>
      </c>
      <c r="D92" s="5">
        <v>108</v>
      </c>
    </row>
    <row r="93" spans="1:4" ht="18" customHeight="1" x14ac:dyDescent="0.15">
      <c r="A93" s="8">
        <v>72</v>
      </c>
      <c r="B93" s="21">
        <v>64</v>
      </c>
      <c r="C93" s="6">
        <v>63</v>
      </c>
      <c r="D93" s="5">
        <v>127</v>
      </c>
    </row>
    <row r="94" spans="1:4" ht="18" customHeight="1" x14ac:dyDescent="0.15">
      <c r="A94" s="8">
        <v>73</v>
      </c>
      <c r="B94" s="21">
        <v>49</v>
      </c>
      <c r="C94" s="6">
        <v>68</v>
      </c>
      <c r="D94" s="5">
        <v>117</v>
      </c>
    </row>
    <row r="95" spans="1:4" ht="18" customHeight="1" x14ac:dyDescent="0.15">
      <c r="A95" s="8">
        <v>74</v>
      </c>
      <c r="B95" s="21">
        <v>51</v>
      </c>
      <c r="C95" s="6">
        <v>75</v>
      </c>
      <c r="D95" s="5">
        <v>126</v>
      </c>
    </row>
    <row r="96" spans="1:4" ht="18" customHeight="1" x14ac:dyDescent="0.15">
      <c r="A96" s="8" t="s">
        <v>9</v>
      </c>
      <c r="B96" s="21">
        <v>261</v>
      </c>
      <c r="C96" s="6">
        <v>327</v>
      </c>
      <c r="D96" s="5">
        <v>588</v>
      </c>
    </row>
    <row r="97" spans="1:4" ht="18" customHeight="1" x14ac:dyDescent="0.15">
      <c r="A97" s="8">
        <v>75</v>
      </c>
      <c r="B97" s="21">
        <v>67</v>
      </c>
      <c r="C97" s="6">
        <v>76</v>
      </c>
      <c r="D97" s="5">
        <v>143</v>
      </c>
    </row>
    <row r="98" spans="1:4" ht="18" customHeight="1" x14ac:dyDescent="0.15">
      <c r="A98" s="8">
        <v>76</v>
      </c>
      <c r="B98" s="21">
        <v>79</v>
      </c>
      <c r="C98" s="6">
        <v>107</v>
      </c>
      <c r="D98" s="5">
        <v>186</v>
      </c>
    </row>
    <row r="99" spans="1:4" ht="18" customHeight="1" x14ac:dyDescent="0.15">
      <c r="A99" s="8">
        <v>77</v>
      </c>
      <c r="B99" s="21">
        <v>75</v>
      </c>
      <c r="C99" s="6">
        <v>95</v>
      </c>
      <c r="D99" s="5">
        <v>170</v>
      </c>
    </row>
    <row r="100" spans="1:4" ht="18" customHeight="1" x14ac:dyDescent="0.15">
      <c r="A100" s="8">
        <v>78</v>
      </c>
      <c r="B100" s="21">
        <v>83</v>
      </c>
      <c r="C100" s="6">
        <v>104</v>
      </c>
      <c r="D100" s="5">
        <v>187</v>
      </c>
    </row>
    <row r="101" spans="1:4" ht="18" customHeight="1" x14ac:dyDescent="0.15">
      <c r="A101" s="8">
        <v>79</v>
      </c>
      <c r="B101" s="21">
        <v>58</v>
      </c>
      <c r="C101" s="6">
        <v>55</v>
      </c>
      <c r="D101" s="5">
        <v>113</v>
      </c>
    </row>
    <row r="102" spans="1:4" ht="18" customHeight="1" x14ac:dyDescent="0.15">
      <c r="A102" s="8" t="s">
        <v>8</v>
      </c>
      <c r="B102" s="21">
        <v>362</v>
      </c>
      <c r="C102" s="6">
        <v>437</v>
      </c>
      <c r="D102" s="5">
        <v>799</v>
      </c>
    </row>
    <row r="103" spans="1:4" ht="18" customHeight="1" x14ac:dyDescent="0.15">
      <c r="A103" s="8">
        <v>80</v>
      </c>
      <c r="B103" s="21">
        <v>39</v>
      </c>
      <c r="C103" s="6">
        <v>55</v>
      </c>
      <c r="D103" s="5">
        <v>94</v>
      </c>
    </row>
    <row r="104" spans="1:4" ht="18" customHeight="1" x14ac:dyDescent="0.15">
      <c r="A104" s="8">
        <v>81</v>
      </c>
      <c r="B104" s="21">
        <v>47</v>
      </c>
      <c r="C104" s="6">
        <v>69</v>
      </c>
      <c r="D104" s="5">
        <v>116</v>
      </c>
    </row>
    <row r="105" spans="1:4" ht="18" customHeight="1" x14ac:dyDescent="0.15">
      <c r="A105" s="8">
        <v>82</v>
      </c>
      <c r="B105" s="21">
        <v>48</v>
      </c>
      <c r="C105" s="6">
        <v>78</v>
      </c>
      <c r="D105" s="5">
        <v>126</v>
      </c>
    </row>
    <row r="106" spans="1:4" ht="18" customHeight="1" x14ac:dyDescent="0.15">
      <c r="A106" s="8">
        <v>83</v>
      </c>
      <c r="B106" s="21">
        <v>47</v>
      </c>
      <c r="C106" s="6">
        <v>59</v>
      </c>
      <c r="D106" s="5">
        <v>106</v>
      </c>
    </row>
    <row r="107" spans="1:4" ht="18" customHeight="1" x14ac:dyDescent="0.15">
      <c r="A107" s="8">
        <v>84</v>
      </c>
      <c r="B107" s="21">
        <v>32</v>
      </c>
      <c r="C107" s="6">
        <v>59</v>
      </c>
      <c r="D107" s="5">
        <v>91</v>
      </c>
    </row>
    <row r="108" spans="1:4" ht="18" customHeight="1" x14ac:dyDescent="0.15">
      <c r="A108" s="8" t="s">
        <v>7</v>
      </c>
      <c r="B108" s="21">
        <v>213</v>
      </c>
      <c r="C108" s="6">
        <v>320</v>
      </c>
      <c r="D108" s="5">
        <v>533</v>
      </c>
    </row>
    <row r="109" spans="1:4" ht="18" customHeight="1" x14ac:dyDescent="0.15">
      <c r="A109" s="8">
        <v>85</v>
      </c>
      <c r="B109" s="21">
        <v>53</v>
      </c>
      <c r="C109" s="6">
        <v>56</v>
      </c>
      <c r="D109" s="5">
        <v>109</v>
      </c>
    </row>
    <row r="110" spans="1:4" ht="18" customHeight="1" x14ac:dyDescent="0.15">
      <c r="A110" s="8">
        <v>86</v>
      </c>
      <c r="B110" s="21">
        <v>28</v>
      </c>
      <c r="C110" s="6">
        <v>34</v>
      </c>
      <c r="D110" s="5">
        <v>62</v>
      </c>
    </row>
    <row r="111" spans="1:4" ht="18" customHeight="1" x14ac:dyDescent="0.15">
      <c r="A111" s="8">
        <v>87</v>
      </c>
      <c r="B111" s="21">
        <v>22</v>
      </c>
      <c r="C111" s="6">
        <v>46</v>
      </c>
      <c r="D111" s="5">
        <v>68</v>
      </c>
    </row>
    <row r="112" spans="1:4" ht="18" customHeight="1" x14ac:dyDescent="0.15">
      <c r="A112" s="8">
        <v>88</v>
      </c>
      <c r="B112" s="21">
        <v>28</v>
      </c>
      <c r="C112" s="6">
        <v>33</v>
      </c>
      <c r="D112" s="5">
        <v>61</v>
      </c>
    </row>
    <row r="113" spans="1:4" ht="18" customHeight="1" x14ac:dyDescent="0.15">
      <c r="A113" s="8">
        <v>89</v>
      </c>
      <c r="B113" s="21">
        <v>20</v>
      </c>
      <c r="C113" s="6">
        <v>43</v>
      </c>
      <c r="D113" s="5">
        <v>63</v>
      </c>
    </row>
    <row r="114" spans="1:4" ht="18" customHeight="1" x14ac:dyDescent="0.15">
      <c r="A114" s="8" t="s">
        <v>6</v>
      </c>
      <c r="B114" s="21">
        <v>151</v>
      </c>
      <c r="C114" s="6">
        <v>212</v>
      </c>
      <c r="D114" s="5">
        <v>363</v>
      </c>
    </row>
    <row r="115" spans="1:4" ht="18" customHeight="1" x14ac:dyDescent="0.15">
      <c r="A115" s="8">
        <v>90</v>
      </c>
      <c r="B115" s="21">
        <v>12</v>
      </c>
      <c r="C115" s="6">
        <v>28</v>
      </c>
      <c r="D115" s="5">
        <v>40</v>
      </c>
    </row>
    <row r="116" spans="1:4" ht="18" customHeight="1" x14ac:dyDescent="0.15">
      <c r="A116" s="8">
        <v>91</v>
      </c>
      <c r="B116" s="21">
        <v>12</v>
      </c>
      <c r="C116" s="6">
        <v>25</v>
      </c>
      <c r="D116" s="5">
        <v>37</v>
      </c>
    </row>
    <row r="117" spans="1:4" ht="18" customHeight="1" x14ac:dyDescent="0.15">
      <c r="A117" s="8">
        <v>92</v>
      </c>
      <c r="B117" s="21">
        <v>11</v>
      </c>
      <c r="C117" s="6">
        <v>22</v>
      </c>
      <c r="D117" s="5">
        <v>33</v>
      </c>
    </row>
    <row r="118" spans="1:4" ht="18" customHeight="1" x14ac:dyDescent="0.15">
      <c r="A118" s="8">
        <v>93</v>
      </c>
      <c r="B118" s="21">
        <v>8</v>
      </c>
      <c r="C118" s="6">
        <v>28</v>
      </c>
      <c r="D118" s="5">
        <v>36</v>
      </c>
    </row>
    <row r="119" spans="1:4" ht="18" customHeight="1" x14ac:dyDescent="0.15">
      <c r="A119" s="8">
        <v>94</v>
      </c>
      <c r="B119" s="21">
        <v>4</v>
      </c>
      <c r="C119" s="6">
        <v>13</v>
      </c>
      <c r="D119" s="5">
        <v>17</v>
      </c>
    </row>
    <row r="120" spans="1:4" ht="18" customHeight="1" x14ac:dyDescent="0.15">
      <c r="A120" s="8" t="s">
        <v>5</v>
      </c>
      <c r="B120" s="21">
        <v>47</v>
      </c>
      <c r="C120" s="6">
        <v>116</v>
      </c>
      <c r="D120" s="5">
        <v>163</v>
      </c>
    </row>
    <row r="121" spans="1:4" ht="18" customHeight="1" x14ac:dyDescent="0.15">
      <c r="A121" s="8">
        <v>95</v>
      </c>
      <c r="B121" s="21">
        <v>1</v>
      </c>
      <c r="C121" s="6">
        <v>11</v>
      </c>
      <c r="D121" s="5">
        <v>12</v>
      </c>
    </row>
    <row r="122" spans="1:4" ht="18" customHeight="1" x14ac:dyDescent="0.15">
      <c r="A122" s="8">
        <v>96</v>
      </c>
      <c r="B122" s="21">
        <v>3</v>
      </c>
      <c r="C122" s="6">
        <v>9</v>
      </c>
      <c r="D122" s="5">
        <v>12</v>
      </c>
    </row>
    <row r="123" spans="1:4" ht="18" customHeight="1" x14ac:dyDescent="0.15">
      <c r="A123" s="8">
        <v>97</v>
      </c>
      <c r="B123" s="21">
        <v>1</v>
      </c>
      <c r="C123" s="6">
        <v>6</v>
      </c>
      <c r="D123" s="5">
        <v>7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3</v>
      </c>
      <c r="C125" s="6">
        <v>4</v>
      </c>
      <c r="D125" s="5">
        <v>7</v>
      </c>
    </row>
    <row r="126" spans="1:4" ht="18" customHeight="1" x14ac:dyDescent="0.15">
      <c r="A126" s="8" t="s">
        <v>4</v>
      </c>
      <c r="B126" s="21">
        <v>9</v>
      </c>
      <c r="C126" s="6">
        <v>35</v>
      </c>
      <c r="D126" s="5">
        <v>44</v>
      </c>
    </row>
    <row r="127" spans="1:4" ht="18" customHeight="1" x14ac:dyDescent="0.15">
      <c r="A127" s="8">
        <v>100</v>
      </c>
      <c r="B127" s="21">
        <v>1</v>
      </c>
      <c r="C127" s="6">
        <v>3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5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8</v>
      </c>
      <c r="D129" s="5">
        <v>9</v>
      </c>
    </row>
    <row r="130" spans="1:4" ht="18" customHeight="1" x14ac:dyDescent="0.15">
      <c r="A130" s="8" t="s">
        <v>1</v>
      </c>
      <c r="B130" s="21">
        <v>1324</v>
      </c>
      <c r="C130" s="6">
        <v>1761</v>
      </c>
      <c r="D130" s="5">
        <v>3085</v>
      </c>
    </row>
    <row r="131" spans="1:4" ht="18" customHeight="1" x14ac:dyDescent="0.15">
      <c r="A131" s="4" t="s">
        <v>0</v>
      </c>
      <c r="B131" s="20">
        <v>5425</v>
      </c>
      <c r="C131" s="2">
        <v>5728</v>
      </c>
      <c r="D131" s="1">
        <v>1115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DF1A06-0AC5-4BF3-882B-37B64081DB01}">
  <sheetPr codeName="Sheet1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2</v>
      </c>
      <c r="C5" s="11">
        <v>16</v>
      </c>
      <c r="D5" s="10">
        <v>38</v>
      </c>
    </row>
    <row r="6" spans="1:4" ht="18" customHeight="1" x14ac:dyDescent="0.15">
      <c r="A6" s="8">
        <v>1</v>
      </c>
      <c r="B6" s="21">
        <v>18</v>
      </c>
      <c r="C6" s="6">
        <v>17</v>
      </c>
      <c r="D6" s="5">
        <v>35</v>
      </c>
    </row>
    <row r="7" spans="1:4" ht="18" customHeight="1" x14ac:dyDescent="0.15">
      <c r="A7" s="8">
        <v>2</v>
      </c>
      <c r="B7" s="21">
        <v>24</v>
      </c>
      <c r="C7" s="6">
        <v>21</v>
      </c>
      <c r="D7" s="5">
        <v>45</v>
      </c>
    </row>
    <row r="8" spans="1:4" ht="18" customHeight="1" x14ac:dyDescent="0.15">
      <c r="A8" s="8">
        <v>3</v>
      </c>
      <c r="B8" s="21">
        <v>18</v>
      </c>
      <c r="C8" s="6">
        <v>17</v>
      </c>
      <c r="D8" s="5">
        <v>35</v>
      </c>
    </row>
    <row r="9" spans="1:4" ht="18" customHeight="1" x14ac:dyDescent="0.15">
      <c r="A9" s="8">
        <v>4</v>
      </c>
      <c r="B9" s="21">
        <v>19</v>
      </c>
      <c r="C9" s="6">
        <v>20</v>
      </c>
      <c r="D9" s="5">
        <v>39</v>
      </c>
    </row>
    <row r="10" spans="1:4" ht="18" customHeight="1" x14ac:dyDescent="0.15">
      <c r="A10" s="8" t="s">
        <v>25</v>
      </c>
      <c r="B10" s="21">
        <v>101</v>
      </c>
      <c r="C10" s="6">
        <v>91</v>
      </c>
      <c r="D10" s="5">
        <v>192</v>
      </c>
    </row>
    <row r="11" spans="1:4" ht="18" customHeight="1" x14ac:dyDescent="0.15">
      <c r="A11" s="8">
        <v>5</v>
      </c>
      <c r="B11" s="21">
        <v>16</v>
      </c>
      <c r="C11" s="6">
        <v>22</v>
      </c>
      <c r="D11" s="5">
        <v>38</v>
      </c>
    </row>
    <row r="12" spans="1:4" ht="18" customHeight="1" x14ac:dyDescent="0.15">
      <c r="A12" s="8">
        <v>6</v>
      </c>
      <c r="B12" s="21">
        <v>20</v>
      </c>
      <c r="C12" s="6">
        <v>17</v>
      </c>
      <c r="D12" s="5">
        <v>37</v>
      </c>
    </row>
    <row r="13" spans="1:4" ht="18" customHeight="1" x14ac:dyDescent="0.15">
      <c r="A13" s="8">
        <v>7</v>
      </c>
      <c r="B13" s="21">
        <v>23</v>
      </c>
      <c r="C13" s="6">
        <v>21</v>
      </c>
      <c r="D13" s="5">
        <v>44</v>
      </c>
    </row>
    <row r="14" spans="1:4" ht="18" customHeight="1" x14ac:dyDescent="0.15">
      <c r="A14" s="8">
        <v>8</v>
      </c>
      <c r="B14" s="21">
        <v>20</v>
      </c>
      <c r="C14" s="6">
        <v>16</v>
      </c>
      <c r="D14" s="5">
        <v>36</v>
      </c>
    </row>
    <row r="15" spans="1:4" ht="18" customHeight="1" x14ac:dyDescent="0.15">
      <c r="A15" s="8">
        <v>9</v>
      </c>
      <c r="B15" s="21">
        <v>30</v>
      </c>
      <c r="C15" s="6">
        <v>30</v>
      </c>
      <c r="D15" s="5">
        <v>60</v>
      </c>
    </row>
    <row r="16" spans="1:4" ht="18" customHeight="1" x14ac:dyDescent="0.15">
      <c r="A16" s="8" t="s">
        <v>24</v>
      </c>
      <c r="B16" s="21">
        <v>109</v>
      </c>
      <c r="C16" s="6">
        <v>106</v>
      </c>
      <c r="D16" s="5">
        <v>215</v>
      </c>
    </row>
    <row r="17" spans="1:4" ht="18" customHeight="1" x14ac:dyDescent="0.15">
      <c r="A17" s="8">
        <v>10</v>
      </c>
      <c r="B17" s="21">
        <v>15</v>
      </c>
      <c r="C17" s="6">
        <v>24</v>
      </c>
      <c r="D17" s="5">
        <v>39</v>
      </c>
    </row>
    <row r="18" spans="1:4" ht="18" customHeight="1" x14ac:dyDescent="0.15">
      <c r="A18" s="8">
        <v>11</v>
      </c>
      <c r="B18" s="21">
        <v>17</v>
      </c>
      <c r="C18" s="6">
        <v>26</v>
      </c>
      <c r="D18" s="5">
        <v>43</v>
      </c>
    </row>
    <row r="19" spans="1:4" ht="18" customHeight="1" x14ac:dyDescent="0.15">
      <c r="A19" s="8">
        <v>12</v>
      </c>
      <c r="B19" s="21">
        <v>23</v>
      </c>
      <c r="C19" s="6">
        <v>21</v>
      </c>
      <c r="D19" s="5">
        <v>44</v>
      </c>
    </row>
    <row r="20" spans="1:4" ht="18" customHeight="1" x14ac:dyDescent="0.15">
      <c r="A20" s="8">
        <v>13</v>
      </c>
      <c r="B20" s="21">
        <v>25</v>
      </c>
      <c r="C20" s="6">
        <v>12</v>
      </c>
      <c r="D20" s="5">
        <v>37</v>
      </c>
    </row>
    <row r="21" spans="1:4" ht="18" customHeight="1" x14ac:dyDescent="0.15">
      <c r="A21" s="8">
        <v>14</v>
      </c>
      <c r="B21" s="21">
        <v>31</v>
      </c>
      <c r="C21" s="6">
        <v>23</v>
      </c>
      <c r="D21" s="5">
        <v>54</v>
      </c>
    </row>
    <row r="22" spans="1:4" ht="18" customHeight="1" x14ac:dyDescent="0.15">
      <c r="A22" s="8" t="s">
        <v>23</v>
      </c>
      <c r="B22" s="21">
        <v>111</v>
      </c>
      <c r="C22" s="6">
        <v>106</v>
      </c>
      <c r="D22" s="5">
        <v>217</v>
      </c>
    </row>
    <row r="23" spans="1:4" ht="18" customHeight="1" x14ac:dyDescent="0.15">
      <c r="A23" s="8" t="s">
        <v>22</v>
      </c>
      <c r="B23" s="21">
        <v>321</v>
      </c>
      <c r="C23" s="6">
        <v>303</v>
      </c>
      <c r="D23" s="5">
        <v>624</v>
      </c>
    </row>
    <row r="24" spans="1:4" ht="18" customHeight="1" x14ac:dyDescent="0.15">
      <c r="A24" s="8">
        <v>15</v>
      </c>
      <c r="B24" s="21">
        <v>26</v>
      </c>
      <c r="C24" s="6">
        <v>23</v>
      </c>
      <c r="D24" s="5">
        <v>49</v>
      </c>
    </row>
    <row r="25" spans="1:4" ht="18" customHeight="1" x14ac:dyDescent="0.15">
      <c r="A25" s="8">
        <v>16</v>
      </c>
      <c r="B25" s="21">
        <v>18</v>
      </c>
      <c r="C25" s="6">
        <v>20</v>
      </c>
      <c r="D25" s="5">
        <v>38</v>
      </c>
    </row>
    <row r="26" spans="1:4" ht="18" customHeight="1" x14ac:dyDescent="0.15">
      <c r="A26" s="8">
        <v>17</v>
      </c>
      <c r="B26" s="21">
        <v>11</v>
      </c>
      <c r="C26" s="6">
        <v>22</v>
      </c>
      <c r="D26" s="5">
        <v>33</v>
      </c>
    </row>
    <row r="27" spans="1:4" ht="18" customHeight="1" x14ac:dyDescent="0.15">
      <c r="A27" s="8">
        <v>18</v>
      </c>
      <c r="B27" s="21">
        <v>17</v>
      </c>
      <c r="C27" s="6">
        <v>13</v>
      </c>
      <c r="D27" s="5">
        <v>30</v>
      </c>
    </row>
    <row r="28" spans="1:4" ht="18" customHeight="1" x14ac:dyDescent="0.15">
      <c r="A28" s="8">
        <v>19</v>
      </c>
      <c r="B28" s="21">
        <v>16</v>
      </c>
      <c r="C28" s="6">
        <v>36</v>
      </c>
      <c r="D28" s="5">
        <v>52</v>
      </c>
    </row>
    <row r="29" spans="1:4" ht="18" customHeight="1" x14ac:dyDescent="0.15">
      <c r="A29" s="8" t="s">
        <v>21</v>
      </c>
      <c r="B29" s="21">
        <v>88</v>
      </c>
      <c r="C29" s="6">
        <v>114</v>
      </c>
      <c r="D29" s="5">
        <v>202</v>
      </c>
    </row>
    <row r="30" spans="1:4" ht="18" customHeight="1" x14ac:dyDescent="0.15">
      <c r="A30" s="8">
        <v>20</v>
      </c>
      <c r="B30" s="21">
        <v>24</v>
      </c>
      <c r="C30" s="6">
        <v>26</v>
      </c>
      <c r="D30" s="5">
        <v>50</v>
      </c>
    </row>
    <row r="31" spans="1:4" ht="18" customHeight="1" x14ac:dyDescent="0.15">
      <c r="A31" s="8">
        <v>21</v>
      </c>
      <c r="B31" s="21">
        <v>18</v>
      </c>
      <c r="C31" s="6">
        <v>22</v>
      </c>
      <c r="D31" s="5">
        <v>40</v>
      </c>
    </row>
    <row r="32" spans="1:4" ht="18" customHeight="1" x14ac:dyDescent="0.15">
      <c r="A32" s="8">
        <v>22</v>
      </c>
      <c r="B32" s="21">
        <v>20</v>
      </c>
      <c r="C32" s="6">
        <v>23</v>
      </c>
      <c r="D32" s="5">
        <v>43</v>
      </c>
    </row>
    <row r="33" spans="1:4" ht="18" customHeight="1" x14ac:dyDescent="0.15">
      <c r="A33" s="8">
        <v>23</v>
      </c>
      <c r="B33" s="21">
        <v>28</v>
      </c>
      <c r="C33" s="6">
        <v>26</v>
      </c>
      <c r="D33" s="5">
        <v>54</v>
      </c>
    </row>
    <row r="34" spans="1:4" ht="18" customHeight="1" x14ac:dyDescent="0.15">
      <c r="A34" s="8">
        <v>24</v>
      </c>
      <c r="B34" s="21">
        <v>21</v>
      </c>
      <c r="C34" s="6">
        <v>10</v>
      </c>
      <c r="D34" s="5">
        <v>31</v>
      </c>
    </row>
    <row r="35" spans="1:4" ht="18" customHeight="1" x14ac:dyDescent="0.15">
      <c r="A35" s="8" t="s">
        <v>20</v>
      </c>
      <c r="B35" s="21">
        <v>111</v>
      </c>
      <c r="C35" s="6">
        <v>107</v>
      </c>
      <c r="D35" s="5">
        <v>218</v>
      </c>
    </row>
    <row r="36" spans="1:4" ht="18" customHeight="1" x14ac:dyDescent="0.15">
      <c r="A36" s="8">
        <v>25</v>
      </c>
      <c r="B36" s="21">
        <v>36</v>
      </c>
      <c r="C36" s="6">
        <v>23</v>
      </c>
      <c r="D36" s="5">
        <v>59</v>
      </c>
    </row>
    <row r="37" spans="1:4" ht="18" customHeight="1" x14ac:dyDescent="0.15">
      <c r="A37" s="8">
        <v>26</v>
      </c>
      <c r="B37" s="21">
        <v>24</v>
      </c>
      <c r="C37" s="6">
        <v>27</v>
      </c>
      <c r="D37" s="5">
        <v>51</v>
      </c>
    </row>
    <row r="38" spans="1:4" ht="18" customHeight="1" x14ac:dyDescent="0.15">
      <c r="A38" s="8">
        <v>27</v>
      </c>
      <c r="B38" s="21">
        <v>36</v>
      </c>
      <c r="C38" s="6">
        <v>15</v>
      </c>
      <c r="D38" s="5">
        <v>51</v>
      </c>
    </row>
    <row r="39" spans="1:4" ht="18" customHeight="1" x14ac:dyDescent="0.15">
      <c r="A39" s="8">
        <v>28</v>
      </c>
      <c r="B39" s="21">
        <v>33</v>
      </c>
      <c r="C39" s="6">
        <v>25</v>
      </c>
      <c r="D39" s="5">
        <v>58</v>
      </c>
    </row>
    <row r="40" spans="1:4" ht="18" customHeight="1" x14ac:dyDescent="0.15">
      <c r="A40" s="8">
        <v>29</v>
      </c>
      <c r="B40" s="21">
        <v>29</v>
      </c>
      <c r="C40" s="6">
        <v>24</v>
      </c>
      <c r="D40" s="5">
        <v>53</v>
      </c>
    </row>
    <row r="41" spans="1:4" ht="18" customHeight="1" x14ac:dyDescent="0.15">
      <c r="A41" s="8" t="s">
        <v>19</v>
      </c>
      <c r="B41" s="21">
        <v>158</v>
      </c>
      <c r="C41" s="6">
        <v>114</v>
      </c>
      <c r="D41" s="5">
        <v>272</v>
      </c>
    </row>
    <row r="42" spans="1:4" ht="18" customHeight="1" x14ac:dyDescent="0.15">
      <c r="A42" s="8">
        <v>30</v>
      </c>
      <c r="B42" s="21">
        <v>33</v>
      </c>
      <c r="C42" s="6">
        <v>25</v>
      </c>
      <c r="D42" s="5">
        <v>58</v>
      </c>
    </row>
    <row r="43" spans="1:4" ht="18" customHeight="1" x14ac:dyDescent="0.15">
      <c r="A43" s="8">
        <v>31</v>
      </c>
      <c r="B43" s="21">
        <v>35</v>
      </c>
      <c r="C43" s="6">
        <v>22</v>
      </c>
      <c r="D43" s="5">
        <v>57</v>
      </c>
    </row>
    <row r="44" spans="1:4" ht="18" customHeight="1" x14ac:dyDescent="0.15">
      <c r="A44" s="8">
        <v>32</v>
      </c>
      <c r="B44" s="21">
        <v>22</v>
      </c>
      <c r="C44" s="6">
        <v>18</v>
      </c>
      <c r="D44" s="5">
        <v>40</v>
      </c>
    </row>
    <row r="45" spans="1:4" ht="18" customHeight="1" x14ac:dyDescent="0.15">
      <c r="A45" s="8">
        <v>33</v>
      </c>
      <c r="B45" s="21">
        <v>36</v>
      </c>
      <c r="C45" s="6">
        <v>19</v>
      </c>
      <c r="D45" s="5">
        <v>55</v>
      </c>
    </row>
    <row r="46" spans="1:4" ht="18" customHeight="1" x14ac:dyDescent="0.15">
      <c r="A46" s="8">
        <v>34</v>
      </c>
      <c r="B46" s="21">
        <v>22</v>
      </c>
      <c r="C46" s="6">
        <v>31</v>
      </c>
      <c r="D46" s="5">
        <v>53</v>
      </c>
    </row>
    <row r="47" spans="1:4" ht="18" customHeight="1" x14ac:dyDescent="0.15">
      <c r="A47" s="8" t="s">
        <v>18</v>
      </c>
      <c r="B47" s="21">
        <v>148</v>
      </c>
      <c r="C47" s="6">
        <v>115</v>
      </c>
      <c r="D47" s="5">
        <v>263</v>
      </c>
    </row>
    <row r="48" spans="1:4" ht="18" customHeight="1" x14ac:dyDescent="0.15">
      <c r="A48" s="8">
        <v>35</v>
      </c>
      <c r="B48" s="21">
        <v>24</v>
      </c>
      <c r="C48" s="6">
        <v>21</v>
      </c>
      <c r="D48" s="5">
        <v>45</v>
      </c>
    </row>
    <row r="49" spans="1:4" ht="18" customHeight="1" x14ac:dyDescent="0.15">
      <c r="A49" s="8">
        <v>36</v>
      </c>
      <c r="B49" s="21">
        <v>29</v>
      </c>
      <c r="C49" s="6">
        <v>22</v>
      </c>
      <c r="D49" s="5">
        <v>51</v>
      </c>
    </row>
    <row r="50" spans="1:4" ht="18" customHeight="1" x14ac:dyDescent="0.15">
      <c r="A50" s="8">
        <v>37</v>
      </c>
      <c r="B50" s="21">
        <v>21</v>
      </c>
      <c r="C50" s="6">
        <v>27</v>
      </c>
      <c r="D50" s="5">
        <v>48</v>
      </c>
    </row>
    <row r="51" spans="1:4" ht="18" customHeight="1" x14ac:dyDescent="0.15">
      <c r="A51" s="8">
        <v>38</v>
      </c>
      <c r="B51" s="21">
        <v>25</v>
      </c>
      <c r="C51" s="6">
        <v>23</v>
      </c>
      <c r="D51" s="5">
        <v>48</v>
      </c>
    </row>
    <row r="52" spans="1:4" ht="18" customHeight="1" x14ac:dyDescent="0.15">
      <c r="A52" s="8">
        <v>39</v>
      </c>
      <c r="B52" s="21">
        <v>31</v>
      </c>
      <c r="C52" s="6">
        <v>33</v>
      </c>
      <c r="D52" s="5">
        <v>64</v>
      </c>
    </row>
    <row r="53" spans="1:4" ht="18" customHeight="1" x14ac:dyDescent="0.15">
      <c r="A53" s="8" t="s">
        <v>17</v>
      </c>
      <c r="B53" s="21">
        <v>130</v>
      </c>
      <c r="C53" s="6">
        <v>126</v>
      </c>
      <c r="D53" s="5">
        <v>256</v>
      </c>
    </row>
    <row r="54" spans="1:4" ht="18" customHeight="1" x14ac:dyDescent="0.15">
      <c r="A54" s="8">
        <v>40</v>
      </c>
      <c r="B54" s="21">
        <v>41</v>
      </c>
      <c r="C54" s="6">
        <v>32</v>
      </c>
      <c r="D54" s="5">
        <v>73</v>
      </c>
    </row>
    <row r="55" spans="1:4" ht="18" customHeight="1" x14ac:dyDescent="0.15">
      <c r="A55" s="8">
        <v>41</v>
      </c>
      <c r="B55" s="21">
        <v>29</v>
      </c>
      <c r="C55" s="6">
        <v>37</v>
      </c>
      <c r="D55" s="5">
        <v>66</v>
      </c>
    </row>
    <row r="56" spans="1:4" ht="18" customHeight="1" x14ac:dyDescent="0.15">
      <c r="A56" s="8">
        <v>42</v>
      </c>
      <c r="B56" s="21">
        <v>23</v>
      </c>
      <c r="C56" s="6">
        <v>38</v>
      </c>
      <c r="D56" s="5">
        <v>61</v>
      </c>
    </row>
    <row r="57" spans="1:4" ht="18" customHeight="1" x14ac:dyDescent="0.15">
      <c r="A57" s="8">
        <v>43</v>
      </c>
      <c r="B57" s="21">
        <v>38</v>
      </c>
      <c r="C57" s="6">
        <v>28</v>
      </c>
      <c r="D57" s="5">
        <v>66</v>
      </c>
    </row>
    <row r="58" spans="1:4" ht="18" customHeight="1" x14ac:dyDescent="0.15">
      <c r="A58" s="8">
        <v>44</v>
      </c>
      <c r="B58" s="21">
        <v>29</v>
      </c>
      <c r="C58" s="6">
        <v>39</v>
      </c>
      <c r="D58" s="5">
        <v>68</v>
      </c>
    </row>
    <row r="59" spans="1:4" ht="18" customHeight="1" x14ac:dyDescent="0.15">
      <c r="A59" s="8" t="s">
        <v>16</v>
      </c>
      <c r="B59" s="21">
        <v>160</v>
      </c>
      <c r="C59" s="6">
        <v>174</v>
      </c>
      <c r="D59" s="5">
        <v>334</v>
      </c>
    </row>
    <row r="60" spans="1:4" ht="18" customHeight="1" x14ac:dyDescent="0.15">
      <c r="A60" s="8">
        <v>45</v>
      </c>
      <c r="B60" s="21">
        <v>36</v>
      </c>
      <c r="C60" s="6">
        <v>33</v>
      </c>
      <c r="D60" s="5">
        <v>69</v>
      </c>
    </row>
    <row r="61" spans="1:4" ht="18" customHeight="1" x14ac:dyDescent="0.15">
      <c r="A61" s="8">
        <v>46</v>
      </c>
      <c r="B61" s="21">
        <v>38</v>
      </c>
      <c r="C61" s="6">
        <v>40</v>
      </c>
      <c r="D61" s="5">
        <v>78</v>
      </c>
    </row>
    <row r="62" spans="1:4" ht="18" customHeight="1" x14ac:dyDescent="0.15">
      <c r="A62" s="8">
        <v>47</v>
      </c>
      <c r="B62" s="21">
        <v>38</v>
      </c>
      <c r="C62" s="6">
        <v>34</v>
      </c>
      <c r="D62" s="5">
        <v>72</v>
      </c>
    </row>
    <row r="63" spans="1:4" ht="18" customHeight="1" x14ac:dyDescent="0.15">
      <c r="A63" s="8">
        <v>48</v>
      </c>
      <c r="B63" s="21">
        <v>38</v>
      </c>
      <c r="C63" s="6">
        <v>33</v>
      </c>
      <c r="D63" s="5">
        <v>71</v>
      </c>
    </row>
    <row r="64" spans="1:4" ht="18" customHeight="1" x14ac:dyDescent="0.15">
      <c r="A64" s="8">
        <v>49</v>
      </c>
      <c r="B64" s="21">
        <v>52</v>
      </c>
      <c r="C64" s="6">
        <v>30</v>
      </c>
      <c r="D64" s="5">
        <v>82</v>
      </c>
    </row>
    <row r="65" spans="1:4" ht="18" customHeight="1" x14ac:dyDescent="0.15">
      <c r="A65" s="8" t="s">
        <v>15</v>
      </c>
      <c r="B65" s="21">
        <v>202</v>
      </c>
      <c r="C65" s="6">
        <v>170</v>
      </c>
      <c r="D65" s="5">
        <v>372</v>
      </c>
    </row>
    <row r="66" spans="1:4" ht="18" customHeight="1" x14ac:dyDescent="0.15">
      <c r="A66" s="8">
        <v>50</v>
      </c>
      <c r="B66" s="21">
        <v>43</v>
      </c>
      <c r="C66" s="6">
        <v>40</v>
      </c>
      <c r="D66" s="5">
        <v>83</v>
      </c>
    </row>
    <row r="67" spans="1:4" ht="18" customHeight="1" x14ac:dyDescent="0.15">
      <c r="A67" s="8">
        <v>51</v>
      </c>
      <c r="B67" s="21">
        <v>35</v>
      </c>
      <c r="C67" s="6">
        <v>39</v>
      </c>
      <c r="D67" s="5">
        <v>74</v>
      </c>
    </row>
    <row r="68" spans="1:4" ht="18" customHeight="1" x14ac:dyDescent="0.15">
      <c r="A68" s="8">
        <v>52</v>
      </c>
      <c r="B68" s="21">
        <v>35</v>
      </c>
      <c r="C68" s="6">
        <v>51</v>
      </c>
      <c r="D68" s="5">
        <v>86</v>
      </c>
    </row>
    <row r="69" spans="1:4" ht="18" customHeight="1" x14ac:dyDescent="0.15">
      <c r="A69" s="8">
        <v>53</v>
      </c>
      <c r="B69" s="21">
        <v>50</v>
      </c>
      <c r="C69" s="6">
        <v>38</v>
      </c>
      <c r="D69" s="5">
        <v>88</v>
      </c>
    </row>
    <row r="70" spans="1:4" ht="18" customHeight="1" x14ac:dyDescent="0.15">
      <c r="A70" s="8">
        <v>54</v>
      </c>
      <c r="B70" s="21">
        <v>47</v>
      </c>
      <c r="C70" s="6">
        <v>30</v>
      </c>
      <c r="D70" s="5">
        <v>77</v>
      </c>
    </row>
    <row r="71" spans="1:4" ht="18" customHeight="1" x14ac:dyDescent="0.15">
      <c r="A71" s="8" t="s">
        <v>14</v>
      </c>
      <c r="B71" s="21">
        <v>210</v>
      </c>
      <c r="C71" s="6">
        <v>198</v>
      </c>
      <c r="D71" s="5">
        <v>408</v>
      </c>
    </row>
    <row r="72" spans="1:4" ht="18" customHeight="1" x14ac:dyDescent="0.15">
      <c r="A72" s="8">
        <v>55</v>
      </c>
      <c r="B72" s="21">
        <v>42</v>
      </c>
      <c r="C72" s="6">
        <v>34</v>
      </c>
      <c r="D72" s="5">
        <v>76</v>
      </c>
    </row>
    <row r="73" spans="1:4" ht="18" customHeight="1" x14ac:dyDescent="0.15">
      <c r="A73" s="8">
        <v>56</v>
      </c>
      <c r="B73" s="21">
        <v>35</v>
      </c>
      <c r="C73" s="6">
        <v>40</v>
      </c>
      <c r="D73" s="5">
        <v>75</v>
      </c>
    </row>
    <row r="74" spans="1:4" ht="18" customHeight="1" x14ac:dyDescent="0.15">
      <c r="A74" s="8">
        <v>57</v>
      </c>
      <c r="B74" s="21">
        <v>43</v>
      </c>
      <c r="C74" s="6">
        <v>39</v>
      </c>
      <c r="D74" s="5">
        <v>82</v>
      </c>
    </row>
    <row r="75" spans="1:4" ht="18" customHeight="1" x14ac:dyDescent="0.15">
      <c r="A75" s="8">
        <v>58</v>
      </c>
      <c r="B75" s="21">
        <v>27</v>
      </c>
      <c r="C75" s="6">
        <v>33</v>
      </c>
      <c r="D75" s="5">
        <v>60</v>
      </c>
    </row>
    <row r="76" spans="1:4" ht="18" customHeight="1" x14ac:dyDescent="0.15">
      <c r="A76" s="8">
        <v>59</v>
      </c>
      <c r="B76" s="21">
        <v>24</v>
      </c>
      <c r="C76" s="6">
        <v>25</v>
      </c>
      <c r="D76" s="5">
        <v>49</v>
      </c>
    </row>
    <row r="77" spans="1:4" ht="18" customHeight="1" x14ac:dyDescent="0.15">
      <c r="A77" s="8" t="s">
        <v>13</v>
      </c>
      <c r="B77" s="21">
        <v>171</v>
      </c>
      <c r="C77" s="6">
        <v>171</v>
      </c>
      <c r="D77" s="5">
        <v>342</v>
      </c>
    </row>
    <row r="78" spans="1:4" ht="18" customHeight="1" x14ac:dyDescent="0.15">
      <c r="A78" s="8">
        <v>60</v>
      </c>
      <c r="B78" s="21">
        <v>37</v>
      </c>
      <c r="C78" s="6">
        <v>36</v>
      </c>
      <c r="D78" s="5">
        <v>73</v>
      </c>
    </row>
    <row r="79" spans="1:4" ht="18" customHeight="1" x14ac:dyDescent="0.15">
      <c r="A79" s="8">
        <v>61</v>
      </c>
      <c r="B79" s="21">
        <v>38</v>
      </c>
      <c r="C79" s="6">
        <v>28</v>
      </c>
      <c r="D79" s="5">
        <v>66</v>
      </c>
    </row>
    <row r="80" spans="1:4" ht="18" customHeight="1" x14ac:dyDescent="0.15">
      <c r="A80" s="8">
        <v>62</v>
      </c>
      <c r="B80" s="21">
        <v>35</v>
      </c>
      <c r="C80" s="6">
        <v>34</v>
      </c>
      <c r="D80" s="5">
        <v>69</v>
      </c>
    </row>
    <row r="81" spans="1:4" ht="18" customHeight="1" x14ac:dyDescent="0.15">
      <c r="A81" s="8">
        <v>63</v>
      </c>
      <c r="B81" s="21">
        <v>30</v>
      </c>
      <c r="C81" s="6">
        <v>26</v>
      </c>
      <c r="D81" s="5">
        <v>56</v>
      </c>
    </row>
    <row r="82" spans="1:4" ht="18" customHeight="1" x14ac:dyDescent="0.15">
      <c r="A82" s="8">
        <v>64</v>
      </c>
      <c r="B82" s="21">
        <v>28</v>
      </c>
      <c r="C82" s="6">
        <v>30</v>
      </c>
      <c r="D82" s="5">
        <v>58</v>
      </c>
    </row>
    <row r="83" spans="1:4" ht="18" customHeight="1" x14ac:dyDescent="0.15">
      <c r="A83" s="8" t="s">
        <v>12</v>
      </c>
      <c r="B83" s="21">
        <v>168</v>
      </c>
      <c r="C83" s="6">
        <v>154</v>
      </c>
      <c r="D83" s="5">
        <v>322</v>
      </c>
    </row>
    <row r="84" spans="1:4" ht="18" customHeight="1" x14ac:dyDescent="0.15">
      <c r="A84" s="8" t="s">
        <v>11</v>
      </c>
      <c r="B84" s="21">
        <v>1546</v>
      </c>
      <c r="C84" s="6">
        <v>1443</v>
      </c>
      <c r="D84" s="5">
        <v>2989</v>
      </c>
    </row>
    <row r="85" spans="1:4" ht="18" customHeight="1" x14ac:dyDescent="0.15">
      <c r="A85" s="8">
        <v>65</v>
      </c>
      <c r="B85" s="21">
        <v>27</v>
      </c>
      <c r="C85" s="6">
        <v>29</v>
      </c>
      <c r="D85" s="5">
        <v>56</v>
      </c>
    </row>
    <row r="86" spans="1:4" ht="18" customHeight="1" x14ac:dyDescent="0.15">
      <c r="A86" s="8">
        <v>66</v>
      </c>
      <c r="B86" s="21">
        <v>32</v>
      </c>
      <c r="C86" s="6">
        <v>37</v>
      </c>
      <c r="D86" s="5">
        <v>69</v>
      </c>
    </row>
    <row r="87" spans="1:4" ht="18" customHeight="1" x14ac:dyDescent="0.15">
      <c r="A87" s="8">
        <v>67</v>
      </c>
      <c r="B87" s="21">
        <v>25</v>
      </c>
      <c r="C87" s="6">
        <v>37</v>
      </c>
      <c r="D87" s="5">
        <v>62</v>
      </c>
    </row>
    <row r="88" spans="1:4" ht="18" customHeight="1" x14ac:dyDescent="0.15">
      <c r="A88" s="8">
        <v>68</v>
      </c>
      <c r="B88" s="21">
        <v>33</v>
      </c>
      <c r="C88" s="6">
        <v>26</v>
      </c>
      <c r="D88" s="5">
        <v>59</v>
      </c>
    </row>
    <row r="89" spans="1:4" ht="18" customHeight="1" x14ac:dyDescent="0.15">
      <c r="A89" s="8">
        <v>69</v>
      </c>
      <c r="B89" s="21">
        <v>23</v>
      </c>
      <c r="C89" s="6">
        <v>25</v>
      </c>
      <c r="D89" s="5">
        <v>48</v>
      </c>
    </row>
    <row r="90" spans="1:4" ht="18" customHeight="1" x14ac:dyDescent="0.15">
      <c r="A90" s="8" t="s">
        <v>10</v>
      </c>
      <c r="B90" s="21">
        <v>140</v>
      </c>
      <c r="C90" s="6">
        <v>154</v>
      </c>
      <c r="D90" s="5">
        <v>294</v>
      </c>
    </row>
    <row r="91" spans="1:4" ht="18" customHeight="1" x14ac:dyDescent="0.15">
      <c r="A91" s="8">
        <v>70</v>
      </c>
      <c r="B91" s="21">
        <v>28</v>
      </c>
      <c r="C91" s="6">
        <v>32</v>
      </c>
      <c r="D91" s="5">
        <v>60</v>
      </c>
    </row>
    <row r="92" spans="1:4" ht="18" customHeight="1" x14ac:dyDescent="0.15">
      <c r="A92" s="8">
        <v>71</v>
      </c>
      <c r="B92" s="21">
        <v>25</v>
      </c>
      <c r="C92" s="6">
        <v>19</v>
      </c>
      <c r="D92" s="5">
        <v>44</v>
      </c>
    </row>
    <row r="93" spans="1:4" ht="18" customHeight="1" x14ac:dyDescent="0.15">
      <c r="A93" s="8">
        <v>72</v>
      </c>
      <c r="B93" s="21">
        <v>21</v>
      </c>
      <c r="C93" s="6">
        <v>32</v>
      </c>
      <c r="D93" s="5">
        <v>53</v>
      </c>
    </row>
    <row r="94" spans="1:4" ht="18" customHeight="1" x14ac:dyDescent="0.15">
      <c r="A94" s="8">
        <v>73</v>
      </c>
      <c r="B94" s="21">
        <v>19</v>
      </c>
      <c r="C94" s="6">
        <v>33</v>
      </c>
      <c r="D94" s="5">
        <v>52</v>
      </c>
    </row>
    <row r="95" spans="1:4" ht="18" customHeight="1" x14ac:dyDescent="0.15">
      <c r="A95" s="8">
        <v>74</v>
      </c>
      <c r="B95" s="21">
        <v>20</v>
      </c>
      <c r="C95" s="6">
        <v>27</v>
      </c>
      <c r="D95" s="5">
        <v>47</v>
      </c>
    </row>
    <row r="96" spans="1:4" ht="18" customHeight="1" x14ac:dyDescent="0.15">
      <c r="A96" s="8" t="s">
        <v>9</v>
      </c>
      <c r="B96" s="21">
        <v>113</v>
      </c>
      <c r="C96" s="6">
        <v>143</v>
      </c>
      <c r="D96" s="5">
        <v>256</v>
      </c>
    </row>
    <row r="97" spans="1:4" ht="18" customHeight="1" x14ac:dyDescent="0.15">
      <c r="A97" s="8">
        <v>75</v>
      </c>
      <c r="B97" s="21">
        <v>29</v>
      </c>
      <c r="C97" s="6">
        <v>29</v>
      </c>
      <c r="D97" s="5">
        <v>58</v>
      </c>
    </row>
    <row r="98" spans="1:4" ht="18" customHeight="1" x14ac:dyDescent="0.15">
      <c r="A98" s="8">
        <v>76</v>
      </c>
      <c r="B98" s="21">
        <v>31</v>
      </c>
      <c r="C98" s="6">
        <v>28</v>
      </c>
      <c r="D98" s="5">
        <v>59</v>
      </c>
    </row>
    <row r="99" spans="1:4" ht="18" customHeight="1" x14ac:dyDescent="0.15">
      <c r="A99" s="8">
        <v>77</v>
      </c>
      <c r="B99" s="21">
        <v>30</v>
      </c>
      <c r="C99" s="6">
        <v>39</v>
      </c>
      <c r="D99" s="5">
        <v>69</v>
      </c>
    </row>
    <row r="100" spans="1:4" ht="18" customHeight="1" x14ac:dyDescent="0.15">
      <c r="A100" s="8">
        <v>78</v>
      </c>
      <c r="B100" s="21">
        <v>27</v>
      </c>
      <c r="C100" s="6">
        <v>36</v>
      </c>
      <c r="D100" s="5">
        <v>63</v>
      </c>
    </row>
    <row r="101" spans="1:4" ht="18" customHeight="1" x14ac:dyDescent="0.15">
      <c r="A101" s="8">
        <v>79</v>
      </c>
      <c r="B101" s="21">
        <v>17</v>
      </c>
      <c r="C101" s="6">
        <v>19</v>
      </c>
      <c r="D101" s="5">
        <v>36</v>
      </c>
    </row>
    <row r="102" spans="1:4" ht="18" customHeight="1" x14ac:dyDescent="0.15">
      <c r="A102" s="8" t="s">
        <v>8</v>
      </c>
      <c r="B102" s="21">
        <v>134</v>
      </c>
      <c r="C102" s="6">
        <v>151</v>
      </c>
      <c r="D102" s="5">
        <v>285</v>
      </c>
    </row>
    <row r="103" spans="1:4" ht="18" customHeight="1" x14ac:dyDescent="0.15">
      <c r="A103" s="8">
        <v>80</v>
      </c>
      <c r="B103" s="21">
        <v>8</v>
      </c>
      <c r="C103" s="6">
        <v>25</v>
      </c>
      <c r="D103" s="5">
        <v>33</v>
      </c>
    </row>
    <row r="104" spans="1:4" ht="18" customHeight="1" x14ac:dyDescent="0.15">
      <c r="A104" s="8">
        <v>81</v>
      </c>
      <c r="B104" s="21">
        <v>17</v>
      </c>
      <c r="C104" s="6">
        <v>23</v>
      </c>
      <c r="D104" s="5">
        <v>40</v>
      </c>
    </row>
    <row r="105" spans="1:4" ht="18" customHeight="1" x14ac:dyDescent="0.15">
      <c r="A105" s="8">
        <v>82</v>
      </c>
      <c r="B105" s="21">
        <v>29</v>
      </c>
      <c r="C105" s="6">
        <v>29</v>
      </c>
      <c r="D105" s="5">
        <v>58</v>
      </c>
    </row>
    <row r="106" spans="1:4" ht="18" customHeight="1" x14ac:dyDescent="0.15">
      <c r="A106" s="8">
        <v>83</v>
      </c>
      <c r="B106" s="21">
        <v>18</v>
      </c>
      <c r="C106" s="6">
        <v>18</v>
      </c>
      <c r="D106" s="5">
        <v>36</v>
      </c>
    </row>
    <row r="107" spans="1:4" ht="18" customHeight="1" x14ac:dyDescent="0.15">
      <c r="A107" s="8">
        <v>84</v>
      </c>
      <c r="B107" s="21">
        <v>13</v>
      </c>
      <c r="C107" s="6">
        <v>18</v>
      </c>
      <c r="D107" s="5">
        <v>31</v>
      </c>
    </row>
    <row r="108" spans="1:4" ht="18" customHeight="1" x14ac:dyDescent="0.15">
      <c r="A108" s="8" t="s">
        <v>7</v>
      </c>
      <c r="B108" s="21">
        <v>85</v>
      </c>
      <c r="C108" s="6">
        <v>113</v>
      </c>
      <c r="D108" s="5">
        <v>198</v>
      </c>
    </row>
    <row r="109" spans="1:4" ht="18" customHeight="1" x14ac:dyDescent="0.15">
      <c r="A109" s="8">
        <v>85</v>
      </c>
      <c r="B109" s="21">
        <v>16</v>
      </c>
      <c r="C109" s="6">
        <v>29</v>
      </c>
      <c r="D109" s="5">
        <v>45</v>
      </c>
    </row>
    <row r="110" spans="1:4" ht="18" customHeight="1" x14ac:dyDescent="0.15">
      <c r="A110" s="8">
        <v>86</v>
      </c>
      <c r="B110" s="21">
        <v>4</v>
      </c>
      <c r="C110" s="6">
        <v>12</v>
      </c>
      <c r="D110" s="5">
        <v>16</v>
      </c>
    </row>
    <row r="111" spans="1:4" ht="18" customHeight="1" x14ac:dyDescent="0.15">
      <c r="A111" s="8">
        <v>87</v>
      </c>
      <c r="B111" s="21">
        <v>7</v>
      </c>
      <c r="C111" s="6">
        <v>16</v>
      </c>
      <c r="D111" s="5">
        <v>23</v>
      </c>
    </row>
    <row r="112" spans="1:4" ht="18" customHeight="1" x14ac:dyDescent="0.15">
      <c r="A112" s="8">
        <v>88</v>
      </c>
      <c r="B112" s="21">
        <v>6</v>
      </c>
      <c r="C112" s="6">
        <v>21</v>
      </c>
      <c r="D112" s="5">
        <v>27</v>
      </c>
    </row>
    <row r="113" spans="1:4" ht="18" customHeight="1" x14ac:dyDescent="0.15">
      <c r="A113" s="8">
        <v>89</v>
      </c>
      <c r="B113" s="21">
        <v>6</v>
      </c>
      <c r="C113" s="6">
        <v>22</v>
      </c>
      <c r="D113" s="5">
        <v>28</v>
      </c>
    </row>
    <row r="114" spans="1:4" ht="18" customHeight="1" x14ac:dyDescent="0.15">
      <c r="A114" s="8" t="s">
        <v>6</v>
      </c>
      <c r="B114" s="21">
        <v>39</v>
      </c>
      <c r="C114" s="6">
        <v>100</v>
      </c>
      <c r="D114" s="5">
        <v>139</v>
      </c>
    </row>
    <row r="115" spans="1:4" ht="18" customHeight="1" x14ac:dyDescent="0.15">
      <c r="A115" s="8">
        <v>90</v>
      </c>
      <c r="B115" s="21">
        <v>7</v>
      </c>
      <c r="C115" s="6">
        <v>18</v>
      </c>
      <c r="D115" s="5">
        <v>25</v>
      </c>
    </row>
    <row r="116" spans="1:4" ht="18" customHeight="1" x14ac:dyDescent="0.15">
      <c r="A116" s="8">
        <v>91</v>
      </c>
      <c r="B116" s="21">
        <v>5</v>
      </c>
      <c r="C116" s="6">
        <v>14</v>
      </c>
      <c r="D116" s="5">
        <v>19</v>
      </c>
    </row>
    <row r="117" spans="1:4" ht="18" customHeight="1" x14ac:dyDescent="0.15">
      <c r="A117" s="8">
        <v>92</v>
      </c>
      <c r="B117" s="21">
        <v>3</v>
      </c>
      <c r="C117" s="6">
        <v>11</v>
      </c>
      <c r="D117" s="5">
        <v>14</v>
      </c>
    </row>
    <row r="118" spans="1:4" ht="18" customHeight="1" x14ac:dyDescent="0.15">
      <c r="A118" s="8">
        <v>93</v>
      </c>
      <c r="B118" s="21">
        <v>5</v>
      </c>
      <c r="C118" s="6">
        <v>12</v>
      </c>
      <c r="D118" s="5">
        <v>17</v>
      </c>
    </row>
    <row r="119" spans="1:4" ht="18" customHeight="1" x14ac:dyDescent="0.15">
      <c r="A119" s="8">
        <v>94</v>
      </c>
      <c r="B119" s="21">
        <v>3</v>
      </c>
      <c r="C119" s="6">
        <v>4</v>
      </c>
      <c r="D119" s="5">
        <v>7</v>
      </c>
    </row>
    <row r="120" spans="1:4" ht="18" customHeight="1" x14ac:dyDescent="0.15">
      <c r="A120" s="8" t="s">
        <v>5</v>
      </c>
      <c r="B120" s="21">
        <v>23</v>
      </c>
      <c r="C120" s="6">
        <v>59</v>
      </c>
      <c r="D120" s="5">
        <v>82</v>
      </c>
    </row>
    <row r="121" spans="1:4" ht="18" customHeight="1" x14ac:dyDescent="0.15">
      <c r="A121" s="8">
        <v>95</v>
      </c>
      <c r="B121" s="21">
        <v>0</v>
      </c>
      <c r="C121" s="6">
        <v>6</v>
      </c>
      <c r="D121" s="5">
        <v>6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2</v>
      </c>
      <c r="C123" s="6">
        <v>5</v>
      </c>
      <c r="D123" s="5">
        <v>7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1</v>
      </c>
      <c r="C125" s="6">
        <v>2</v>
      </c>
      <c r="D125" s="5">
        <v>3</v>
      </c>
    </row>
    <row r="126" spans="1:4" ht="18" customHeight="1" x14ac:dyDescent="0.15">
      <c r="A126" s="8" t="s">
        <v>4</v>
      </c>
      <c r="B126" s="21">
        <v>4</v>
      </c>
      <c r="C126" s="6">
        <v>23</v>
      </c>
      <c r="D126" s="5">
        <v>27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538</v>
      </c>
      <c r="C130" s="6">
        <v>748</v>
      </c>
      <c r="D130" s="5">
        <v>1286</v>
      </c>
    </row>
    <row r="131" spans="1:4" ht="18" customHeight="1" x14ac:dyDescent="0.15">
      <c r="A131" s="4" t="s">
        <v>0</v>
      </c>
      <c r="B131" s="20">
        <v>2405</v>
      </c>
      <c r="C131" s="2">
        <v>2494</v>
      </c>
      <c r="D131" s="1">
        <v>489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FC4B48-094C-46B4-AB83-9CF58682D08A}">
  <sheetPr codeName="Sheet4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5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6</v>
      </c>
      <c r="C5" s="11">
        <v>12</v>
      </c>
      <c r="D5" s="10">
        <v>28</v>
      </c>
    </row>
    <row r="6" spans="1:4" ht="18" customHeight="1" x14ac:dyDescent="0.15">
      <c r="A6" s="8">
        <v>1</v>
      </c>
      <c r="B6" s="21">
        <v>20</v>
      </c>
      <c r="C6" s="6">
        <v>10</v>
      </c>
      <c r="D6" s="5">
        <v>30</v>
      </c>
    </row>
    <row r="7" spans="1:4" ht="18" customHeight="1" x14ac:dyDescent="0.15">
      <c r="A7" s="8">
        <v>2</v>
      </c>
      <c r="B7" s="21">
        <v>16</v>
      </c>
      <c r="C7" s="6">
        <v>16</v>
      </c>
      <c r="D7" s="5">
        <v>32</v>
      </c>
    </row>
    <row r="8" spans="1:4" ht="18" customHeight="1" x14ac:dyDescent="0.15">
      <c r="A8" s="8">
        <v>3</v>
      </c>
      <c r="B8" s="21">
        <v>10</v>
      </c>
      <c r="C8" s="6">
        <v>15</v>
      </c>
      <c r="D8" s="5">
        <v>25</v>
      </c>
    </row>
    <row r="9" spans="1:4" ht="18" customHeight="1" x14ac:dyDescent="0.15">
      <c r="A9" s="8">
        <v>4</v>
      </c>
      <c r="B9" s="21">
        <v>5</v>
      </c>
      <c r="C9" s="6">
        <v>12</v>
      </c>
      <c r="D9" s="5">
        <v>17</v>
      </c>
    </row>
    <row r="10" spans="1:4" ht="18" customHeight="1" x14ac:dyDescent="0.15">
      <c r="A10" s="8" t="s">
        <v>25</v>
      </c>
      <c r="B10" s="21">
        <v>67</v>
      </c>
      <c r="C10" s="6">
        <v>65</v>
      </c>
      <c r="D10" s="5">
        <v>132</v>
      </c>
    </row>
    <row r="11" spans="1:4" ht="18" customHeight="1" x14ac:dyDescent="0.15">
      <c r="A11" s="8">
        <v>5</v>
      </c>
      <c r="B11" s="21">
        <v>14</v>
      </c>
      <c r="C11" s="6">
        <v>15</v>
      </c>
      <c r="D11" s="5">
        <v>29</v>
      </c>
    </row>
    <row r="12" spans="1:4" ht="18" customHeight="1" x14ac:dyDescent="0.15">
      <c r="A12" s="8">
        <v>6</v>
      </c>
      <c r="B12" s="21">
        <v>16</v>
      </c>
      <c r="C12" s="6">
        <v>18</v>
      </c>
      <c r="D12" s="5">
        <v>34</v>
      </c>
    </row>
    <row r="13" spans="1:4" ht="18" customHeight="1" x14ac:dyDescent="0.15">
      <c r="A13" s="8">
        <v>7</v>
      </c>
      <c r="B13" s="21">
        <v>19</v>
      </c>
      <c r="C13" s="6">
        <v>18</v>
      </c>
      <c r="D13" s="5">
        <v>37</v>
      </c>
    </row>
    <row r="14" spans="1:4" ht="18" customHeight="1" x14ac:dyDescent="0.15">
      <c r="A14" s="8">
        <v>8</v>
      </c>
      <c r="B14" s="21">
        <v>10</v>
      </c>
      <c r="C14" s="6">
        <v>17</v>
      </c>
      <c r="D14" s="5">
        <v>27</v>
      </c>
    </row>
    <row r="15" spans="1:4" ht="18" customHeight="1" x14ac:dyDescent="0.15">
      <c r="A15" s="8">
        <v>9</v>
      </c>
      <c r="B15" s="21">
        <v>18</v>
      </c>
      <c r="C15" s="6">
        <v>9</v>
      </c>
      <c r="D15" s="5">
        <v>27</v>
      </c>
    </row>
    <row r="16" spans="1:4" ht="18" customHeight="1" x14ac:dyDescent="0.15">
      <c r="A16" s="8" t="s">
        <v>24</v>
      </c>
      <c r="B16" s="21">
        <v>77</v>
      </c>
      <c r="C16" s="6">
        <v>77</v>
      </c>
      <c r="D16" s="5">
        <v>154</v>
      </c>
    </row>
    <row r="17" spans="1:4" ht="18" customHeight="1" x14ac:dyDescent="0.15">
      <c r="A17" s="8">
        <v>10</v>
      </c>
      <c r="B17" s="21">
        <v>15</v>
      </c>
      <c r="C17" s="6">
        <v>19</v>
      </c>
      <c r="D17" s="5">
        <v>34</v>
      </c>
    </row>
    <row r="18" spans="1:4" ht="18" customHeight="1" x14ac:dyDescent="0.15">
      <c r="A18" s="8">
        <v>11</v>
      </c>
      <c r="B18" s="21">
        <v>21</v>
      </c>
      <c r="C18" s="6">
        <v>21</v>
      </c>
      <c r="D18" s="5">
        <v>42</v>
      </c>
    </row>
    <row r="19" spans="1:4" ht="18" customHeight="1" x14ac:dyDescent="0.15">
      <c r="A19" s="8">
        <v>12</v>
      </c>
      <c r="B19" s="21">
        <v>24</v>
      </c>
      <c r="C19" s="6">
        <v>14</v>
      </c>
      <c r="D19" s="5">
        <v>38</v>
      </c>
    </row>
    <row r="20" spans="1:4" ht="18" customHeight="1" x14ac:dyDescent="0.15">
      <c r="A20" s="8">
        <v>13</v>
      </c>
      <c r="B20" s="21">
        <v>25</v>
      </c>
      <c r="C20" s="6">
        <v>28</v>
      </c>
      <c r="D20" s="5">
        <v>53</v>
      </c>
    </row>
    <row r="21" spans="1:4" ht="18" customHeight="1" x14ac:dyDescent="0.15">
      <c r="A21" s="8">
        <v>14</v>
      </c>
      <c r="B21" s="21">
        <v>29</v>
      </c>
      <c r="C21" s="6">
        <v>22</v>
      </c>
      <c r="D21" s="5">
        <v>51</v>
      </c>
    </row>
    <row r="22" spans="1:4" ht="18" customHeight="1" x14ac:dyDescent="0.15">
      <c r="A22" s="8" t="s">
        <v>23</v>
      </c>
      <c r="B22" s="21">
        <v>114</v>
      </c>
      <c r="C22" s="6">
        <v>104</v>
      </c>
      <c r="D22" s="5">
        <v>218</v>
      </c>
    </row>
    <row r="23" spans="1:4" ht="18" customHeight="1" x14ac:dyDescent="0.15">
      <c r="A23" s="8" t="s">
        <v>22</v>
      </c>
      <c r="B23" s="21">
        <v>258</v>
      </c>
      <c r="C23" s="6">
        <v>246</v>
      </c>
      <c r="D23" s="5">
        <v>504</v>
      </c>
    </row>
    <row r="24" spans="1:4" ht="18" customHeight="1" x14ac:dyDescent="0.15">
      <c r="A24" s="8">
        <v>15</v>
      </c>
      <c r="B24" s="21">
        <v>30</v>
      </c>
      <c r="C24" s="6">
        <v>21</v>
      </c>
      <c r="D24" s="5">
        <v>51</v>
      </c>
    </row>
    <row r="25" spans="1:4" ht="18" customHeight="1" x14ac:dyDescent="0.15">
      <c r="A25" s="8">
        <v>16</v>
      </c>
      <c r="B25" s="21">
        <v>22</v>
      </c>
      <c r="C25" s="6">
        <v>21</v>
      </c>
      <c r="D25" s="5">
        <v>43</v>
      </c>
    </row>
    <row r="26" spans="1:4" ht="18" customHeight="1" x14ac:dyDescent="0.15">
      <c r="A26" s="8">
        <v>17</v>
      </c>
      <c r="B26" s="21">
        <v>25</v>
      </c>
      <c r="C26" s="6">
        <v>20</v>
      </c>
      <c r="D26" s="5">
        <v>45</v>
      </c>
    </row>
    <row r="27" spans="1:4" ht="18" customHeight="1" x14ac:dyDescent="0.15">
      <c r="A27" s="8">
        <v>18</v>
      </c>
      <c r="B27" s="21">
        <v>19</v>
      </c>
      <c r="C27" s="6">
        <v>34</v>
      </c>
      <c r="D27" s="5">
        <v>53</v>
      </c>
    </row>
    <row r="28" spans="1:4" ht="18" customHeight="1" x14ac:dyDescent="0.15">
      <c r="A28" s="8">
        <v>19</v>
      </c>
      <c r="B28" s="21">
        <v>23</v>
      </c>
      <c r="C28" s="6">
        <v>18</v>
      </c>
      <c r="D28" s="5">
        <v>41</v>
      </c>
    </row>
    <row r="29" spans="1:4" ht="18" customHeight="1" x14ac:dyDescent="0.15">
      <c r="A29" s="8" t="s">
        <v>21</v>
      </c>
      <c r="B29" s="21">
        <v>119</v>
      </c>
      <c r="C29" s="6">
        <v>114</v>
      </c>
      <c r="D29" s="5">
        <v>233</v>
      </c>
    </row>
    <row r="30" spans="1:4" ht="18" customHeight="1" x14ac:dyDescent="0.15">
      <c r="A30" s="8">
        <v>20</v>
      </c>
      <c r="B30" s="21">
        <v>18</v>
      </c>
      <c r="C30" s="6">
        <v>15</v>
      </c>
      <c r="D30" s="5">
        <v>33</v>
      </c>
    </row>
    <row r="31" spans="1:4" ht="18" customHeight="1" x14ac:dyDescent="0.15">
      <c r="A31" s="8">
        <v>21</v>
      </c>
      <c r="B31" s="21">
        <v>33</v>
      </c>
      <c r="C31" s="6">
        <v>29</v>
      </c>
      <c r="D31" s="5">
        <v>62</v>
      </c>
    </row>
    <row r="32" spans="1:4" ht="18" customHeight="1" x14ac:dyDescent="0.15">
      <c r="A32" s="8">
        <v>22</v>
      </c>
      <c r="B32" s="21">
        <v>25</v>
      </c>
      <c r="C32" s="6">
        <v>21</v>
      </c>
      <c r="D32" s="5">
        <v>46</v>
      </c>
    </row>
    <row r="33" spans="1:4" ht="18" customHeight="1" x14ac:dyDescent="0.15">
      <c r="A33" s="8">
        <v>23</v>
      </c>
      <c r="B33" s="21">
        <v>20</v>
      </c>
      <c r="C33" s="6">
        <v>20</v>
      </c>
      <c r="D33" s="5">
        <v>40</v>
      </c>
    </row>
    <row r="34" spans="1:4" ht="18" customHeight="1" x14ac:dyDescent="0.15">
      <c r="A34" s="8">
        <v>24</v>
      </c>
      <c r="B34" s="21">
        <v>23</v>
      </c>
      <c r="C34" s="6">
        <v>24</v>
      </c>
      <c r="D34" s="5">
        <v>47</v>
      </c>
    </row>
    <row r="35" spans="1:4" ht="18" customHeight="1" x14ac:dyDescent="0.15">
      <c r="A35" s="8" t="s">
        <v>20</v>
      </c>
      <c r="B35" s="21">
        <v>119</v>
      </c>
      <c r="C35" s="6">
        <v>109</v>
      </c>
      <c r="D35" s="5">
        <v>228</v>
      </c>
    </row>
    <row r="36" spans="1:4" ht="18" customHeight="1" x14ac:dyDescent="0.15">
      <c r="A36" s="8">
        <v>25</v>
      </c>
      <c r="B36" s="21">
        <v>21</v>
      </c>
      <c r="C36" s="6">
        <v>26</v>
      </c>
      <c r="D36" s="5">
        <v>47</v>
      </c>
    </row>
    <row r="37" spans="1:4" ht="18" customHeight="1" x14ac:dyDescent="0.15">
      <c r="A37" s="8">
        <v>26</v>
      </c>
      <c r="B37" s="21">
        <v>27</v>
      </c>
      <c r="C37" s="6">
        <v>31</v>
      </c>
      <c r="D37" s="5">
        <v>58</v>
      </c>
    </row>
    <row r="38" spans="1:4" ht="18" customHeight="1" x14ac:dyDescent="0.15">
      <c r="A38" s="8">
        <v>27</v>
      </c>
      <c r="B38" s="21">
        <v>33</v>
      </c>
      <c r="C38" s="6">
        <v>25</v>
      </c>
      <c r="D38" s="5">
        <v>58</v>
      </c>
    </row>
    <row r="39" spans="1:4" ht="18" customHeight="1" x14ac:dyDescent="0.15">
      <c r="A39" s="8">
        <v>28</v>
      </c>
      <c r="B39" s="21">
        <v>30</v>
      </c>
      <c r="C39" s="6">
        <v>32</v>
      </c>
      <c r="D39" s="5">
        <v>62</v>
      </c>
    </row>
    <row r="40" spans="1:4" ht="18" customHeight="1" x14ac:dyDescent="0.15">
      <c r="A40" s="8">
        <v>29</v>
      </c>
      <c r="B40" s="21">
        <v>25</v>
      </c>
      <c r="C40" s="6">
        <v>24</v>
      </c>
      <c r="D40" s="5">
        <v>49</v>
      </c>
    </row>
    <row r="41" spans="1:4" ht="18" customHeight="1" x14ac:dyDescent="0.15">
      <c r="A41" s="8" t="s">
        <v>19</v>
      </c>
      <c r="B41" s="21">
        <v>136</v>
      </c>
      <c r="C41" s="6">
        <v>138</v>
      </c>
      <c r="D41" s="5">
        <v>274</v>
      </c>
    </row>
    <row r="42" spans="1:4" ht="18" customHeight="1" x14ac:dyDescent="0.15">
      <c r="A42" s="8">
        <v>30</v>
      </c>
      <c r="B42" s="21">
        <v>29</v>
      </c>
      <c r="C42" s="6">
        <v>16</v>
      </c>
      <c r="D42" s="5">
        <v>45</v>
      </c>
    </row>
    <row r="43" spans="1:4" ht="18" customHeight="1" x14ac:dyDescent="0.15">
      <c r="A43" s="8">
        <v>31</v>
      </c>
      <c r="B43" s="21">
        <v>33</v>
      </c>
      <c r="C43" s="6">
        <v>15</v>
      </c>
      <c r="D43" s="5">
        <v>48</v>
      </c>
    </row>
    <row r="44" spans="1:4" ht="18" customHeight="1" x14ac:dyDescent="0.15">
      <c r="A44" s="8">
        <v>32</v>
      </c>
      <c r="B44" s="21">
        <v>25</v>
      </c>
      <c r="C44" s="6">
        <v>25</v>
      </c>
      <c r="D44" s="5">
        <v>50</v>
      </c>
    </row>
    <row r="45" spans="1:4" ht="18" customHeight="1" x14ac:dyDescent="0.15">
      <c r="A45" s="8">
        <v>33</v>
      </c>
      <c r="B45" s="21">
        <v>34</v>
      </c>
      <c r="C45" s="6">
        <v>15</v>
      </c>
      <c r="D45" s="5">
        <v>49</v>
      </c>
    </row>
    <row r="46" spans="1:4" ht="18" customHeight="1" x14ac:dyDescent="0.15">
      <c r="A46" s="8">
        <v>34</v>
      </c>
      <c r="B46" s="21">
        <v>19</v>
      </c>
      <c r="C46" s="6">
        <v>21</v>
      </c>
      <c r="D46" s="5">
        <v>40</v>
      </c>
    </row>
    <row r="47" spans="1:4" ht="18" customHeight="1" x14ac:dyDescent="0.15">
      <c r="A47" s="8" t="s">
        <v>18</v>
      </c>
      <c r="B47" s="21">
        <v>140</v>
      </c>
      <c r="C47" s="6">
        <v>92</v>
      </c>
      <c r="D47" s="5">
        <v>232</v>
      </c>
    </row>
    <row r="48" spans="1:4" ht="18" customHeight="1" x14ac:dyDescent="0.15">
      <c r="A48" s="8">
        <v>35</v>
      </c>
      <c r="B48" s="21">
        <v>20</v>
      </c>
      <c r="C48" s="6">
        <v>23</v>
      </c>
      <c r="D48" s="5">
        <v>43</v>
      </c>
    </row>
    <row r="49" spans="1:4" ht="18" customHeight="1" x14ac:dyDescent="0.15">
      <c r="A49" s="8">
        <v>36</v>
      </c>
      <c r="B49" s="21">
        <v>22</v>
      </c>
      <c r="C49" s="6">
        <v>21</v>
      </c>
      <c r="D49" s="5">
        <v>43</v>
      </c>
    </row>
    <row r="50" spans="1:4" ht="18" customHeight="1" x14ac:dyDescent="0.15">
      <c r="A50" s="8">
        <v>37</v>
      </c>
      <c r="B50" s="21">
        <v>24</v>
      </c>
      <c r="C50" s="6">
        <v>29</v>
      </c>
      <c r="D50" s="5">
        <v>53</v>
      </c>
    </row>
    <row r="51" spans="1:4" ht="18" customHeight="1" x14ac:dyDescent="0.15">
      <c r="A51" s="8">
        <v>38</v>
      </c>
      <c r="B51" s="21">
        <v>25</v>
      </c>
      <c r="C51" s="6">
        <v>18</v>
      </c>
      <c r="D51" s="5">
        <v>43</v>
      </c>
    </row>
    <row r="52" spans="1:4" ht="18" customHeight="1" x14ac:dyDescent="0.15">
      <c r="A52" s="8">
        <v>39</v>
      </c>
      <c r="B52" s="21">
        <v>28</v>
      </c>
      <c r="C52" s="6">
        <v>30</v>
      </c>
      <c r="D52" s="5">
        <v>58</v>
      </c>
    </row>
    <row r="53" spans="1:4" ht="18" customHeight="1" x14ac:dyDescent="0.15">
      <c r="A53" s="8" t="s">
        <v>17</v>
      </c>
      <c r="B53" s="21">
        <v>119</v>
      </c>
      <c r="C53" s="6">
        <v>121</v>
      </c>
      <c r="D53" s="5">
        <v>240</v>
      </c>
    </row>
    <row r="54" spans="1:4" ht="18" customHeight="1" x14ac:dyDescent="0.15">
      <c r="A54" s="8">
        <v>40</v>
      </c>
      <c r="B54" s="21">
        <v>32</v>
      </c>
      <c r="C54" s="6">
        <v>28</v>
      </c>
      <c r="D54" s="5">
        <v>60</v>
      </c>
    </row>
    <row r="55" spans="1:4" ht="18" customHeight="1" x14ac:dyDescent="0.15">
      <c r="A55" s="8">
        <v>41</v>
      </c>
      <c r="B55" s="21">
        <v>34</v>
      </c>
      <c r="C55" s="6">
        <v>33</v>
      </c>
      <c r="D55" s="5">
        <v>67</v>
      </c>
    </row>
    <row r="56" spans="1:4" ht="18" customHeight="1" x14ac:dyDescent="0.15">
      <c r="A56" s="8">
        <v>42</v>
      </c>
      <c r="B56" s="21">
        <v>36</v>
      </c>
      <c r="C56" s="6">
        <v>27</v>
      </c>
      <c r="D56" s="5">
        <v>63</v>
      </c>
    </row>
    <row r="57" spans="1:4" ht="18" customHeight="1" x14ac:dyDescent="0.15">
      <c r="A57" s="8">
        <v>43</v>
      </c>
      <c r="B57" s="21">
        <v>32</v>
      </c>
      <c r="C57" s="6">
        <v>29</v>
      </c>
      <c r="D57" s="5">
        <v>61</v>
      </c>
    </row>
    <row r="58" spans="1:4" ht="18" customHeight="1" x14ac:dyDescent="0.15">
      <c r="A58" s="8">
        <v>44</v>
      </c>
      <c r="B58" s="21">
        <v>46</v>
      </c>
      <c r="C58" s="6">
        <v>26</v>
      </c>
      <c r="D58" s="5">
        <v>72</v>
      </c>
    </row>
    <row r="59" spans="1:4" ht="18" customHeight="1" x14ac:dyDescent="0.15">
      <c r="A59" s="8" t="s">
        <v>16</v>
      </c>
      <c r="B59" s="21">
        <v>180</v>
      </c>
      <c r="C59" s="6">
        <v>143</v>
      </c>
      <c r="D59" s="5">
        <v>323</v>
      </c>
    </row>
    <row r="60" spans="1:4" ht="18" customHeight="1" x14ac:dyDescent="0.15">
      <c r="A60" s="8">
        <v>45</v>
      </c>
      <c r="B60" s="21">
        <v>26</v>
      </c>
      <c r="C60" s="6">
        <v>28</v>
      </c>
      <c r="D60" s="5">
        <v>54</v>
      </c>
    </row>
    <row r="61" spans="1:4" ht="18" customHeight="1" x14ac:dyDescent="0.15">
      <c r="A61" s="8">
        <v>46</v>
      </c>
      <c r="B61" s="21">
        <v>40</v>
      </c>
      <c r="C61" s="6">
        <v>25</v>
      </c>
      <c r="D61" s="5">
        <v>65</v>
      </c>
    </row>
    <row r="62" spans="1:4" ht="18" customHeight="1" x14ac:dyDescent="0.15">
      <c r="A62" s="8">
        <v>47</v>
      </c>
      <c r="B62" s="21">
        <v>23</v>
      </c>
      <c r="C62" s="6">
        <v>45</v>
      </c>
      <c r="D62" s="5">
        <v>68</v>
      </c>
    </row>
    <row r="63" spans="1:4" ht="18" customHeight="1" x14ac:dyDescent="0.15">
      <c r="A63" s="8">
        <v>48</v>
      </c>
      <c r="B63" s="21">
        <v>39</v>
      </c>
      <c r="C63" s="6">
        <v>27</v>
      </c>
      <c r="D63" s="5">
        <v>66</v>
      </c>
    </row>
    <row r="64" spans="1:4" ht="18" customHeight="1" x14ac:dyDescent="0.15">
      <c r="A64" s="8">
        <v>49</v>
      </c>
      <c r="B64" s="21">
        <v>48</v>
      </c>
      <c r="C64" s="6">
        <v>30</v>
      </c>
      <c r="D64" s="5">
        <v>78</v>
      </c>
    </row>
    <row r="65" spans="1:4" ht="18" customHeight="1" x14ac:dyDescent="0.15">
      <c r="A65" s="8" t="s">
        <v>15</v>
      </c>
      <c r="B65" s="21">
        <v>176</v>
      </c>
      <c r="C65" s="6">
        <v>155</v>
      </c>
      <c r="D65" s="5">
        <v>331</v>
      </c>
    </row>
    <row r="66" spans="1:4" ht="18" customHeight="1" x14ac:dyDescent="0.15">
      <c r="A66" s="8">
        <v>50</v>
      </c>
      <c r="B66" s="21">
        <v>42</v>
      </c>
      <c r="C66" s="6">
        <v>35</v>
      </c>
      <c r="D66" s="5">
        <v>77</v>
      </c>
    </row>
    <row r="67" spans="1:4" ht="18" customHeight="1" x14ac:dyDescent="0.15">
      <c r="A67" s="8">
        <v>51</v>
      </c>
      <c r="B67" s="21">
        <v>36</v>
      </c>
      <c r="C67" s="6">
        <v>47</v>
      </c>
      <c r="D67" s="5">
        <v>83</v>
      </c>
    </row>
    <row r="68" spans="1:4" ht="18" customHeight="1" x14ac:dyDescent="0.15">
      <c r="A68" s="8">
        <v>52</v>
      </c>
      <c r="B68" s="21">
        <v>45</v>
      </c>
      <c r="C68" s="6">
        <v>44</v>
      </c>
      <c r="D68" s="5">
        <v>89</v>
      </c>
    </row>
    <row r="69" spans="1:4" ht="18" customHeight="1" x14ac:dyDescent="0.15">
      <c r="A69" s="8">
        <v>53</v>
      </c>
      <c r="B69" s="21">
        <v>57</v>
      </c>
      <c r="C69" s="6">
        <v>34</v>
      </c>
      <c r="D69" s="5">
        <v>91</v>
      </c>
    </row>
    <row r="70" spans="1:4" ht="18" customHeight="1" x14ac:dyDescent="0.15">
      <c r="A70" s="8">
        <v>54</v>
      </c>
      <c r="B70" s="21">
        <v>47</v>
      </c>
      <c r="C70" s="6">
        <v>44</v>
      </c>
      <c r="D70" s="5">
        <v>91</v>
      </c>
    </row>
    <row r="71" spans="1:4" ht="18" customHeight="1" x14ac:dyDescent="0.15">
      <c r="A71" s="8" t="s">
        <v>14</v>
      </c>
      <c r="B71" s="21">
        <v>227</v>
      </c>
      <c r="C71" s="6">
        <v>204</v>
      </c>
      <c r="D71" s="5">
        <v>431</v>
      </c>
    </row>
    <row r="72" spans="1:4" ht="18" customHeight="1" x14ac:dyDescent="0.15">
      <c r="A72" s="8">
        <v>55</v>
      </c>
      <c r="B72" s="21">
        <v>43</v>
      </c>
      <c r="C72" s="6">
        <v>37</v>
      </c>
      <c r="D72" s="5">
        <v>80</v>
      </c>
    </row>
    <row r="73" spans="1:4" ht="18" customHeight="1" x14ac:dyDescent="0.15">
      <c r="A73" s="8">
        <v>56</v>
      </c>
      <c r="B73" s="21">
        <v>45</v>
      </c>
      <c r="C73" s="6">
        <v>45</v>
      </c>
      <c r="D73" s="5">
        <v>90</v>
      </c>
    </row>
    <row r="74" spans="1:4" ht="18" customHeight="1" x14ac:dyDescent="0.15">
      <c r="A74" s="8">
        <v>57</v>
      </c>
      <c r="B74" s="21">
        <v>36</v>
      </c>
      <c r="C74" s="6">
        <v>29</v>
      </c>
      <c r="D74" s="5">
        <v>65</v>
      </c>
    </row>
    <row r="75" spans="1:4" ht="18" customHeight="1" x14ac:dyDescent="0.15">
      <c r="A75" s="8">
        <v>58</v>
      </c>
      <c r="B75" s="21">
        <v>31</v>
      </c>
      <c r="C75" s="6">
        <v>31</v>
      </c>
      <c r="D75" s="5">
        <v>62</v>
      </c>
    </row>
    <row r="76" spans="1:4" ht="18" customHeight="1" x14ac:dyDescent="0.15">
      <c r="A76" s="8">
        <v>59</v>
      </c>
      <c r="B76" s="21">
        <v>18</v>
      </c>
      <c r="C76" s="6">
        <v>25</v>
      </c>
      <c r="D76" s="5">
        <v>43</v>
      </c>
    </row>
    <row r="77" spans="1:4" ht="18" customHeight="1" x14ac:dyDescent="0.15">
      <c r="A77" s="8" t="s">
        <v>13</v>
      </c>
      <c r="B77" s="21">
        <v>173</v>
      </c>
      <c r="C77" s="6">
        <v>167</v>
      </c>
      <c r="D77" s="5">
        <v>340</v>
      </c>
    </row>
    <row r="78" spans="1:4" ht="18" customHeight="1" x14ac:dyDescent="0.15">
      <c r="A78" s="8">
        <v>60</v>
      </c>
      <c r="B78" s="21">
        <v>35</v>
      </c>
      <c r="C78" s="6">
        <v>42</v>
      </c>
      <c r="D78" s="5">
        <v>77</v>
      </c>
    </row>
    <row r="79" spans="1:4" ht="18" customHeight="1" x14ac:dyDescent="0.15">
      <c r="A79" s="8">
        <v>61</v>
      </c>
      <c r="B79" s="21">
        <v>37</v>
      </c>
      <c r="C79" s="6">
        <v>33</v>
      </c>
      <c r="D79" s="5">
        <v>70</v>
      </c>
    </row>
    <row r="80" spans="1:4" ht="18" customHeight="1" x14ac:dyDescent="0.15">
      <c r="A80" s="8">
        <v>62</v>
      </c>
      <c r="B80" s="21">
        <v>37</v>
      </c>
      <c r="C80" s="6">
        <v>28</v>
      </c>
      <c r="D80" s="5">
        <v>65</v>
      </c>
    </row>
    <row r="81" spans="1:4" ht="18" customHeight="1" x14ac:dyDescent="0.15">
      <c r="A81" s="8">
        <v>63</v>
      </c>
      <c r="B81" s="21">
        <v>38</v>
      </c>
      <c r="C81" s="6">
        <v>29</v>
      </c>
      <c r="D81" s="5">
        <v>67</v>
      </c>
    </row>
    <row r="82" spans="1:4" ht="18" customHeight="1" x14ac:dyDescent="0.15">
      <c r="A82" s="8">
        <v>64</v>
      </c>
      <c r="B82" s="21">
        <v>22</v>
      </c>
      <c r="C82" s="6">
        <v>28</v>
      </c>
      <c r="D82" s="5">
        <v>50</v>
      </c>
    </row>
    <row r="83" spans="1:4" ht="18" customHeight="1" x14ac:dyDescent="0.15">
      <c r="A83" s="8" t="s">
        <v>12</v>
      </c>
      <c r="B83" s="21">
        <v>169</v>
      </c>
      <c r="C83" s="6">
        <v>160</v>
      </c>
      <c r="D83" s="5">
        <v>329</v>
      </c>
    </row>
    <row r="84" spans="1:4" ht="18" customHeight="1" x14ac:dyDescent="0.15">
      <c r="A84" s="8" t="s">
        <v>11</v>
      </c>
      <c r="B84" s="21">
        <v>1558</v>
      </c>
      <c r="C84" s="6">
        <v>1403</v>
      </c>
      <c r="D84" s="5">
        <v>2961</v>
      </c>
    </row>
    <row r="85" spans="1:4" ht="18" customHeight="1" x14ac:dyDescent="0.15">
      <c r="A85" s="8">
        <v>65</v>
      </c>
      <c r="B85" s="21">
        <v>27</v>
      </c>
      <c r="C85" s="6">
        <v>30</v>
      </c>
      <c r="D85" s="5">
        <v>57</v>
      </c>
    </row>
    <row r="86" spans="1:4" ht="18" customHeight="1" x14ac:dyDescent="0.15">
      <c r="A86" s="8">
        <v>66</v>
      </c>
      <c r="B86" s="21">
        <v>22</v>
      </c>
      <c r="C86" s="6">
        <v>29</v>
      </c>
      <c r="D86" s="5">
        <v>51</v>
      </c>
    </row>
    <row r="87" spans="1:4" ht="18" customHeight="1" x14ac:dyDescent="0.15">
      <c r="A87" s="8">
        <v>67</v>
      </c>
      <c r="B87" s="21">
        <v>34</v>
      </c>
      <c r="C87" s="6">
        <v>41</v>
      </c>
      <c r="D87" s="5">
        <v>75</v>
      </c>
    </row>
    <row r="88" spans="1:4" ht="18" customHeight="1" x14ac:dyDescent="0.15">
      <c r="A88" s="8">
        <v>68</v>
      </c>
      <c r="B88" s="21">
        <v>31</v>
      </c>
      <c r="C88" s="6">
        <v>29</v>
      </c>
      <c r="D88" s="5">
        <v>60</v>
      </c>
    </row>
    <row r="89" spans="1:4" ht="18" customHeight="1" x14ac:dyDescent="0.15">
      <c r="A89" s="8">
        <v>69</v>
      </c>
      <c r="B89" s="21">
        <v>37</v>
      </c>
      <c r="C89" s="6">
        <v>42</v>
      </c>
      <c r="D89" s="5">
        <v>79</v>
      </c>
    </row>
    <row r="90" spans="1:4" ht="18" customHeight="1" x14ac:dyDescent="0.15">
      <c r="A90" s="8" t="s">
        <v>10</v>
      </c>
      <c r="B90" s="21">
        <v>151</v>
      </c>
      <c r="C90" s="6">
        <v>171</v>
      </c>
      <c r="D90" s="5">
        <v>322</v>
      </c>
    </row>
    <row r="91" spans="1:4" ht="18" customHeight="1" x14ac:dyDescent="0.15">
      <c r="A91" s="8">
        <v>70</v>
      </c>
      <c r="B91" s="21">
        <v>38</v>
      </c>
      <c r="C91" s="6">
        <v>42</v>
      </c>
      <c r="D91" s="5">
        <v>80</v>
      </c>
    </row>
    <row r="92" spans="1:4" ht="18" customHeight="1" x14ac:dyDescent="0.15">
      <c r="A92" s="8">
        <v>71</v>
      </c>
      <c r="B92" s="21">
        <v>30</v>
      </c>
      <c r="C92" s="6">
        <v>38</v>
      </c>
      <c r="D92" s="5">
        <v>68</v>
      </c>
    </row>
    <row r="93" spans="1:4" ht="18" customHeight="1" x14ac:dyDescent="0.15">
      <c r="A93" s="8">
        <v>72</v>
      </c>
      <c r="B93" s="21">
        <v>34</v>
      </c>
      <c r="C93" s="6">
        <v>49</v>
      </c>
      <c r="D93" s="5">
        <v>83</v>
      </c>
    </row>
    <row r="94" spans="1:4" ht="18" customHeight="1" x14ac:dyDescent="0.15">
      <c r="A94" s="8">
        <v>73</v>
      </c>
      <c r="B94" s="21">
        <v>33</v>
      </c>
      <c r="C94" s="6">
        <v>42</v>
      </c>
      <c r="D94" s="5">
        <v>75</v>
      </c>
    </row>
    <row r="95" spans="1:4" ht="18" customHeight="1" x14ac:dyDescent="0.15">
      <c r="A95" s="8">
        <v>74</v>
      </c>
      <c r="B95" s="21">
        <v>43</v>
      </c>
      <c r="C95" s="6">
        <v>42</v>
      </c>
      <c r="D95" s="5">
        <v>85</v>
      </c>
    </row>
    <row r="96" spans="1:4" ht="18" customHeight="1" x14ac:dyDescent="0.15">
      <c r="A96" s="8" t="s">
        <v>9</v>
      </c>
      <c r="B96" s="21">
        <v>178</v>
      </c>
      <c r="C96" s="6">
        <v>213</v>
      </c>
      <c r="D96" s="5">
        <v>391</v>
      </c>
    </row>
    <row r="97" spans="1:4" ht="18" customHeight="1" x14ac:dyDescent="0.15">
      <c r="A97" s="8">
        <v>75</v>
      </c>
      <c r="B97" s="21">
        <v>58</v>
      </c>
      <c r="C97" s="6">
        <v>55</v>
      </c>
      <c r="D97" s="5">
        <v>113</v>
      </c>
    </row>
    <row r="98" spans="1:4" ht="18" customHeight="1" x14ac:dyDescent="0.15">
      <c r="A98" s="8">
        <v>76</v>
      </c>
      <c r="B98" s="21">
        <v>66</v>
      </c>
      <c r="C98" s="6">
        <v>72</v>
      </c>
      <c r="D98" s="5">
        <v>138</v>
      </c>
    </row>
    <row r="99" spans="1:4" ht="18" customHeight="1" x14ac:dyDescent="0.15">
      <c r="A99" s="8">
        <v>77</v>
      </c>
      <c r="B99" s="21">
        <v>44</v>
      </c>
      <c r="C99" s="6">
        <v>57</v>
      </c>
      <c r="D99" s="5">
        <v>101</v>
      </c>
    </row>
    <row r="100" spans="1:4" ht="18" customHeight="1" x14ac:dyDescent="0.15">
      <c r="A100" s="8">
        <v>78</v>
      </c>
      <c r="B100" s="21">
        <v>50</v>
      </c>
      <c r="C100" s="6">
        <v>73</v>
      </c>
      <c r="D100" s="5">
        <v>123</v>
      </c>
    </row>
    <row r="101" spans="1:4" ht="18" customHeight="1" x14ac:dyDescent="0.15">
      <c r="A101" s="8">
        <v>79</v>
      </c>
      <c r="B101" s="21">
        <v>30</v>
      </c>
      <c r="C101" s="6">
        <v>37</v>
      </c>
      <c r="D101" s="5">
        <v>67</v>
      </c>
    </row>
    <row r="102" spans="1:4" ht="18" customHeight="1" x14ac:dyDescent="0.15">
      <c r="A102" s="8" t="s">
        <v>8</v>
      </c>
      <c r="B102" s="21">
        <v>248</v>
      </c>
      <c r="C102" s="6">
        <v>294</v>
      </c>
      <c r="D102" s="5">
        <v>542</v>
      </c>
    </row>
    <row r="103" spans="1:4" ht="18" customHeight="1" x14ac:dyDescent="0.15">
      <c r="A103" s="8">
        <v>80</v>
      </c>
      <c r="B103" s="21">
        <v>26</v>
      </c>
      <c r="C103" s="6">
        <v>44</v>
      </c>
      <c r="D103" s="5">
        <v>70</v>
      </c>
    </row>
    <row r="104" spans="1:4" ht="18" customHeight="1" x14ac:dyDescent="0.15">
      <c r="A104" s="8">
        <v>81</v>
      </c>
      <c r="B104" s="21">
        <v>34</v>
      </c>
      <c r="C104" s="6">
        <v>57</v>
      </c>
      <c r="D104" s="5">
        <v>91</v>
      </c>
    </row>
    <row r="105" spans="1:4" ht="18" customHeight="1" x14ac:dyDescent="0.15">
      <c r="A105" s="8">
        <v>82</v>
      </c>
      <c r="B105" s="21">
        <v>37</v>
      </c>
      <c r="C105" s="6">
        <v>50</v>
      </c>
      <c r="D105" s="5">
        <v>87</v>
      </c>
    </row>
    <row r="106" spans="1:4" ht="18" customHeight="1" x14ac:dyDescent="0.15">
      <c r="A106" s="8">
        <v>83</v>
      </c>
      <c r="B106" s="21">
        <v>27</v>
      </c>
      <c r="C106" s="6">
        <v>45</v>
      </c>
      <c r="D106" s="5">
        <v>72</v>
      </c>
    </row>
    <row r="107" spans="1:4" ht="18" customHeight="1" x14ac:dyDescent="0.15">
      <c r="A107" s="8">
        <v>84</v>
      </c>
      <c r="B107" s="21">
        <v>35</v>
      </c>
      <c r="C107" s="6">
        <v>36</v>
      </c>
      <c r="D107" s="5">
        <v>71</v>
      </c>
    </row>
    <row r="108" spans="1:4" ht="18" customHeight="1" x14ac:dyDescent="0.15">
      <c r="A108" s="8" t="s">
        <v>7</v>
      </c>
      <c r="B108" s="21">
        <v>159</v>
      </c>
      <c r="C108" s="6">
        <v>232</v>
      </c>
      <c r="D108" s="5">
        <v>391</v>
      </c>
    </row>
    <row r="109" spans="1:4" ht="18" customHeight="1" x14ac:dyDescent="0.15">
      <c r="A109" s="8">
        <v>85</v>
      </c>
      <c r="B109" s="21">
        <v>25</v>
      </c>
      <c r="C109" s="6">
        <v>41</v>
      </c>
      <c r="D109" s="5">
        <v>66</v>
      </c>
    </row>
    <row r="110" spans="1:4" ht="18" customHeight="1" x14ac:dyDescent="0.15">
      <c r="A110" s="8">
        <v>86</v>
      </c>
      <c r="B110" s="21">
        <v>18</v>
      </c>
      <c r="C110" s="6">
        <v>21</v>
      </c>
      <c r="D110" s="5">
        <v>39</v>
      </c>
    </row>
    <row r="111" spans="1:4" ht="18" customHeight="1" x14ac:dyDescent="0.15">
      <c r="A111" s="8">
        <v>87</v>
      </c>
      <c r="B111" s="21">
        <v>13</v>
      </c>
      <c r="C111" s="6">
        <v>21</v>
      </c>
      <c r="D111" s="5">
        <v>34</v>
      </c>
    </row>
    <row r="112" spans="1:4" ht="18" customHeight="1" x14ac:dyDescent="0.15">
      <c r="A112" s="8">
        <v>88</v>
      </c>
      <c r="B112" s="21">
        <v>21</v>
      </c>
      <c r="C112" s="6">
        <v>31</v>
      </c>
      <c r="D112" s="5">
        <v>52</v>
      </c>
    </row>
    <row r="113" spans="1:4" ht="18" customHeight="1" x14ac:dyDescent="0.15">
      <c r="A113" s="8">
        <v>89</v>
      </c>
      <c r="B113" s="21">
        <v>14</v>
      </c>
      <c r="C113" s="6">
        <v>25</v>
      </c>
      <c r="D113" s="5">
        <v>39</v>
      </c>
    </row>
    <row r="114" spans="1:4" ht="18" customHeight="1" x14ac:dyDescent="0.15">
      <c r="A114" s="8" t="s">
        <v>6</v>
      </c>
      <c r="B114" s="21">
        <v>91</v>
      </c>
      <c r="C114" s="6">
        <v>139</v>
      </c>
      <c r="D114" s="5">
        <v>230</v>
      </c>
    </row>
    <row r="115" spans="1:4" ht="18" customHeight="1" x14ac:dyDescent="0.15">
      <c r="A115" s="8">
        <v>90</v>
      </c>
      <c r="B115" s="21">
        <v>7</v>
      </c>
      <c r="C115" s="6">
        <v>20</v>
      </c>
      <c r="D115" s="5">
        <v>27</v>
      </c>
    </row>
    <row r="116" spans="1:4" ht="18" customHeight="1" x14ac:dyDescent="0.15">
      <c r="A116" s="8">
        <v>91</v>
      </c>
      <c r="B116" s="21">
        <v>12</v>
      </c>
      <c r="C116" s="6">
        <v>17</v>
      </c>
      <c r="D116" s="5">
        <v>29</v>
      </c>
    </row>
    <row r="117" spans="1:4" ht="18" customHeight="1" x14ac:dyDescent="0.15">
      <c r="A117" s="8">
        <v>92</v>
      </c>
      <c r="B117" s="21">
        <v>6</v>
      </c>
      <c r="C117" s="6">
        <v>18</v>
      </c>
      <c r="D117" s="5">
        <v>24</v>
      </c>
    </row>
    <row r="118" spans="1:4" ht="18" customHeight="1" x14ac:dyDescent="0.15">
      <c r="A118" s="8">
        <v>93</v>
      </c>
      <c r="B118" s="21">
        <v>3</v>
      </c>
      <c r="C118" s="6">
        <v>14</v>
      </c>
      <c r="D118" s="5">
        <v>17</v>
      </c>
    </row>
    <row r="119" spans="1:4" ht="18" customHeight="1" x14ac:dyDescent="0.15">
      <c r="A119" s="8">
        <v>94</v>
      </c>
      <c r="B119" s="21">
        <v>2</v>
      </c>
      <c r="C119" s="6">
        <v>7</v>
      </c>
      <c r="D119" s="5">
        <v>9</v>
      </c>
    </row>
    <row r="120" spans="1:4" ht="18" customHeight="1" x14ac:dyDescent="0.15">
      <c r="A120" s="8" t="s">
        <v>5</v>
      </c>
      <c r="B120" s="21">
        <v>30</v>
      </c>
      <c r="C120" s="6">
        <v>76</v>
      </c>
      <c r="D120" s="5">
        <v>106</v>
      </c>
    </row>
    <row r="121" spans="1:4" ht="18" customHeight="1" x14ac:dyDescent="0.15">
      <c r="A121" s="8">
        <v>95</v>
      </c>
      <c r="B121" s="21">
        <v>1</v>
      </c>
      <c r="C121" s="6">
        <v>12</v>
      </c>
      <c r="D121" s="5">
        <v>13</v>
      </c>
    </row>
    <row r="122" spans="1:4" ht="18" customHeight="1" x14ac:dyDescent="0.15">
      <c r="A122" s="8">
        <v>96</v>
      </c>
      <c r="B122" s="21">
        <v>1</v>
      </c>
      <c r="C122" s="6">
        <v>8</v>
      </c>
      <c r="D122" s="5">
        <v>9</v>
      </c>
    </row>
    <row r="123" spans="1:4" ht="18" customHeight="1" x14ac:dyDescent="0.15">
      <c r="A123" s="8">
        <v>97</v>
      </c>
      <c r="B123" s="21">
        <v>3</v>
      </c>
      <c r="C123" s="6">
        <v>8</v>
      </c>
      <c r="D123" s="5">
        <v>11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6</v>
      </c>
      <c r="C126" s="6">
        <v>34</v>
      </c>
      <c r="D126" s="5">
        <v>40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863</v>
      </c>
      <c r="C130" s="6">
        <v>1162</v>
      </c>
      <c r="D130" s="5">
        <v>2025</v>
      </c>
    </row>
    <row r="131" spans="1:4" ht="18" customHeight="1" x14ac:dyDescent="0.15">
      <c r="A131" s="4" t="s">
        <v>0</v>
      </c>
      <c r="B131" s="20">
        <v>2679</v>
      </c>
      <c r="C131" s="2">
        <v>2811</v>
      </c>
      <c r="D131" s="1">
        <v>54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838020-D4A3-4243-ADB6-7BF932EF0738}">
  <sheetPr codeName="Sheet4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2</v>
      </c>
      <c r="C5" s="11">
        <v>56</v>
      </c>
      <c r="D5" s="10">
        <v>98</v>
      </c>
    </row>
    <row r="6" spans="1:4" ht="18" customHeight="1" x14ac:dyDescent="0.15">
      <c r="A6" s="8">
        <v>1</v>
      </c>
      <c r="B6" s="21">
        <v>37</v>
      </c>
      <c r="C6" s="6">
        <v>60</v>
      </c>
      <c r="D6" s="5">
        <v>97</v>
      </c>
    </row>
    <row r="7" spans="1:4" ht="18" customHeight="1" x14ac:dyDescent="0.15">
      <c r="A7" s="8">
        <v>2</v>
      </c>
      <c r="B7" s="21">
        <v>44</v>
      </c>
      <c r="C7" s="6">
        <v>55</v>
      </c>
      <c r="D7" s="5">
        <v>99</v>
      </c>
    </row>
    <row r="8" spans="1:4" ht="18" customHeight="1" x14ac:dyDescent="0.15">
      <c r="A8" s="8">
        <v>3</v>
      </c>
      <c r="B8" s="21">
        <v>47</v>
      </c>
      <c r="C8" s="6">
        <v>50</v>
      </c>
      <c r="D8" s="5">
        <v>97</v>
      </c>
    </row>
    <row r="9" spans="1:4" ht="18" customHeight="1" x14ac:dyDescent="0.15">
      <c r="A9" s="8">
        <v>4</v>
      </c>
      <c r="B9" s="21">
        <v>50</v>
      </c>
      <c r="C9" s="6">
        <v>40</v>
      </c>
      <c r="D9" s="5">
        <v>90</v>
      </c>
    </row>
    <row r="10" spans="1:4" ht="18" customHeight="1" x14ac:dyDescent="0.15">
      <c r="A10" s="8" t="s">
        <v>25</v>
      </c>
      <c r="B10" s="21">
        <v>220</v>
      </c>
      <c r="C10" s="6">
        <v>261</v>
      </c>
      <c r="D10" s="5">
        <v>481</v>
      </c>
    </row>
    <row r="11" spans="1:4" ht="18" customHeight="1" x14ac:dyDescent="0.15">
      <c r="A11" s="8">
        <v>5</v>
      </c>
      <c r="B11" s="21">
        <v>45</v>
      </c>
      <c r="C11" s="6">
        <v>47</v>
      </c>
      <c r="D11" s="5">
        <v>92</v>
      </c>
    </row>
    <row r="12" spans="1:4" ht="18" customHeight="1" x14ac:dyDescent="0.15">
      <c r="A12" s="8">
        <v>6</v>
      </c>
      <c r="B12" s="21">
        <v>45</v>
      </c>
      <c r="C12" s="6">
        <v>50</v>
      </c>
      <c r="D12" s="5">
        <v>95</v>
      </c>
    </row>
    <row r="13" spans="1:4" ht="18" customHeight="1" x14ac:dyDescent="0.15">
      <c r="A13" s="8">
        <v>7</v>
      </c>
      <c r="B13" s="21">
        <v>39</v>
      </c>
      <c r="C13" s="6">
        <v>51</v>
      </c>
      <c r="D13" s="5">
        <v>90</v>
      </c>
    </row>
    <row r="14" spans="1:4" ht="18" customHeight="1" x14ac:dyDescent="0.15">
      <c r="A14" s="8">
        <v>8</v>
      </c>
      <c r="B14" s="21">
        <v>50</v>
      </c>
      <c r="C14" s="6">
        <v>50</v>
      </c>
      <c r="D14" s="5">
        <v>100</v>
      </c>
    </row>
    <row r="15" spans="1:4" ht="18" customHeight="1" x14ac:dyDescent="0.15">
      <c r="A15" s="8">
        <v>9</v>
      </c>
      <c r="B15" s="21">
        <v>65</v>
      </c>
      <c r="C15" s="6">
        <v>55</v>
      </c>
      <c r="D15" s="5">
        <v>120</v>
      </c>
    </row>
    <row r="16" spans="1:4" ht="18" customHeight="1" x14ac:dyDescent="0.15">
      <c r="A16" s="8" t="s">
        <v>24</v>
      </c>
      <c r="B16" s="21">
        <v>244</v>
      </c>
      <c r="C16" s="6">
        <v>253</v>
      </c>
      <c r="D16" s="5">
        <v>497</v>
      </c>
    </row>
    <row r="17" spans="1:4" ht="18" customHeight="1" x14ac:dyDescent="0.15">
      <c r="A17" s="8">
        <v>10</v>
      </c>
      <c r="B17" s="21">
        <v>71</v>
      </c>
      <c r="C17" s="6">
        <v>59</v>
      </c>
      <c r="D17" s="5">
        <v>130</v>
      </c>
    </row>
    <row r="18" spans="1:4" ht="18" customHeight="1" x14ac:dyDescent="0.15">
      <c r="A18" s="8">
        <v>11</v>
      </c>
      <c r="B18" s="21">
        <v>62</v>
      </c>
      <c r="C18" s="6">
        <v>50</v>
      </c>
      <c r="D18" s="5">
        <v>112</v>
      </c>
    </row>
    <row r="19" spans="1:4" ht="18" customHeight="1" x14ac:dyDescent="0.15">
      <c r="A19" s="8">
        <v>12</v>
      </c>
      <c r="B19" s="21">
        <v>60</v>
      </c>
      <c r="C19" s="6">
        <v>56</v>
      </c>
      <c r="D19" s="5">
        <v>116</v>
      </c>
    </row>
    <row r="20" spans="1:4" ht="18" customHeight="1" x14ac:dyDescent="0.15">
      <c r="A20" s="8">
        <v>13</v>
      </c>
      <c r="B20" s="21">
        <v>58</v>
      </c>
      <c r="C20" s="6">
        <v>51</v>
      </c>
      <c r="D20" s="5">
        <v>109</v>
      </c>
    </row>
    <row r="21" spans="1:4" ht="18" customHeight="1" x14ac:dyDescent="0.15">
      <c r="A21" s="8">
        <v>14</v>
      </c>
      <c r="B21" s="21">
        <v>60</v>
      </c>
      <c r="C21" s="6">
        <v>64</v>
      </c>
      <c r="D21" s="5">
        <v>124</v>
      </c>
    </row>
    <row r="22" spans="1:4" ht="18" customHeight="1" x14ac:dyDescent="0.15">
      <c r="A22" s="8" t="s">
        <v>23</v>
      </c>
      <c r="B22" s="21">
        <v>311</v>
      </c>
      <c r="C22" s="6">
        <v>280</v>
      </c>
      <c r="D22" s="5">
        <v>591</v>
      </c>
    </row>
    <row r="23" spans="1:4" ht="18" customHeight="1" x14ac:dyDescent="0.15">
      <c r="A23" s="8" t="s">
        <v>22</v>
      </c>
      <c r="B23" s="21">
        <v>775</v>
      </c>
      <c r="C23" s="6">
        <v>794</v>
      </c>
      <c r="D23" s="5">
        <v>1569</v>
      </c>
    </row>
    <row r="24" spans="1:4" ht="18" customHeight="1" x14ac:dyDescent="0.15">
      <c r="A24" s="8">
        <v>15</v>
      </c>
      <c r="B24" s="21">
        <v>71</v>
      </c>
      <c r="C24" s="6">
        <v>68</v>
      </c>
      <c r="D24" s="5">
        <v>139</v>
      </c>
    </row>
    <row r="25" spans="1:4" ht="18" customHeight="1" x14ac:dyDescent="0.15">
      <c r="A25" s="8">
        <v>16</v>
      </c>
      <c r="B25" s="21">
        <v>50</v>
      </c>
      <c r="C25" s="6">
        <v>57</v>
      </c>
      <c r="D25" s="5">
        <v>107</v>
      </c>
    </row>
    <row r="26" spans="1:4" ht="18" customHeight="1" x14ac:dyDescent="0.15">
      <c r="A26" s="8">
        <v>17</v>
      </c>
      <c r="B26" s="21">
        <v>51</v>
      </c>
      <c r="C26" s="6">
        <v>55</v>
      </c>
      <c r="D26" s="5">
        <v>106</v>
      </c>
    </row>
    <row r="27" spans="1:4" ht="18" customHeight="1" x14ac:dyDescent="0.15">
      <c r="A27" s="8">
        <v>18</v>
      </c>
      <c r="B27" s="21">
        <v>70</v>
      </c>
      <c r="C27" s="6">
        <v>59</v>
      </c>
      <c r="D27" s="5">
        <v>129</v>
      </c>
    </row>
    <row r="28" spans="1:4" ht="18" customHeight="1" x14ac:dyDescent="0.15">
      <c r="A28" s="8">
        <v>19</v>
      </c>
      <c r="B28" s="21">
        <v>72</v>
      </c>
      <c r="C28" s="6">
        <v>50</v>
      </c>
      <c r="D28" s="5">
        <v>122</v>
      </c>
    </row>
    <row r="29" spans="1:4" ht="18" customHeight="1" x14ac:dyDescent="0.15">
      <c r="A29" s="8" t="s">
        <v>21</v>
      </c>
      <c r="B29" s="21">
        <v>314</v>
      </c>
      <c r="C29" s="6">
        <v>289</v>
      </c>
      <c r="D29" s="5">
        <v>603</v>
      </c>
    </row>
    <row r="30" spans="1:4" ht="18" customHeight="1" x14ac:dyDescent="0.15">
      <c r="A30" s="8">
        <v>20</v>
      </c>
      <c r="B30" s="21">
        <v>59</v>
      </c>
      <c r="C30" s="6">
        <v>70</v>
      </c>
      <c r="D30" s="5">
        <v>129</v>
      </c>
    </row>
    <row r="31" spans="1:4" ht="18" customHeight="1" x14ac:dyDescent="0.15">
      <c r="A31" s="8">
        <v>21</v>
      </c>
      <c r="B31" s="21">
        <v>54</v>
      </c>
      <c r="C31" s="6">
        <v>62</v>
      </c>
      <c r="D31" s="5">
        <v>116</v>
      </c>
    </row>
    <row r="32" spans="1:4" ht="18" customHeight="1" x14ac:dyDescent="0.15">
      <c r="A32" s="8">
        <v>22</v>
      </c>
      <c r="B32" s="21">
        <v>51</v>
      </c>
      <c r="C32" s="6">
        <v>71</v>
      </c>
      <c r="D32" s="5">
        <v>122</v>
      </c>
    </row>
    <row r="33" spans="1:4" ht="18" customHeight="1" x14ac:dyDescent="0.15">
      <c r="A33" s="8">
        <v>23</v>
      </c>
      <c r="B33" s="21">
        <v>74</v>
      </c>
      <c r="C33" s="6">
        <v>70</v>
      </c>
      <c r="D33" s="5">
        <v>144</v>
      </c>
    </row>
    <row r="34" spans="1:4" ht="18" customHeight="1" x14ac:dyDescent="0.15">
      <c r="A34" s="8">
        <v>24</v>
      </c>
      <c r="B34" s="21">
        <v>90</v>
      </c>
      <c r="C34" s="6">
        <v>78</v>
      </c>
      <c r="D34" s="5">
        <v>168</v>
      </c>
    </row>
    <row r="35" spans="1:4" ht="18" customHeight="1" x14ac:dyDescent="0.15">
      <c r="A35" s="8" t="s">
        <v>20</v>
      </c>
      <c r="B35" s="21">
        <v>328</v>
      </c>
      <c r="C35" s="6">
        <v>351</v>
      </c>
      <c r="D35" s="5">
        <v>679</v>
      </c>
    </row>
    <row r="36" spans="1:4" ht="18" customHeight="1" x14ac:dyDescent="0.15">
      <c r="A36" s="8">
        <v>25</v>
      </c>
      <c r="B36" s="21">
        <v>86</v>
      </c>
      <c r="C36" s="6">
        <v>87</v>
      </c>
      <c r="D36" s="5">
        <v>173</v>
      </c>
    </row>
    <row r="37" spans="1:4" ht="18" customHeight="1" x14ac:dyDescent="0.15">
      <c r="A37" s="8">
        <v>26</v>
      </c>
      <c r="B37" s="21">
        <v>89</v>
      </c>
      <c r="C37" s="6">
        <v>82</v>
      </c>
      <c r="D37" s="5">
        <v>171</v>
      </c>
    </row>
    <row r="38" spans="1:4" ht="18" customHeight="1" x14ac:dyDescent="0.15">
      <c r="A38" s="8">
        <v>27</v>
      </c>
      <c r="B38" s="21">
        <v>87</v>
      </c>
      <c r="C38" s="6">
        <v>84</v>
      </c>
      <c r="D38" s="5">
        <v>171</v>
      </c>
    </row>
    <row r="39" spans="1:4" ht="18" customHeight="1" x14ac:dyDescent="0.15">
      <c r="A39" s="8">
        <v>28</v>
      </c>
      <c r="B39" s="21">
        <v>96</v>
      </c>
      <c r="C39" s="6">
        <v>82</v>
      </c>
      <c r="D39" s="5">
        <v>178</v>
      </c>
    </row>
    <row r="40" spans="1:4" ht="18" customHeight="1" x14ac:dyDescent="0.15">
      <c r="A40" s="8">
        <v>29</v>
      </c>
      <c r="B40" s="21">
        <v>106</v>
      </c>
      <c r="C40" s="6">
        <v>91</v>
      </c>
      <c r="D40" s="5">
        <v>197</v>
      </c>
    </row>
    <row r="41" spans="1:4" ht="18" customHeight="1" x14ac:dyDescent="0.15">
      <c r="A41" s="8" t="s">
        <v>19</v>
      </c>
      <c r="B41" s="21">
        <v>464</v>
      </c>
      <c r="C41" s="6">
        <v>426</v>
      </c>
      <c r="D41" s="5">
        <v>890</v>
      </c>
    </row>
    <row r="42" spans="1:4" ht="18" customHeight="1" x14ac:dyDescent="0.15">
      <c r="A42" s="8">
        <v>30</v>
      </c>
      <c r="B42" s="21">
        <v>101</v>
      </c>
      <c r="C42" s="6">
        <v>74</v>
      </c>
      <c r="D42" s="5">
        <v>175</v>
      </c>
    </row>
    <row r="43" spans="1:4" ht="18" customHeight="1" x14ac:dyDescent="0.15">
      <c r="A43" s="8">
        <v>31</v>
      </c>
      <c r="B43" s="21">
        <v>99</v>
      </c>
      <c r="C43" s="6">
        <v>81</v>
      </c>
      <c r="D43" s="5">
        <v>180</v>
      </c>
    </row>
    <row r="44" spans="1:4" ht="18" customHeight="1" x14ac:dyDescent="0.15">
      <c r="A44" s="8">
        <v>32</v>
      </c>
      <c r="B44" s="21">
        <v>81</v>
      </c>
      <c r="C44" s="6">
        <v>70</v>
      </c>
      <c r="D44" s="5">
        <v>151</v>
      </c>
    </row>
    <row r="45" spans="1:4" ht="18" customHeight="1" x14ac:dyDescent="0.15">
      <c r="A45" s="8">
        <v>33</v>
      </c>
      <c r="B45" s="21">
        <v>75</v>
      </c>
      <c r="C45" s="6">
        <v>88</v>
      </c>
      <c r="D45" s="5">
        <v>163</v>
      </c>
    </row>
    <row r="46" spans="1:4" ht="18" customHeight="1" x14ac:dyDescent="0.15">
      <c r="A46" s="8">
        <v>34</v>
      </c>
      <c r="B46" s="21">
        <v>98</v>
      </c>
      <c r="C46" s="6">
        <v>84</v>
      </c>
      <c r="D46" s="5">
        <v>182</v>
      </c>
    </row>
    <row r="47" spans="1:4" ht="18" customHeight="1" x14ac:dyDescent="0.15">
      <c r="A47" s="8" t="s">
        <v>18</v>
      </c>
      <c r="B47" s="21">
        <v>454</v>
      </c>
      <c r="C47" s="6">
        <v>397</v>
      </c>
      <c r="D47" s="5">
        <v>851</v>
      </c>
    </row>
    <row r="48" spans="1:4" ht="18" customHeight="1" x14ac:dyDescent="0.15">
      <c r="A48" s="8">
        <v>35</v>
      </c>
      <c r="B48" s="21">
        <v>100</v>
      </c>
      <c r="C48" s="6">
        <v>77</v>
      </c>
      <c r="D48" s="5">
        <v>177</v>
      </c>
    </row>
    <row r="49" spans="1:4" ht="18" customHeight="1" x14ac:dyDescent="0.15">
      <c r="A49" s="8">
        <v>36</v>
      </c>
      <c r="B49" s="21">
        <v>78</v>
      </c>
      <c r="C49" s="6">
        <v>73</v>
      </c>
      <c r="D49" s="5">
        <v>151</v>
      </c>
    </row>
    <row r="50" spans="1:4" ht="18" customHeight="1" x14ac:dyDescent="0.15">
      <c r="A50" s="8">
        <v>37</v>
      </c>
      <c r="B50" s="21">
        <v>72</v>
      </c>
      <c r="C50" s="6">
        <v>78</v>
      </c>
      <c r="D50" s="5">
        <v>150</v>
      </c>
    </row>
    <row r="51" spans="1:4" ht="18" customHeight="1" x14ac:dyDescent="0.15">
      <c r="A51" s="8">
        <v>38</v>
      </c>
      <c r="B51" s="21">
        <v>61</v>
      </c>
      <c r="C51" s="6">
        <v>65</v>
      </c>
      <c r="D51" s="5">
        <v>126</v>
      </c>
    </row>
    <row r="52" spans="1:4" ht="18" customHeight="1" x14ac:dyDescent="0.15">
      <c r="A52" s="8">
        <v>39</v>
      </c>
      <c r="B52" s="21">
        <v>95</v>
      </c>
      <c r="C52" s="6">
        <v>60</v>
      </c>
      <c r="D52" s="5">
        <v>155</v>
      </c>
    </row>
    <row r="53" spans="1:4" ht="18" customHeight="1" x14ac:dyDescent="0.15">
      <c r="A53" s="8" t="s">
        <v>17</v>
      </c>
      <c r="B53" s="21">
        <v>406</v>
      </c>
      <c r="C53" s="6">
        <v>353</v>
      </c>
      <c r="D53" s="5">
        <v>759</v>
      </c>
    </row>
    <row r="54" spans="1:4" ht="18" customHeight="1" x14ac:dyDescent="0.15">
      <c r="A54" s="8">
        <v>40</v>
      </c>
      <c r="B54" s="21">
        <v>92</v>
      </c>
      <c r="C54" s="6">
        <v>87</v>
      </c>
      <c r="D54" s="5">
        <v>179</v>
      </c>
    </row>
    <row r="55" spans="1:4" ht="18" customHeight="1" x14ac:dyDescent="0.15">
      <c r="A55" s="8">
        <v>41</v>
      </c>
      <c r="B55" s="21">
        <v>98</v>
      </c>
      <c r="C55" s="6">
        <v>84</v>
      </c>
      <c r="D55" s="5">
        <v>182</v>
      </c>
    </row>
    <row r="56" spans="1:4" ht="18" customHeight="1" x14ac:dyDescent="0.15">
      <c r="A56" s="8">
        <v>42</v>
      </c>
      <c r="B56" s="21">
        <v>95</v>
      </c>
      <c r="C56" s="6">
        <v>63</v>
      </c>
      <c r="D56" s="5">
        <v>158</v>
      </c>
    </row>
    <row r="57" spans="1:4" ht="18" customHeight="1" x14ac:dyDescent="0.15">
      <c r="A57" s="8">
        <v>43</v>
      </c>
      <c r="B57" s="21">
        <v>92</v>
      </c>
      <c r="C57" s="6">
        <v>71</v>
      </c>
      <c r="D57" s="5">
        <v>163</v>
      </c>
    </row>
    <row r="58" spans="1:4" ht="18" customHeight="1" x14ac:dyDescent="0.15">
      <c r="A58" s="8">
        <v>44</v>
      </c>
      <c r="B58" s="21">
        <v>85</v>
      </c>
      <c r="C58" s="6">
        <v>88</v>
      </c>
      <c r="D58" s="5">
        <v>173</v>
      </c>
    </row>
    <row r="59" spans="1:4" ht="18" customHeight="1" x14ac:dyDescent="0.15">
      <c r="A59" s="8" t="s">
        <v>16</v>
      </c>
      <c r="B59" s="21">
        <v>462</v>
      </c>
      <c r="C59" s="6">
        <v>393</v>
      </c>
      <c r="D59" s="5">
        <v>855</v>
      </c>
    </row>
    <row r="60" spans="1:4" ht="18" customHeight="1" x14ac:dyDescent="0.15">
      <c r="A60" s="8">
        <v>45</v>
      </c>
      <c r="B60" s="21">
        <v>105</v>
      </c>
      <c r="C60" s="6">
        <v>92</v>
      </c>
      <c r="D60" s="5">
        <v>197</v>
      </c>
    </row>
    <row r="61" spans="1:4" ht="18" customHeight="1" x14ac:dyDescent="0.15">
      <c r="A61" s="8">
        <v>46</v>
      </c>
      <c r="B61" s="21">
        <v>97</v>
      </c>
      <c r="C61" s="6">
        <v>78</v>
      </c>
      <c r="D61" s="5">
        <v>175</v>
      </c>
    </row>
    <row r="62" spans="1:4" ht="18" customHeight="1" x14ac:dyDescent="0.15">
      <c r="A62" s="8">
        <v>47</v>
      </c>
      <c r="B62" s="21">
        <v>106</v>
      </c>
      <c r="C62" s="6">
        <v>114</v>
      </c>
      <c r="D62" s="5">
        <v>220</v>
      </c>
    </row>
    <row r="63" spans="1:4" ht="18" customHeight="1" x14ac:dyDescent="0.15">
      <c r="A63" s="8">
        <v>48</v>
      </c>
      <c r="B63" s="21">
        <v>110</v>
      </c>
      <c r="C63" s="6">
        <v>96</v>
      </c>
      <c r="D63" s="5">
        <v>206</v>
      </c>
    </row>
    <row r="64" spans="1:4" ht="18" customHeight="1" x14ac:dyDescent="0.15">
      <c r="A64" s="8">
        <v>49</v>
      </c>
      <c r="B64" s="21">
        <v>101</v>
      </c>
      <c r="C64" s="6">
        <v>101</v>
      </c>
      <c r="D64" s="5">
        <v>202</v>
      </c>
    </row>
    <row r="65" spans="1:4" ht="18" customHeight="1" x14ac:dyDescent="0.15">
      <c r="A65" s="8" t="s">
        <v>15</v>
      </c>
      <c r="B65" s="21">
        <v>519</v>
      </c>
      <c r="C65" s="6">
        <v>481</v>
      </c>
      <c r="D65" s="5">
        <v>1000</v>
      </c>
    </row>
    <row r="66" spans="1:4" ht="18" customHeight="1" x14ac:dyDescent="0.15">
      <c r="A66" s="8">
        <v>50</v>
      </c>
      <c r="B66" s="21">
        <v>134</v>
      </c>
      <c r="C66" s="6">
        <v>113</v>
      </c>
      <c r="D66" s="5">
        <v>247</v>
      </c>
    </row>
    <row r="67" spans="1:4" ht="18" customHeight="1" x14ac:dyDescent="0.15">
      <c r="A67" s="8">
        <v>51</v>
      </c>
      <c r="B67" s="21">
        <v>112</v>
      </c>
      <c r="C67" s="6">
        <v>122</v>
      </c>
      <c r="D67" s="5">
        <v>234</v>
      </c>
    </row>
    <row r="68" spans="1:4" ht="18" customHeight="1" x14ac:dyDescent="0.15">
      <c r="A68" s="8">
        <v>52</v>
      </c>
      <c r="B68" s="21">
        <v>126</v>
      </c>
      <c r="C68" s="6">
        <v>105</v>
      </c>
      <c r="D68" s="5">
        <v>231</v>
      </c>
    </row>
    <row r="69" spans="1:4" ht="18" customHeight="1" x14ac:dyDescent="0.15">
      <c r="A69" s="8">
        <v>53</v>
      </c>
      <c r="B69" s="21">
        <v>104</v>
      </c>
      <c r="C69" s="6">
        <v>120</v>
      </c>
      <c r="D69" s="5">
        <v>224</v>
      </c>
    </row>
    <row r="70" spans="1:4" ht="18" customHeight="1" x14ac:dyDescent="0.15">
      <c r="A70" s="8">
        <v>54</v>
      </c>
      <c r="B70" s="21">
        <v>114</v>
      </c>
      <c r="C70" s="6">
        <v>92</v>
      </c>
      <c r="D70" s="5">
        <v>206</v>
      </c>
    </row>
    <row r="71" spans="1:4" ht="18" customHeight="1" x14ac:dyDescent="0.15">
      <c r="A71" s="8" t="s">
        <v>14</v>
      </c>
      <c r="B71" s="21">
        <v>590</v>
      </c>
      <c r="C71" s="6">
        <v>552</v>
      </c>
      <c r="D71" s="5">
        <v>1142</v>
      </c>
    </row>
    <row r="72" spans="1:4" ht="18" customHeight="1" x14ac:dyDescent="0.15">
      <c r="A72" s="8">
        <v>55</v>
      </c>
      <c r="B72" s="21">
        <v>105</v>
      </c>
      <c r="C72" s="6">
        <v>93</v>
      </c>
      <c r="D72" s="5">
        <v>198</v>
      </c>
    </row>
    <row r="73" spans="1:4" ht="18" customHeight="1" x14ac:dyDescent="0.15">
      <c r="A73" s="8">
        <v>56</v>
      </c>
      <c r="B73" s="21">
        <v>88</v>
      </c>
      <c r="C73" s="6">
        <v>94</v>
      </c>
      <c r="D73" s="5">
        <v>182</v>
      </c>
    </row>
    <row r="74" spans="1:4" ht="18" customHeight="1" x14ac:dyDescent="0.15">
      <c r="A74" s="8">
        <v>57</v>
      </c>
      <c r="B74" s="21">
        <v>92</v>
      </c>
      <c r="C74" s="6">
        <v>88</v>
      </c>
      <c r="D74" s="5">
        <v>180</v>
      </c>
    </row>
    <row r="75" spans="1:4" ht="18" customHeight="1" x14ac:dyDescent="0.15">
      <c r="A75" s="8">
        <v>58</v>
      </c>
      <c r="B75" s="21">
        <v>86</v>
      </c>
      <c r="C75" s="6">
        <v>91</v>
      </c>
      <c r="D75" s="5">
        <v>177</v>
      </c>
    </row>
    <row r="76" spans="1:4" ht="18" customHeight="1" x14ac:dyDescent="0.15">
      <c r="A76" s="8">
        <v>59</v>
      </c>
      <c r="B76" s="21">
        <v>61</v>
      </c>
      <c r="C76" s="6">
        <v>74</v>
      </c>
      <c r="D76" s="5">
        <v>135</v>
      </c>
    </row>
    <row r="77" spans="1:4" ht="18" customHeight="1" x14ac:dyDescent="0.15">
      <c r="A77" s="8" t="s">
        <v>13</v>
      </c>
      <c r="B77" s="21">
        <v>432</v>
      </c>
      <c r="C77" s="6">
        <v>440</v>
      </c>
      <c r="D77" s="5">
        <v>872</v>
      </c>
    </row>
    <row r="78" spans="1:4" ht="18" customHeight="1" x14ac:dyDescent="0.15">
      <c r="A78" s="8">
        <v>60</v>
      </c>
      <c r="B78" s="21">
        <v>81</v>
      </c>
      <c r="C78" s="6">
        <v>85</v>
      </c>
      <c r="D78" s="5">
        <v>166</v>
      </c>
    </row>
    <row r="79" spans="1:4" ht="18" customHeight="1" x14ac:dyDescent="0.15">
      <c r="A79" s="8">
        <v>61</v>
      </c>
      <c r="B79" s="21">
        <v>83</v>
      </c>
      <c r="C79" s="6">
        <v>101</v>
      </c>
      <c r="D79" s="5">
        <v>184</v>
      </c>
    </row>
    <row r="80" spans="1:4" ht="18" customHeight="1" x14ac:dyDescent="0.15">
      <c r="A80" s="8">
        <v>62</v>
      </c>
      <c r="B80" s="21">
        <v>76</v>
      </c>
      <c r="C80" s="6">
        <v>88</v>
      </c>
      <c r="D80" s="5">
        <v>164</v>
      </c>
    </row>
    <row r="81" spans="1:4" ht="18" customHeight="1" x14ac:dyDescent="0.15">
      <c r="A81" s="8">
        <v>63</v>
      </c>
      <c r="B81" s="21">
        <v>69</v>
      </c>
      <c r="C81" s="6">
        <v>66</v>
      </c>
      <c r="D81" s="5">
        <v>135</v>
      </c>
    </row>
    <row r="82" spans="1:4" ht="18" customHeight="1" x14ac:dyDescent="0.15">
      <c r="A82" s="8">
        <v>64</v>
      </c>
      <c r="B82" s="21">
        <v>61</v>
      </c>
      <c r="C82" s="6">
        <v>52</v>
      </c>
      <c r="D82" s="5">
        <v>113</v>
      </c>
    </row>
    <row r="83" spans="1:4" ht="18" customHeight="1" x14ac:dyDescent="0.15">
      <c r="A83" s="8" t="s">
        <v>12</v>
      </c>
      <c r="B83" s="21">
        <v>370</v>
      </c>
      <c r="C83" s="6">
        <v>392</v>
      </c>
      <c r="D83" s="5">
        <v>762</v>
      </c>
    </row>
    <row r="84" spans="1:4" ht="18" customHeight="1" x14ac:dyDescent="0.15">
      <c r="A84" s="8" t="s">
        <v>11</v>
      </c>
      <c r="B84" s="21">
        <v>4339</v>
      </c>
      <c r="C84" s="6">
        <v>4074</v>
      </c>
      <c r="D84" s="5">
        <v>8413</v>
      </c>
    </row>
    <row r="85" spans="1:4" ht="18" customHeight="1" x14ac:dyDescent="0.15">
      <c r="A85" s="8">
        <v>65</v>
      </c>
      <c r="B85" s="21">
        <v>74</v>
      </c>
      <c r="C85" s="6">
        <v>78</v>
      </c>
      <c r="D85" s="5">
        <v>152</v>
      </c>
    </row>
    <row r="86" spans="1:4" ht="18" customHeight="1" x14ac:dyDescent="0.15">
      <c r="A86" s="8">
        <v>66</v>
      </c>
      <c r="B86" s="21">
        <v>62</v>
      </c>
      <c r="C86" s="6">
        <v>82</v>
      </c>
      <c r="D86" s="5">
        <v>144</v>
      </c>
    </row>
    <row r="87" spans="1:4" ht="18" customHeight="1" x14ac:dyDescent="0.15">
      <c r="A87" s="8">
        <v>67</v>
      </c>
      <c r="B87" s="21">
        <v>59</v>
      </c>
      <c r="C87" s="6">
        <v>65</v>
      </c>
      <c r="D87" s="5">
        <v>124</v>
      </c>
    </row>
    <row r="88" spans="1:4" ht="18" customHeight="1" x14ac:dyDescent="0.15">
      <c r="A88" s="8">
        <v>68</v>
      </c>
      <c r="B88" s="21">
        <v>65</v>
      </c>
      <c r="C88" s="6">
        <v>66</v>
      </c>
      <c r="D88" s="5">
        <v>131</v>
      </c>
    </row>
    <row r="89" spans="1:4" ht="18" customHeight="1" x14ac:dyDescent="0.15">
      <c r="A89" s="8">
        <v>69</v>
      </c>
      <c r="B89" s="21">
        <v>55</v>
      </c>
      <c r="C89" s="6">
        <v>73</v>
      </c>
      <c r="D89" s="5">
        <v>128</v>
      </c>
    </row>
    <row r="90" spans="1:4" ht="18" customHeight="1" x14ac:dyDescent="0.15">
      <c r="A90" s="8" t="s">
        <v>10</v>
      </c>
      <c r="B90" s="21">
        <v>315</v>
      </c>
      <c r="C90" s="6">
        <v>364</v>
      </c>
      <c r="D90" s="5">
        <v>679</v>
      </c>
    </row>
    <row r="91" spans="1:4" ht="18" customHeight="1" x14ac:dyDescent="0.15">
      <c r="A91" s="8">
        <v>70</v>
      </c>
      <c r="B91" s="21">
        <v>71</v>
      </c>
      <c r="C91" s="6">
        <v>81</v>
      </c>
      <c r="D91" s="5">
        <v>152</v>
      </c>
    </row>
    <row r="92" spans="1:4" ht="18" customHeight="1" x14ac:dyDescent="0.15">
      <c r="A92" s="8">
        <v>71</v>
      </c>
      <c r="B92" s="21">
        <v>61</v>
      </c>
      <c r="C92" s="6">
        <v>89</v>
      </c>
      <c r="D92" s="5">
        <v>150</v>
      </c>
    </row>
    <row r="93" spans="1:4" ht="18" customHeight="1" x14ac:dyDescent="0.15">
      <c r="A93" s="8">
        <v>72</v>
      </c>
      <c r="B93" s="21">
        <v>68</v>
      </c>
      <c r="C93" s="6">
        <v>87</v>
      </c>
      <c r="D93" s="5">
        <v>155</v>
      </c>
    </row>
    <row r="94" spans="1:4" ht="18" customHeight="1" x14ac:dyDescent="0.15">
      <c r="A94" s="8">
        <v>73</v>
      </c>
      <c r="B94" s="21">
        <v>69</v>
      </c>
      <c r="C94" s="6">
        <v>67</v>
      </c>
      <c r="D94" s="5">
        <v>136</v>
      </c>
    </row>
    <row r="95" spans="1:4" ht="18" customHeight="1" x14ac:dyDescent="0.15">
      <c r="A95" s="8">
        <v>74</v>
      </c>
      <c r="B95" s="21">
        <v>83</v>
      </c>
      <c r="C95" s="6">
        <v>78</v>
      </c>
      <c r="D95" s="5">
        <v>161</v>
      </c>
    </row>
    <row r="96" spans="1:4" ht="18" customHeight="1" x14ac:dyDescent="0.15">
      <c r="A96" s="8" t="s">
        <v>9</v>
      </c>
      <c r="B96" s="21">
        <v>352</v>
      </c>
      <c r="C96" s="6">
        <v>402</v>
      </c>
      <c r="D96" s="5">
        <v>754</v>
      </c>
    </row>
    <row r="97" spans="1:4" ht="18" customHeight="1" x14ac:dyDescent="0.15">
      <c r="A97" s="8">
        <v>75</v>
      </c>
      <c r="B97" s="21">
        <v>75</v>
      </c>
      <c r="C97" s="6">
        <v>92</v>
      </c>
      <c r="D97" s="5">
        <v>167</v>
      </c>
    </row>
    <row r="98" spans="1:4" ht="18" customHeight="1" x14ac:dyDescent="0.15">
      <c r="A98" s="8">
        <v>76</v>
      </c>
      <c r="B98" s="21">
        <v>82</v>
      </c>
      <c r="C98" s="6">
        <v>86</v>
      </c>
      <c r="D98" s="5">
        <v>168</v>
      </c>
    </row>
    <row r="99" spans="1:4" ht="18" customHeight="1" x14ac:dyDescent="0.15">
      <c r="A99" s="8">
        <v>77</v>
      </c>
      <c r="B99" s="21">
        <v>82</v>
      </c>
      <c r="C99" s="6">
        <v>88</v>
      </c>
      <c r="D99" s="5">
        <v>170</v>
      </c>
    </row>
    <row r="100" spans="1:4" ht="18" customHeight="1" x14ac:dyDescent="0.15">
      <c r="A100" s="8">
        <v>78</v>
      </c>
      <c r="B100" s="21">
        <v>86</v>
      </c>
      <c r="C100" s="6">
        <v>108</v>
      </c>
      <c r="D100" s="5">
        <v>194</v>
      </c>
    </row>
    <row r="101" spans="1:4" ht="18" customHeight="1" x14ac:dyDescent="0.15">
      <c r="A101" s="8">
        <v>79</v>
      </c>
      <c r="B101" s="21">
        <v>44</v>
      </c>
      <c r="C101" s="6">
        <v>55</v>
      </c>
      <c r="D101" s="5">
        <v>99</v>
      </c>
    </row>
    <row r="102" spans="1:4" ht="18" customHeight="1" x14ac:dyDescent="0.15">
      <c r="A102" s="8" t="s">
        <v>8</v>
      </c>
      <c r="B102" s="21">
        <v>369</v>
      </c>
      <c r="C102" s="6">
        <v>429</v>
      </c>
      <c r="D102" s="5">
        <v>798</v>
      </c>
    </row>
    <row r="103" spans="1:4" ht="18" customHeight="1" x14ac:dyDescent="0.15">
      <c r="A103" s="8">
        <v>80</v>
      </c>
      <c r="B103" s="21">
        <v>55</v>
      </c>
      <c r="C103" s="6">
        <v>67</v>
      </c>
      <c r="D103" s="5">
        <v>122</v>
      </c>
    </row>
    <row r="104" spans="1:4" ht="18" customHeight="1" x14ac:dyDescent="0.15">
      <c r="A104" s="8">
        <v>81</v>
      </c>
      <c r="B104" s="21">
        <v>49</v>
      </c>
      <c r="C104" s="6">
        <v>83</v>
      </c>
      <c r="D104" s="5">
        <v>132</v>
      </c>
    </row>
    <row r="105" spans="1:4" ht="18" customHeight="1" x14ac:dyDescent="0.15">
      <c r="A105" s="8">
        <v>82</v>
      </c>
      <c r="B105" s="21">
        <v>44</v>
      </c>
      <c r="C105" s="6">
        <v>81</v>
      </c>
      <c r="D105" s="5">
        <v>125</v>
      </c>
    </row>
    <row r="106" spans="1:4" ht="18" customHeight="1" x14ac:dyDescent="0.15">
      <c r="A106" s="8">
        <v>83</v>
      </c>
      <c r="B106" s="21">
        <v>48</v>
      </c>
      <c r="C106" s="6">
        <v>82</v>
      </c>
      <c r="D106" s="5">
        <v>130</v>
      </c>
    </row>
    <row r="107" spans="1:4" ht="18" customHeight="1" x14ac:dyDescent="0.15">
      <c r="A107" s="8">
        <v>84</v>
      </c>
      <c r="B107" s="21">
        <v>32</v>
      </c>
      <c r="C107" s="6">
        <v>68</v>
      </c>
      <c r="D107" s="5">
        <v>100</v>
      </c>
    </row>
    <row r="108" spans="1:4" ht="18" customHeight="1" x14ac:dyDescent="0.15">
      <c r="A108" s="8" t="s">
        <v>7</v>
      </c>
      <c r="B108" s="21">
        <v>228</v>
      </c>
      <c r="C108" s="6">
        <v>381</v>
      </c>
      <c r="D108" s="5">
        <v>609</v>
      </c>
    </row>
    <row r="109" spans="1:4" ht="18" customHeight="1" x14ac:dyDescent="0.15">
      <c r="A109" s="8">
        <v>85</v>
      </c>
      <c r="B109" s="21">
        <v>49</v>
      </c>
      <c r="C109" s="6">
        <v>72</v>
      </c>
      <c r="D109" s="5">
        <v>121</v>
      </c>
    </row>
    <row r="110" spans="1:4" ht="18" customHeight="1" x14ac:dyDescent="0.15">
      <c r="A110" s="8">
        <v>86</v>
      </c>
      <c r="B110" s="21">
        <v>37</v>
      </c>
      <c r="C110" s="6">
        <v>45</v>
      </c>
      <c r="D110" s="5">
        <v>82</v>
      </c>
    </row>
    <row r="111" spans="1:4" ht="18" customHeight="1" x14ac:dyDescent="0.15">
      <c r="A111" s="8">
        <v>87</v>
      </c>
      <c r="B111" s="21">
        <v>21</v>
      </c>
      <c r="C111" s="6">
        <v>50</v>
      </c>
      <c r="D111" s="5">
        <v>71</v>
      </c>
    </row>
    <row r="112" spans="1:4" ht="18" customHeight="1" x14ac:dyDescent="0.15">
      <c r="A112" s="8">
        <v>88</v>
      </c>
      <c r="B112" s="21">
        <v>23</v>
      </c>
      <c r="C112" s="6">
        <v>60</v>
      </c>
      <c r="D112" s="5">
        <v>83</v>
      </c>
    </row>
    <row r="113" spans="1:4" ht="18" customHeight="1" x14ac:dyDescent="0.15">
      <c r="A113" s="8">
        <v>89</v>
      </c>
      <c r="B113" s="21">
        <v>34</v>
      </c>
      <c r="C113" s="6">
        <v>45</v>
      </c>
      <c r="D113" s="5">
        <v>79</v>
      </c>
    </row>
    <row r="114" spans="1:4" ht="18" customHeight="1" x14ac:dyDescent="0.15">
      <c r="A114" s="8" t="s">
        <v>6</v>
      </c>
      <c r="B114" s="21">
        <v>164</v>
      </c>
      <c r="C114" s="6">
        <v>272</v>
      </c>
      <c r="D114" s="5">
        <v>436</v>
      </c>
    </row>
    <row r="115" spans="1:4" ht="18" customHeight="1" x14ac:dyDescent="0.15">
      <c r="A115" s="8">
        <v>90</v>
      </c>
      <c r="B115" s="21">
        <v>20</v>
      </c>
      <c r="C115" s="6">
        <v>29</v>
      </c>
      <c r="D115" s="5">
        <v>49</v>
      </c>
    </row>
    <row r="116" spans="1:4" ht="18" customHeight="1" x14ac:dyDescent="0.15">
      <c r="A116" s="8">
        <v>91</v>
      </c>
      <c r="B116" s="21">
        <v>10</v>
      </c>
      <c r="C116" s="6">
        <v>24</v>
      </c>
      <c r="D116" s="5">
        <v>34</v>
      </c>
    </row>
    <row r="117" spans="1:4" ht="18" customHeight="1" x14ac:dyDescent="0.15">
      <c r="A117" s="8">
        <v>92</v>
      </c>
      <c r="B117" s="21">
        <v>9</v>
      </c>
      <c r="C117" s="6">
        <v>37</v>
      </c>
      <c r="D117" s="5">
        <v>46</v>
      </c>
    </row>
    <row r="118" spans="1:4" ht="18" customHeight="1" x14ac:dyDescent="0.15">
      <c r="A118" s="8">
        <v>93</v>
      </c>
      <c r="B118" s="21">
        <v>9</v>
      </c>
      <c r="C118" s="6">
        <v>26</v>
      </c>
      <c r="D118" s="5">
        <v>35</v>
      </c>
    </row>
    <row r="119" spans="1:4" ht="18" customHeight="1" x14ac:dyDescent="0.15">
      <c r="A119" s="8">
        <v>94</v>
      </c>
      <c r="B119" s="21">
        <v>7</v>
      </c>
      <c r="C119" s="6">
        <v>16</v>
      </c>
      <c r="D119" s="5">
        <v>23</v>
      </c>
    </row>
    <row r="120" spans="1:4" ht="18" customHeight="1" x14ac:dyDescent="0.15">
      <c r="A120" s="8" t="s">
        <v>5</v>
      </c>
      <c r="B120" s="21">
        <v>55</v>
      </c>
      <c r="C120" s="6">
        <v>132</v>
      </c>
      <c r="D120" s="5">
        <v>187</v>
      </c>
    </row>
    <row r="121" spans="1:4" ht="18" customHeight="1" x14ac:dyDescent="0.15">
      <c r="A121" s="8">
        <v>95</v>
      </c>
      <c r="B121" s="21">
        <v>5</v>
      </c>
      <c r="C121" s="6">
        <v>13</v>
      </c>
      <c r="D121" s="5">
        <v>18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1</v>
      </c>
      <c r="C123" s="6">
        <v>9</v>
      </c>
      <c r="D123" s="5">
        <v>10</v>
      </c>
    </row>
    <row r="124" spans="1:4" ht="18" customHeight="1" x14ac:dyDescent="0.15">
      <c r="A124" s="8">
        <v>98</v>
      </c>
      <c r="B124" s="21">
        <v>2</v>
      </c>
      <c r="C124" s="6">
        <v>8</v>
      </c>
      <c r="D124" s="5">
        <v>10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10</v>
      </c>
      <c r="C126" s="6">
        <v>43</v>
      </c>
      <c r="D126" s="5">
        <v>53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1</v>
      </c>
      <c r="C128" s="6">
        <v>5</v>
      </c>
      <c r="D128" s="5">
        <v>6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1494</v>
      </c>
      <c r="C130" s="6">
        <v>2030</v>
      </c>
      <c r="D130" s="5">
        <v>3524</v>
      </c>
    </row>
    <row r="131" spans="1:4" ht="18" customHeight="1" x14ac:dyDescent="0.15">
      <c r="A131" s="4" t="s">
        <v>0</v>
      </c>
      <c r="B131" s="20">
        <v>6608</v>
      </c>
      <c r="C131" s="2">
        <v>6898</v>
      </c>
      <c r="D131" s="1">
        <v>1350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AF39CE-71A7-4979-93B6-9C81861725AE}">
  <sheetPr codeName="Sheet4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2</v>
      </c>
      <c r="C5" s="11">
        <v>35</v>
      </c>
      <c r="D5" s="10">
        <v>67</v>
      </c>
    </row>
    <row r="6" spans="1:4" ht="18" customHeight="1" x14ac:dyDescent="0.15">
      <c r="A6" s="8">
        <v>1</v>
      </c>
      <c r="B6" s="21">
        <v>32</v>
      </c>
      <c r="C6" s="6">
        <v>35</v>
      </c>
      <c r="D6" s="5">
        <v>67</v>
      </c>
    </row>
    <row r="7" spans="1:4" ht="18" customHeight="1" x14ac:dyDescent="0.15">
      <c r="A7" s="8">
        <v>2</v>
      </c>
      <c r="B7" s="21">
        <v>27</v>
      </c>
      <c r="C7" s="6">
        <v>26</v>
      </c>
      <c r="D7" s="5">
        <v>53</v>
      </c>
    </row>
    <row r="8" spans="1:4" ht="18" customHeight="1" x14ac:dyDescent="0.15">
      <c r="A8" s="8">
        <v>3</v>
      </c>
      <c r="B8" s="21">
        <v>24</v>
      </c>
      <c r="C8" s="6">
        <v>31</v>
      </c>
      <c r="D8" s="5">
        <v>55</v>
      </c>
    </row>
    <row r="9" spans="1:4" ht="18" customHeight="1" x14ac:dyDescent="0.15">
      <c r="A9" s="8">
        <v>4</v>
      </c>
      <c r="B9" s="21">
        <v>34</v>
      </c>
      <c r="C9" s="6">
        <v>28</v>
      </c>
      <c r="D9" s="5">
        <v>62</v>
      </c>
    </row>
    <row r="10" spans="1:4" ht="18" customHeight="1" x14ac:dyDescent="0.15">
      <c r="A10" s="8" t="s">
        <v>25</v>
      </c>
      <c r="B10" s="21">
        <v>149</v>
      </c>
      <c r="C10" s="6">
        <v>155</v>
      </c>
      <c r="D10" s="5">
        <v>304</v>
      </c>
    </row>
    <row r="11" spans="1:4" ht="18" customHeight="1" x14ac:dyDescent="0.15">
      <c r="A11" s="8">
        <v>5</v>
      </c>
      <c r="B11" s="21">
        <v>24</v>
      </c>
      <c r="C11" s="6">
        <v>29</v>
      </c>
      <c r="D11" s="5">
        <v>53</v>
      </c>
    </row>
    <row r="12" spans="1:4" ht="18" customHeight="1" x14ac:dyDescent="0.15">
      <c r="A12" s="8">
        <v>6</v>
      </c>
      <c r="B12" s="21">
        <v>26</v>
      </c>
      <c r="C12" s="6">
        <v>31</v>
      </c>
      <c r="D12" s="5">
        <v>57</v>
      </c>
    </row>
    <row r="13" spans="1:4" ht="18" customHeight="1" x14ac:dyDescent="0.15">
      <c r="A13" s="8">
        <v>7</v>
      </c>
      <c r="B13" s="21">
        <v>25</v>
      </c>
      <c r="C13" s="6">
        <v>32</v>
      </c>
      <c r="D13" s="5">
        <v>57</v>
      </c>
    </row>
    <row r="14" spans="1:4" ht="18" customHeight="1" x14ac:dyDescent="0.15">
      <c r="A14" s="8">
        <v>8</v>
      </c>
      <c r="B14" s="21">
        <v>34</v>
      </c>
      <c r="C14" s="6">
        <v>28</v>
      </c>
      <c r="D14" s="5">
        <v>62</v>
      </c>
    </row>
    <row r="15" spans="1:4" ht="18" customHeight="1" x14ac:dyDescent="0.15">
      <c r="A15" s="8">
        <v>9</v>
      </c>
      <c r="B15" s="21">
        <v>36</v>
      </c>
      <c r="C15" s="6">
        <v>25</v>
      </c>
      <c r="D15" s="5">
        <v>61</v>
      </c>
    </row>
    <row r="16" spans="1:4" ht="18" customHeight="1" x14ac:dyDescent="0.15">
      <c r="A16" s="8" t="s">
        <v>24</v>
      </c>
      <c r="B16" s="21">
        <v>145</v>
      </c>
      <c r="C16" s="6">
        <v>145</v>
      </c>
      <c r="D16" s="5">
        <v>290</v>
      </c>
    </row>
    <row r="17" spans="1:4" ht="18" customHeight="1" x14ac:dyDescent="0.15">
      <c r="A17" s="8">
        <v>10</v>
      </c>
      <c r="B17" s="21">
        <v>35</v>
      </c>
      <c r="C17" s="6">
        <v>33</v>
      </c>
      <c r="D17" s="5">
        <v>68</v>
      </c>
    </row>
    <row r="18" spans="1:4" ht="18" customHeight="1" x14ac:dyDescent="0.15">
      <c r="A18" s="8">
        <v>11</v>
      </c>
      <c r="B18" s="21">
        <v>23</v>
      </c>
      <c r="C18" s="6">
        <v>30</v>
      </c>
      <c r="D18" s="5">
        <v>53</v>
      </c>
    </row>
    <row r="19" spans="1:4" ht="18" customHeight="1" x14ac:dyDescent="0.15">
      <c r="A19" s="8">
        <v>12</v>
      </c>
      <c r="B19" s="21">
        <v>26</v>
      </c>
      <c r="C19" s="6">
        <v>32</v>
      </c>
      <c r="D19" s="5">
        <v>58</v>
      </c>
    </row>
    <row r="20" spans="1:4" ht="18" customHeight="1" x14ac:dyDescent="0.15">
      <c r="A20" s="8">
        <v>13</v>
      </c>
      <c r="B20" s="21">
        <v>25</v>
      </c>
      <c r="C20" s="6">
        <v>24</v>
      </c>
      <c r="D20" s="5">
        <v>49</v>
      </c>
    </row>
    <row r="21" spans="1:4" ht="18" customHeight="1" x14ac:dyDescent="0.15">
      <c r="A21" s="8">
        <v>14</v>
      </c>
      <c r="B21" s="21">
        <v>28</v>
      </c>
      <c r="C21" s="6">
        <v>27</v>
      </c>
      <c r="D21" s="5">
        <v>55</v>
      </c>
    </row>
    <row r="22" spans="1:4" ht="18" customHeight="1" x14ac:dyDescent="0.15">
      <c r="A22" s="8" t="s">
        <v>23</v>
      </c>
      <c r="B22" s="21">
        <v>137</v>
      </c>
      <c r="C22" s="6">
        <v>146</v>
      </c>
      <c r="D22" s="5">
        <v>283</v>
      </c>
    </row>
    <row r="23" spans="1:4" ht="18" customHeight="1" x14ac:dyDescent="0.15">
      <c r="A23" s="8" t="s">
        <v>22</v>
      </c>
      <c r="B23" s="21">
        <v>431</v>
      </c>
      <c r="C23" s="6">
        <v>446</v>
      </c>
      <c r="D23" s="5">
        <v>877</v>
      </c>
    </row>
    <row r="24" spans="1:4" ht="18" customHeight="1" x14ac:dyDescent="0.15">
      <c r="A24" s="8">
        <v>15</v>
      </c>
      <c r="B24" s="21">
        <v>16</v>
      </c>
      <c r="C24" s="6">
        <v>13</v>
      </c>
      <c r="D24" s="5">
        <v>29</v>
      </c>
    </row>
    <row r="25" spans="1:4" ht="18" customHeight="1" x14ac:dyDescent="0.15">
      <c r="A25" s="8">
        <v>16</v>
      </c>
      <c r="B25" s="21">
        <v>16</v>
      </c>
      <c r="C25" s="6">
        <v>19</v>
      </c>
      <c r="D25" s="5">
        <v>35</v>
      </c>
    </row>
    <row r="26" spans="1:4" ht="18" customHeight="1" x14ac:dyDescent="0.15">
      <c r="A26" s="8">
        <v>17</v>
      </c>
      <c r="B26" s="21">
        <v>26</v>
      </c>
      <c r="C26" s="6">
        <v>15</v>
      </c>
      <c r="D26" s="5">
        <v>41</v>
      </c>
    </row>
    <row r="27" spans="1:4" ht="18" customHeight="1" x14ac:dyDescent="0.15">
      <c r="A27" s="8">
        <v>18</v>
      </c>
      <c r="B27" s="21">
        <v>29</v>
      </c>
      <c r="C27" s="6">
        <v>16</v>
      </c>
      <c r="D27" s="5">
        <v>45</v>
      </c>
    </row>
    <row r="28" spans="1:4" ht="18" customHeight="1" x14ac:dyDescent="0.15">
      <c r="A28" s="8">
        <v>19</v>
      </c>
      <c r="B28" s="21">
        <v>17</v>
      </c>
      <c r="C28" s="6">
        <v>31</v>
      </c>
      <c r="D28" s="5">
        <v>48</v>
      </c>
    </row>
    <row r="29" spans="1:4" ht="18" customHeight="1" x14ac:dyDescent="0.15">
      <c r="A29" s="8" t="s">
        <v>21</v>
      </c>
      <c r="B29" s="21">
        <v>104</v>
      </c>
      <c r="C29" s="6">
        <v>94</v>
      </c>
      <c r="D29" s="5">
        <v>198</v>
      </c>
    </row>
    <row r="30" spans="1:4" ht="18" customHeight="1" x14ac:dyDescent="0.15">
      <c r="A30" s="8">
        <v>20</v>
      </c>
      <c r="B30" s="21">
        <v>15</v>
      </c>
      <c r="C30" s="6">
        <v>26</v>
      </c>
      <c r="D30" s="5">
        <v>41</v>
      </c>
    </row>
    <row r="31" spans="1:4" ht="18" customHeight="1" x14ac:dyDescent="0.15">
      <c r="A31" s="8">
        <v>21</v>
      </c>
      <c r="B31" s="21">
        <v>25</v>
      </c>
      <c r="C31" s="6">
        <v>25</v>
      </c>
      <c r="D31" s="5">
        <v>50</v>
      </c>
    </row>
    <row r="32" spans="1:4" ht="18" customHeight="1" x14ac:dyDescent="0.15">
      <c r="A32" s="8">
        <v>22</v>
      </c>
      <c r="B32" s="21">
        <v>30</v>
      </c>
      <c r="C32" s="6">
        <v>33</v>
      </c>
      <c r="D32" s="5">
        <v>63</v>
      </c>
    </row>
    <row r="33" spans="1:4" ht="18" customHeight="1" x14ac:dyDescent="0.15">
      <c r="A33" s="8">
        <v>23</v>
      </c>
      <c r="B33" s="21">
        <v>33</v>
      </c>
      <c r="C33" s="6">
        <v>34</v>
      </c>
      <c r="D33" s="5">
        <v>67</v>
      </c>
    </row>
    <row r="34" spans="1:4" ht="18" customHeight="1" x14ac:dyDescent="0.15">
      <c r="A34" s="8">
        <v>24</v>
      </c>
      <c r="B34" s="21">
        <v>42</v>
      </c>
      <c r="C34" s="6">
        <v>35</v>
      </c>
      <c r="D34" s="5">
        <v>77</v>
      </c>
    </row>
    <row r="35" spans="1:4" ht="18" customHeight="1" x14ac:dyDescent="0.15">
      <c r="A35" s="8" t="s">
        <v>20</v>
      </c>
      <c r="B35" s="21">
        <v>145</v>
      </c>
      <c r="C35" s="6">
        <v>153</v>
      </c>
      <c r="D35" s="5">
        <v>298</v>
      </c>
    </row>
    <row r="36" spans="1:4" ht="18" customHeight="1" x14ac:dyDescent="0.15">
      <c r="A36" s="8">
        <v>25</v>
      </c>
      <c r="B36" s="21">
        <v>40</v>
      </c>
      <c r="C36" s="6">
        <v>43</v>
      </c>
      <c r="D36" s="5">
        <v>83</v>
      </c>
    </row>
    <row r="37" spans="1:4" ht="18" customHeight="1" x14ac:dyDescent="0.15">
      <c r="A37" s="8">
        <v>26</v>
      </c>
      <c r="B37" s="21">
        <v>44</v>
      </c>
      <c r="C37" s="6">
        <v>46</v>
      </c>
      <c r="D37" s="5">
        <v>90</v>
      </c>
    </row>
    <row r="38" spans="1:4" ht="18" customHeight="1" x14ac:dyDescent="0.15">
      <c r="A38" s="8">
        <v>27</v>
      </c>
      <c r="B38" s="21">
        <v>44</v>
      </c>
      <c r="C38" s="6">
        <v>44</v>
      </c>
      <c r="D38" s="5">
        <v>88</v>
      </c>
    </row>
    <row r="39" spans="1:4" ht="18" customHeight="1" x14ac:dyDescent="0.15">
      <c r="A39" s="8">
        <v>28</v>
      </c>
      <c r="B39" s="21">
        <v>44</v>
      </c>
      <c r="C39" s="6">
        <v>34</v>
      </c>
      <c r="D39" s="5">
        <v>78</v>
      </c>
    </row>
    <row r="40" spans="1:4" ht="18" customHeight="1" x14ac:dyDescent="0.15">
      <c r="A40" s="8">
        <v>29</v>
      </c>
      <c r="B40" s="21">
        <v>58</v>
      </c>
      <c r="C40" s="6">
        <v>43</v>
      </c>
      <c r="D40" s="5">
        <v>101</v>
      </c>
    </row>
    <row r="41" spans="1:4" ht="18" customHeight="1" x14ac:dyDescent="0.15">
      <c r="A41" s="8" t="s">
        <v>19</v>
      </c>
      <c r="B41" s="21">
        <v>230</v>
      </c>
      <c r="C41" s="6">
        <v>210</v>
      </c>
      <c r="D41" s="5">
        <v>440</v>
      </c>
    </row>
    <row r="42" spans="1:4" ht="18" customHeight="1" x14ac:dyDescent="0.15">
      <c r="A42" s="8">
        <v>30</v>
      </c>
      <c r="B42" s="21">
        <v>50</v>
      </c>
      <c r="C42" s="6">
        <v>39</v>
      </c>
      <c r="D42" s="5">
        <v>89</v>
      </c>
    </row>
    <row r="43" spans="1:4" ht="18" customHeight="1" x14ac:dyDescent="0.15">
      <c r="A43" s="8">
        <v>31</v>
      </c>
      <c r="B43" s="21">
        <v>51</v>
      </c>
      <c r="C43" s="6">
        <v>47</v>
      </c>
      <c r="D43" s="5">
        <v>98</v>
      </c>
    </row>
    <row r="44" spans="1:4" ht="18" customHeight="1" x14ac:dyDescent="0.15">
      <c r="A44" s="8">
        <v>32</v>
      </c>
      <c r="B44" s="21">
        <v>40</v>
      </c>
      <c r="C44" s="6">
        <v>45</v>
      </c>
      <c r="D44" s="5">
        <v>85</v>
      </c>
    </row>
    <row r="45" spans="1:4" ht="18" customHeight="1" x14ac:dyDescent="0.15">
      <c r="A45" s="8">
        <v>33</v>
      </c>
      <c r="B45" s="21">
        <v>47</v>
      </c>
      <c r="C45" s="6">
        <v>52</v>
      </c>
      <c r="D45" s="5">
        <v>99</v>
      </c>
    </row>
    <row r="46" spans="1:4" ht="18" customHeight="1" x14ac:dyDescent="0.15">
      <c r="A46" s="8">
        <v>34</v>
      </c>
      <c r="B46" s="21">
        <v>49</v>
      </c>
      <c r="C46" s="6">
        <v>43</v>
      </c>
      <c r="D46" s="5">
        <v>92</v>
      </c>
    </row>
    <row r="47" spans="1:4" ht="18" customHeight="1" x14ac:dyDescent="0.15">
      <c r="A47" s="8" t="s">
        <v>18</v>
      </c>
      <c r="B47" s="21">
        <v>237</v>
      </c>
      <c r="C47" s="6">
        <v>226</v>
      </c>
      <c r="D47" s="5">
        <v>463</v>
      </c>
    </row>
    <row r="48" spans="1:4" ht="18" customHeight="1" x14ac:dyDescent="0.15">
      <c r="A48" s="8">
        <v>35</v>
      </c>
      <c r="B48" s="21">
        <v>46</v>
      </c>
      <c r="C48" s="6">
        <v>31</v>
      </c>
      <c r="D48" s="5">
        <v>77</v>
      </c>
    </row>
    <row r="49" spans="1:4" ht="18" customHeight="1" x14ac:dyDescent="0.15">
      <c r="A49" s="8">
        <v>36</v>
      </c>
      <c r="B49" s="21">
        <v>45</v>
      </c>
      <c r="C49" s="6">
        <v>37</v>
      </c>
      <c r="D49" s="5">
        <v>82</v>
      </c>
    </row>
    <row r="50" spans="1:4" ht="18" customHeight="1" x14ac:dyDescent="0.15">
      <c r="A50" s="8">
        <v>37</v>
      </c>
      <c r="B50" s="21">
        <v>52</v>
      </c>
      <c r="C50" s="6">
        <v>40</v>
      </c>
      <c r="D50" s="5">
        <v>92</v>
      </c>
    </row>
    <row r="51" spans="1:4" ht="18" customHeight="1" x14ac:dyDescent="0.15">
      <c r="A51" s="8">
        <v>38</v>
      </c>
      <c r="B51" s="21">
        <v>41</v>
      </c>
      <c r="C51" s="6">
        <v>43</v>
      </c>
      <c r="D51" s="5">
        <v>84</v>
      </c>
    </row>
    <row r="52" spans="1:4" ht="18" customHeight="1" x14ac:dyDescent="0.15">
      <c r="A52" s="8">
        <v>39</v>
      </c>
      <c r="B52" s="21">
        <v>58</v>
      </c>
      <c r="C52" s="6">
        <v>54</v>
      </c>
      <c r="D52" s="5">
        <v>112</v>
      </c>
    </row>
    <row r="53" spans="1:4" ht="18" customHeight="1" x14ac:dyDescent="0.15">
      <c r="A53" s="8" t="s">
        <v>17</v>
      </c>
      <c r="B53" s="21">
        <v>242</v>
      </c>
      <c r="C53" s="6">
        <v>205</v>
      </c>
      <c r="D53" s="5">
        <v>447</v>
      </c>
    </row>
    <row r="54" spans="1:4" ht="18" customHeight="1" x14ac:dyDescent="0.15">
      <c r="A54" s="8">
        <v>40</v>
      </c>
      <c r="B54" s="21">
        <v>42</v>
      </c>
      <c r="C54" s="6">
        <v>36</v>
      </c>
      <c r="D54" s="5">
        <v>78</v>
      </c>
    </row>
    <row r="55" spans="1:4" ht="18" customHeight="1" x14ac:dyDescent="0.15">
      <c r="A55" s="8">
        <v>41</v>
      </c>
      <c r="B55" s="21">
        <v>47</v>
      </c>
      <c r="C55" s="6">
        <v>25</v>
      </c>
      <c r="D55" s="5">
        <v>72</v>
      </c>
    </row>
    <row r="56" spans="1:4" ht="18" customHeight="1" x14ac:dyDescent="0.15">
      <c r="A56" s="8">
        <v>42</v>
      </c>
      <c r="B56" s="21">
        <v>43</v>
      </c>
      <c r="C56" s="6">
        <v>45</v>
      </c>
      <c r="D56" s="5">
        <v>88</v>
      </c>
    </row>
    <row r="57" spans="1:4" ht="18" customHeight="1" x14ac:dyDescent="0.15">
      <c r="A57" s="8">
        <v>43</v>
      </c>
      <c r="B57" s="21">
        <v>43</v>
      </c>
      <c r="C57" s="6">
        <v>29</v>
      </c>
      <c r="D57" s="5">
        <v>72</v>
      </c>
    </row>
    <row r="58" spans="1:4" ht="18" customHeight="1" x14ac:dyDescent="0.15">
      <c r="A58" s="8">
        <v>44</v>
      </c>
      <c r="B58" s="21">
        <v>44</v>
      </c>
      <c r="C58" s="6">
        <v>37</v>
      </c>
      <c r="D58" s="5">
        <v>81</v>
      </c>
    </row>
    <row r="59" spans="1:4" ht="18" customHeight="1" x14ac:dyDescent="0.15">
      <c r="A59" s="8" t="s">
        <v>16</v>
      </c>
      <c r="B59" s="21">
        <v>219</v>
      </c>
      <c r="C59" s="6">
        <v>172</v>
      </c>
      <c r="D59" s="5">
        <v>391</v>
      </c>
    </row>
    <row r="60" spans="1:4" ht="18" customHeight="1" x14ac:dyDescent="0.15">
      <c r="A60" s="8">
        <v>45</v>
      </c>
      <c r="B60" s="21">
        <v>38</v>
      </c>
      <c r="C60" s="6">
        <v>46</v>
      </c>
      <c r="D60" s="5">
        <v>84</v>
      </c>
    </row>
    <row r="61" spans="1:4" ht="18" customHeight="1" x14ac:dyDescent="0.15">
      <c r="A61" s="8">
        <v>46</v>
      </c>
      <c r="B61" s="21">
        <v>55</v>
      </c>
      <c r="C61" s="6">
        <v>40</v>
      </c>
      <c r="D61" s="5">
        <v>95</v>
      </c>
    </row>
    <row r="62" spans="1:4" ht="18" customHeight="1" x14ac:dyDescent="0.15">
      <c r="A62" s="8">
        <v>47</v>
      </c>
      <c r="B62" s="21">
        <v>46</v>
      </c>
      <c r="C62" s="6">
        <v>39</v>
      </c>
      <c r="D62" s="5">
        <v>85</v>
      </c>
    </row>
    <row r="63" spans="1:4" ht="18" customHeight="1" x14ac:dyDescent="0.15">
      <c r="A63" s="8">
        <v>48</v>
      </c>
      <c r="B63" s="21">
        <v>41</v>
      </c>
      <c r="C63" s="6">
        <v>42</v>
      </c>
      <c r="D63" s="5">
        <v>83</v>
      </c>
    </row>
    <row r="64" spans="1:4" ht="18" customHeight="1" x14ac:dyDescent="0.15">
      <c r="A64" s="8">
        <v>49</v>
      </c>
      <c r="B64" s="21">
        <v>53</v>
      </c>
      <c r="C64" s="6">
        <v>32</v>
      </c>
      <c r="D64" s="5">
        <v>85</v>
      </c>
    </row>
    <row r="65" spans="1:4" ht="18" customHeight="1" x14ac:dyDescent="0.15">
      <c r="A65" s="8" t="s">
        <v>15</v>
      </c>
      <c r="B65" s="21">
        <v>233</v>
      </c>
      <c r="C65" s="6">
        <v>199</v>
      </c>
      <c r="D65" s="5">
        <v>432</v>
      </c>
    </row>
    <row r="66" spans="1:4" ht="18" customHeight="1" x14ac:dyDescent="0.15">
      <c r="A66" s="8">
        <v>50</v>
      </c>
      <c r="B66" s="21">
        <v>50</v>
      </c>
      <c r="C66" s="6">
        <v>40</v>
      </c>
      <c r="D66" s="5">
        <v>90</v>
      </c>
    </row>
    <row r="67" spans="1:4" ht="18" customHeight="1" x14ac:dyDescent="0.15">
      <c r="A67" s="8">
        <v>51</v>
      </c>
      <c r="B67" s="21">
        <v>52</v>
      </c>
      <c r="C67" s="6">
        <v>51</v>
      </c>
      <c r="D67" s="5">
        <v>103</v>
      </c>
    </row>
    <row r="68" spans="1:4" ht="18" customHeight="1" x14ac:dyDescent="0.15">
      <c r="A68" s="8">
        <v>52</v>
      </c>
      <c r="B68" s="21">
        <v>45</v>
      </c>
      <c r="C68" s="6">
        <v>49</v>
      </c>
      <c r="D68" s="5">
        <v>94</v>
      </c>
    </row>
    <row r="69" spans="1:4" ht="18" customHeight="1" x14ac:dyDescent="0.15">
      <c r="A69" s="8">
        <v>53</v>
      </c>
      <c r="B69" s="21">
        <v>38</v>
      </c>
      <c r="C69" s="6">
        <v>41</v>
      </c>
      <c r="D69" s="5">
        <v>79</v>
      </c>
    </row>
    <row r="70" spans="1:4" ht="18" customHeight="1" x14ac:dyDescent="0.15">
      <c r="A70" s="8">
        <v>54</v>
      </c>
      <c r="B70" s="21">
        <v>36</v>
      </c>
      <c r="C70" s="6">
        <v>37</v>
      </c>
      <c r="D70" s="5">
        <v>73</v>
      </c>
    </row>
    <row r="71" spans="1:4" ht="18" customHeight="1" x14ac:dyDescent="0.15">
      <c r="A71" s="8" t="s">
        <v>14</v>
      </c>
      <c r="B71" s="21">
        <v>221</v>
      </c>
      <c r="C71" s="6">
        <v>218</v>
      </c>
      <c r="D71" s="5">
        <v>439</v>
      </c>
    </row>
    <row r="72" spans="1:4" ht="18" customHeight="1" x14ac:dyDescent="0.15">
      <c r="A72" s="8">
        <v>55</v>
      </c>
      <c r="B72" s="21">
        <v>28</v>
      </c>
      <c r="C72" s="6">
        <v>31</v>
      </c>
      <c r="D72" s="5">
        <v>59</v>
      </c>
    </row>
    <row r="73" spans="1:4" ht="18" customHeight="1" x14ac:dyDescent="0.15">
      <c r="A73" s="8">
        <v>56</v>
      </c>
      <c r="B73" s="21">
        <v>46</v>
      </c>
      <c r="C73" s="6">
        <v>28</v>
      </c>
      <c r="D73" s="5">
        <v>74</v>
      </c>
    </row>
    <row r="74" spans="1:4" ht="18" customHeight="1" x14ac:dyDescent="0.15">
      <c r="A74" s="8">
        <v>57</v>
      </c>
      <c r="B74" s="21">
        <v>30</v>
      </c>
      <c r="C74" s="6">
        <v>38</v>
      </c>
      <c r="D74" s="5">
        <v>68</v>
      </c>
    </row>
    <row r="75" spans="1:4" ht="18" customHeight="1" x14ac:dyDescent="0.15">
      <c r="A75" s="8">
        <v>58</v>
      </c>
      <c r="B75" s="21">
        <v>37</v>
      </c>
      <c r="C75" s="6">
        <v>28</v>
      </c>
      <c r="D75" s="5">
        <v>65</v>
      </c>
    </row>
    <row r="76" spans="1:4" ht="18" customHeight="1" x14ac:dyDescent="0.15">
      <c r="A76" s="8">
        <v>59</v>
      </c>
      <c r="B76" s="21">
        <v>21</v>
      </c>
      <c r="C76" s="6">
        <v>16</v>
      </c>
      <c r="D76" s="5">
        <v>37</v>
      </c>
    </row>
    <row r="77" spans="1:4" ht="18" customHeight="1" x14ac:dyDescent="0.15">
      <c r="A77" s="8" t="s">
        <v>13</v>
      </c>
      <c r="B77" s="21">
        <v>162</v>
      </c>
      <c r="C77" s="6">
        <v>141</v>
      </c>
      <c r="D77" s="5">
        <v>303</v>
      </c>
    </row>
    <row r="78" spans="1:4" ht="18" customHeight="1" x14ac:dyDescent="0.15">
      <c r="A78" s="8">
        <v>60</v>
      </c>
      <c r="B78" s="21">
        <v>27</v>
      </c>
      <c r="C78" s="6">
        <v>25</v>
      </c>
      <c r="D78" s="5">
        <v>52</v>
      </c>
    </row>
    <row r="79" spans="1:4" ht="18" customHeight="1" x14ac:dyDescent="0.15">
      <c r="A79" s="8">
        <v>61</v>
      </c>
      <c r="B79" s="21">
        <v>28</v>
      </c>
      <c r="C79" s="6">
        <v>35</v>
      </c>
      <c r="D79" s="5">
        <v>63</v>
      </c>
    </row>
    <row r="80" spans="1:4" ht="18" customHeight="1" x14ac:dyDescent="0.15">
      <c r="A80" s="8">
        <v>62</v>
      </c>
      <c r="B80" s="21">
        <v>21</v>
      </c>
      <c r="C80" s="6">
        <v>27</v>
      </c>
      <c r="D80" s="5">
        <v>48</v>
      </c>
    </row>
    <row r="81" spans="1:4" ht="18" customHeight="1" x14ac:dyDescent="0.15">
      <c r="A81" s="8">
        <v>63</v>
      </c>
      <c r="B81" s="21">
        <v>18</v>
      </c>
      <c r="C81" s="6">
        <v>11</v>
      </c>
      <c r="D81" s="5">
        <v>29</v>
      </c>
    </row>
    <row r="82" spans="1:4" ht="18" customHeight="1" x14ac:dyDescent="0.15">
      <c r="A82" s="8">
        <v>64</v>
      </c>
      <c r="B82" s="21">
        <v>17</v>
      </c>
      <c r="C82" s="6">
        <v>30</v>
      </c>
      <c r="D82" s="5">
        <v>47</v>
      </c>
    </row>
    <row r="83" spans="1:4" ht="18" customHeight="1" x14ac:dyDescent="0.15">
      <c r="A83" s="8" t="s">
        <v>12</v>
      </c>
      <c r="B83" s="21">
        <v>111</v>
      </c>
      <c r="C83" s="6">
        <v>128</v>
      </c>
      <c r="D83" s="5">
        <v>239</v>
      </c>
    </row>
    <row r="84" spans="1:4" ht="18" customHeight="1" x14ac:dyDescent="0.15">
      <c r="A84" s="8" t="s">
        <v>11</v>
      </c>
      <c r="B84" s="21">
        <v>1904</v>
      </c>
      <c r="C84" s="6">
        <v>1746</v>
      </c>
      <c r="D84" s="5">
        <v>3650</v>
      </c>
    </row>
    <row r="85" spans="1:4" ht="18" customHeight="1" x14ac:dyDescent="0.15">
      <c r="A85" s="8">
        <v>65</v>
      </c>
      <c r="B85" s="21">
        <v>18</v>
      </c>
      <c r="C85" s="6">
        <v>26</v>
      </c>
      <c r="D85" s="5">
        <v>44</v>
      </c>
    </row>
    <row r="86" spans="1:4" ht="18" customHeight="1" x14ac:dyDescent="0.15">
      <c r="A86" s="8">
        <v>66</v>
      </c>
      <c r="B86" s="21">
        <v>18</v>
      </c>
      <c r="C86" s="6">
        <v>19</v>
      </c>
      <c r="D86" s="5">
        <v>37</v>
      </c>
    </row>
    <row r="87" spans="1:4" ht="18" customHeight="1" x14ac:dyDescent="0.15">
      <c r="A87" s="8">
        <v>67</v>
      </c>
      <c r="B87" s="21">
        <v>21</v>
      </c>
      <c r="C87" s="6">
        <v>21</v>
      </c>
      <c r="D87" s="5">
        <v>42</v>
      </c>
    </row>
    <row r="88" spans="1:4" ht="18" customHeight="1" x14ac:dyDescent="0.15">
      <c r="A88" s="8">
        <v>68</v>
      </c>
      <c r="B88" s="21">
        <v>18</v>
      </c>
      <c r="C88" s="6">
        <v>19</v>
      </c>
      <c r="D88" s="5">
        <v>37</v>
      </c>
    </row>
    <row r="89" spans="1:4" ht="18" customHeight="1" x14ac:dyDescent="0.15">
      <c r="A89" s="8">
        <v>69</v>
      </c>
      <c r="B89" s="21">
        <v>25</v>
      </c>
      <c r="C89" s="6">
        <v>14</v>
      </c>
      <c r="D89" s="5">
        <v>39</v>
      </c>
    </row>
    <row r="90" spans="1:4" ht="18" customHeight="1" x14ac:dyDescent="0.15">
      <c r="A90" s="8" t="s">
        <v>10</v>
      </c>
      <c r="B90" s="21">
        <v>100</v>
      </c>
      <c r="C90" s="6">
        <v>99</v>
      </c>
      <c r="D90" s="5">
        <v>199</v>
      </c>
    </row>
    <row r="91" spans="1:4" ht="18" customHeight="1" x14ac:dyDescent="0.15">
      <c r="A91" s="8">
        <v>70</v>
      </c>
      <c r="B91" s="21">
        <v>28</v>
      </c>
      <c r="C91" s="6">
        <v>23</v>
      </c>
      <c r="D91" s="5">
        <v>51</v>
      </c>
    </row>
    <row r="92" spans="1:4" ht="18" customHeight="1" x14ac:dyDescent="0.15">
      <c r="A92" s="8">
        <v>71</v>
      </c>
      <c r="B92" s="21">
        <v>24</v>
      </c>
      <c r="C92" s="6">
        <v>26</v>
      </c>
      <c r="D92" s="5">
        <v>50</v>
      </c>
    </row>
    <row r="93" spans="1:4" ht="18" customHeight="1" x14ac:dyDescent="0.15">
      <c r="A93" s="8">
        <v>72</v>
      </c>
      <c r="B93" s="21">
        <v>21</v>
      </c>
      <c r="C93" s="6">
        <v>26</v>
      </c>
      <c r="D93" s="5">
        <v>47</v>
      </c>
    </row>
    <row r="94" spans="1:4" ht="18" customHeight="1" x14ac:dyDescent="0.15">
      <c r="A94" s="8">
        <v>73</v>
      </c>
      <c r="B94" s="21">
        <v>31</v>
      </c>
      <c r="C94" s="6">
        <v>24</v>
      </c>
      <c r="D94" s="5">
        <v>55</v>
      </c>
    </row>
    <row r="95" spans="1:4" ht="18" customHeight="1" x14ac:dyDescent="0.15">
      <c r="A95" s="8">
        <v>74</v>
      </c>
      <c r="B95" s="21">
        <v>21</v>
      </c>
      <c r="C95" s="6">
        <v>30</v>
      </c>
      <c r="D95" s="5">
        <v>51</v>
      </c>
    </row>
    <row r="96" spans="1:4" ht="18" customHeight="1" x14ac:dyDescent="0.15">
      <c r="A96" s="8" t="s">
        <v>9</v>
      </c>
      <c r="B96" s="21">
        <v>125</v>
      </c>
      <c r="C96" s="6">
        <v>129</v>
      </c>
      <c r="D96" s="5">
        <v>254</v>
      </c>
    </row>
    <row r="97" spans="1:4" ht="18" customHeight="1" x14ac:dyDescent="0.15">
      <c r="A97" s="8">
        <v>75</v>
      </c>
      <c r="B97" s="21">
        <v>32</v>
      </c>
      <c r="C97" s="6">
        <v>29</v>
      </c>
      <c r="D97" s="5">
        <v>61</v>
      </c>
    </row>
    <row r="98" spans="1:4" ht="18" customHeight="1" x14ac:dyDescent="0.15">
      <c r="A98" s="8">
        <v>76</v>
      </c>
      <c r="B98" s="21">
        <v>24</v>
      </c>
      <c r="C98" s="6">
        <v>32</v>
      </c>
      <c r="D98" s="5">
        <v>56</v>
      </c>
    </row>
    <row r="99" spans="1:4" ht="18" customHeight="1" x14ac:dyDescent="0.15">
      <c r="A99" s="8">
        <v>77</v>
      </c>
      <c r="B99" s="21">
        <v>31</v>
      </c>
      <c r="C99" s="6">
        <v>24</v>
      </c>
      <c r="D99" s="5">
        <v>55</v>
      </c>
    </row>
    <row r="100" spans="1:4" ht="18" customHeight="1" x14ac:dyDescent="0.15">
      <c r="A100" s="8">
        <v>78</v>
      </c>
      <c r="B100" s="21">
        <v>31</v>
      </c>
      <c r="C100" s="6">
        <v>35</v>
      </c>
      <c r="D100" s="5">
        <v>66</v>
      </c>
    </row>
    <row r="101" spans="1:4" ht="18" customHeight="1" x14ac:dyDescent="0.15">
      <c r="A101" s="8">
        <v>79</v>
      </c>
      <c r="B101" s="21">
        <v>13</v>
      </c>
      <c r="C101" s="6">
        <v>13</v>
      </c>
      <c r="D101" s="5">
        <v>26</v>
      </c>
    </row>
    <row r="102" spans="1:4" ht="18" customHeight="1" x14ac:dyDescent="0.15">
      <c r="A102" s="8" t="s">
        <v>8</v>
      </c>
      <c r="B102" s="21">
        <v>131</v>
      </c>
      <c r="C102" s="6">
        <v>133</v>
      </c>
      <c r="D102" s="5">
        <v>264</v>
      </c>
    </row>
    <row r="103" spans="1:4" ht="18" customHeight="1" x14ac:dyDescent="0.15">
      <c r="A103" s="8">
        <v>80</v>
      </c>
      <c r="B103" s="21">
        <v>6</v>
      </c>
      <c r="C103" s="6">
        <v>20</v>
      </c>
      <c r="D103" s="5">
        <v>26</v>
      </c>
    </row>
    <row r="104" spans="1:4" ht="18" customHeight="1" x14ac:dyDescent="0.15">
      <c r="A104" s="8">
        <v>81</v>
      </c>
      <c r="B104" s="21">
        <v>11</v>
      </c>
      <c r="C104" s="6">
        <v>21</v>
      </c>
      <c r="D104" s="5">
        <v>32</v>
      </c>
    </row>
    <row r="105" spans="1:4" ht="18" customHeight="1" x14ac:dyDescent="0.15">
      <c r="A105" s="8">
        <v>82</v>
      </c>
      <c r="B105" s="21">
        <v>10</v>
      </c>
      <c r="C105" s="6">
        <v>25</v>
      </c>
      <c r="D105" s="5">
        <v>35</v>
      </c>
    </row>
    <row r="106" spans="1:4" ht="18" customHeight="1" x14ac:dyDescent="0.15">
      <c r="A106" s="8">
        <v>83</v>
      </c>
      <c r="B106" s="21">
        <v>15</v>
      </c>
      <c r="C106" s="6">
        <v>20</v>
      </c>
      <c r="D106" s="5">
        <v>35</v>
      </c>
    </row>
    <row r="107" spans="1:4" ht="18" customHeight="1" x14ac:dyDescent="0.15">
      <c r="A107" s="8">
        <v>84</v>
      </c>
      <c r="B107" s="21">
        <v>16</v>
      </c>
      <c r="C107" s="6">
        <v>21</v>
      </c>
      <c r="D107" s="5">
        <v>37</v>
      </c>
    </row>
    <row r="108" spans="1:4" ht="18" customHeight="1" x14ac:dyDescent="0.15">
      <c r="A108" s="8" t="s">
        <v>7</v>
      </c>
      <c r="B108" s="21">
        <v>58</v>
      </c>
      <c r="C108" s="6">
        <v>107</v>
      </c>
      <c r="D108" s="5">
        <v>165</v>
      </c>
    </row>
    <row r="109" spans="1:4" ht="18" customHeight="1" x14ac:dyDescent="0.15">
      <c r="A109" s="8">
        <v>85</v>
      </c>
      <c r="B109" s="21">
        <v>10</v>
      </c>
      <c r="C109" s="6">
        <v>21</v>
      </c>
      <c r="D109" s="5">
        <v>31</v>
      </c>
    </row>
    <row r="110" spans="1:4" ht="18" customHeight="1" x14ac:dyDescent="0.15">
      <c r="A110" s="8">
        <v>86</v>
      </c>
      <c r="B110" s="21">
        <v>7</v>
      </c>
      <c r="C110" s="6">
        <v>9</v>
      </c>
      <c r="D110" s="5">
        <v>16</v>
      </c>
    </row>
    <row r="111" spans="1:4" ht="18" customHeight="1" x14ac:dyDescent="0.15">
      <c r="A111" s="8">
        <v>87</v>
      </c>
      <c r="B111" s="21">
        <v>10</v>
      </c>
      <c r="C111" s="6">
        <v>14</v>
      </c>
      <c r="D111" s="5">
        <v>24</v>
      </c>
    </row>
    <row r="112" spans="1:4" ht="18" customHeight="1" x14ac:dyDescent="0.15">
      <c r="A112" s="8">
        <v>88</v>
      </c>
      <c r="B112" s="21">
        <v>6</v>
      </c>
      <c r="C112" s="6">
        <v>13</v>
      </c>
      <c r="D112" s="5">
        <v>19</v>
      </c>
    </row>
    <row r="113" spans="1:4" ht="18" customHeight="1" x14ac:dyDescent="0.15">
      <c r="A113" s="8">
        <v>89</v>
      </c>
      <c r="B113" s="21">
        <v>7</v>
      </c>
      <c r="C113" s="6">
        <v>11</v>
      </c>
      <c r="D113" s="5">
        <v>18</v>
      </c>
    </row>
    <row r="114" spans="1:4" ht="18" customHeight="1" x14ac:dyDescent="0.15">
      <c r="A114" s="8" t="s">
        <v>6</v>
      </c>
      <c r="B114" s="21">
        <v>40</v>
      </c>
      <c r="C114" s="6">
        <v>68</v>
      </c>
      <c r="D114" s="5">
        <v>108</v>
      </c>
    </row>
    <row r="115" spans="1:4" ht="18" customHeight="1" x14ac:dyDescent="0.15">
      <c r="A115" s="8">
        <v>90</v>
      </c>
      <c r="B115" s="21">
        <v>3</v>
      </c>
      <c r="C115" s="6">
        <v>6</v>
      </c>
      <c r="D115" s="5">
        <v>9</v>
      </c>
    </row>
    <row r="116" spans="1:4" ht="18" customHeight="1" x14ac:dyDescent="0.15">
      <c r="A116" s="8">
        <v>91</v>
      </c>
      <c r="B116" s="21">
        <v>1</v>
      </c>
      <c r="C116" s="6">
        <v>12</v>
      </c>
      <c r="D116" s="5">
        <v>13</v>
      </c>
    </row>
    <row r="117" spans="1:4" ht="18" customHeight="1" x14ac:dyDescent="0.15">
      <c r="A117" s="8">
        <v>92</v>
      </c>
      <c r="B117" s="21">
        <v>1</v>
      </c>
      <c r="C117" s="6">
        <v>16</v>
      </c>
      <c r="D117" s="5">
        <v>17</v>
      </c>
    </row>
    <row r="118" spans="1:4" ht="18" customHeight="1" x14ac:dyDescent="0.15">
      <c r="A118" s="8">
        <v>93</v>
      </c>
      <c r="B118" s="21">
        <v>1</v>
      </c>
      <c r="C118" s="6">
        <v>7</v>
      </c>
      <c r="D118" s="5">
        <v>8</v>
      </c>
    </row>
    <row r="119" spans="1:4" ht="18" customHeight="1" x14ac:dyDescent="0.15">
      <c r="A119" s="8">
        <v>94</v>
      </c>
      <c r="B119" s="21">
        <v>3</v>
      </c>
      <c r="C119" s="6">
        <v>6</v>
      </c>
      <c r="D119" s="5">
        <v>9</v>
      </c>
    </row>
    <row r="120" spans="1:4" ht="18" customHeight="1" x14ac:dyDescent="0.15">
      <c r="A120" s="8" t="s">
        <v>5</v>
      </c>
      <c r="B120" s="21">
        <v>9</v>
      </c>
      <c r="C120" s="6">
        <v>47</v>
      </c>
      <c r="D120" s="5">
        <v>56</v>
      </c>
    </row>
    <row r="121" spans="1:4" ht="18" customHeight="1" x14ac:dyDescent="0.15">
      <c r="A121" s="8">
        <v>95</v>
      </c>
      <c r="B121" s="21">
        <v>1</v>
      </c>
      <c r="C121" s="6">
        <v>2</v>
      </c>
      <c r="D121" s="5">
        <v>3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3</v>
      </c>
      <c r="C126" s="6">
        <v>9</v>
      </c>
      <c r="D126" s="5">
        <v>12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66</v>
      </c>
      <c r="C130" s="6">
        <v>596</v>
      </c>
      <c r="D130" s="5">
        <v>1062</v>
      </c>
    </row>
    <row r="131" spans="1:4" ht="18" customHeight="1" x14ac:dyDescent="0.15">
      <c r="A131" s="4" t="s">
        <v>0</v>
      </c>
      <c r="B131" s="20">
        <v>2801</v>
      </c>
      <c r="C131" s="2">
        <v>2788</v>
      </c>
      <c r="D131" s="1">
        <v>558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84F6A7-7611-4002-A67C-C073EFA3E1A2}">
  <sheetPr codeName="Sheet4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3</v>
      </c>
      <c r="C5" s="11">
        <v>7</v>
      </c>
      <c r="D5" s="10">
        <v>20</v>
      </c>
    </row>
    <row r="6" spans="1:4" ht="18" customHeight="1" x14ac:dyDescent="0.15">
      <c r="A6" s="8">
        <v>1</v>
      </c>
      <c r="B6" s="21">
        <v>6</v>
      </c>
      <c r="C6" s="6">
        <v>13</v>
      </c>
      <c r="D6" s="5">
        <v>19</v>
      </c>
    </row>
    <row r="7" spans="1:4" ht="18" customHeight="1" x14ac:dyDescent="0.15">
      <c r="A7" s="8">
        <v>2</v>
      </c>
      <c r="B7" s="21">
        <v>12</v>
      </c>
      <c r="C7" s="6">
        <v>16</v>
      </c>
      <c r="D7" s="5">
        <v>28</v>
      </c>
    </row>
    <row r="8" spans="1:4" ht="18" customHeight="1" x14ac:dyDescent="0.15">
      <c r="A8" s="8">
        <v>3</v>
      </c>
      <c r="B8" s="21">
        <v>22</v>
      </c>
      <c r="C8" s="6">
        <v>13</v>
      </c>
      <c r="D8" s="5">
        <v>35</v>
      </c>
    </row>
    <row r="9" spans="1:4" ht="18" customHeight="1" x14ac:dyDescent="0.15">
      <c r="A9" s="8">
        <v>4</v>
      </c>
      <c r="B9" s="21">
        <v>17</v>
      </c>
      <c r="C9" s="6">
        <v>17</v>
      </c>
      <c r="D9" s="5">
        <v>34</v>
      </c>
    </row>
    <row r="10" spans="1:4" ht="18" customHeight="1" x14ac:dyDescent="0.15">
      <c r="A10" s="8" t="s">
        <v>25</v>
      </c>
      <c r="B10" s="21">
        <v>70</v>
      </c>
      <c r="C10" s="6">
        <v>66</v>
      </c>
      <c r="D10" s="5">
        <v>136</v>
      </c>
    </row>
    <row r="11" spans="1:4" ht="18" customHeight="1" x14ac:dyDescent="0.15">
      <c r="A11" s="8">
        <v>5</v>
      </c>
      <c r="B11" s="21">
        <v>11</v>
      </c>
      <c r="C11" s="6">
        <v>12</v>
      </c>
      <c r="D11" s="5">
        <v>23</v>
      </c>
    </row>
    <row r="12" spans="1:4" ht="18" customHeight="1" x14ac:dyDescent="0.15">
      <c r="A12" s="8">
        <v>6</v>
      </c>
      <c r="B12" s="21">
        <v>26</v>
      </c>
      <c r="C12" s="6">
        <v>23</v>
      </c>
      <c r="D12" s="5">
        <v>49</v>
      </c>
    </row>
    <row r="13" spans="1:4" ht="18" customHeight="1" x14ac:dyDescent="0.15">
      <c r="A13" s="8">
        <v>7</v>
      </c>
      <c r="B13" s="21">
        <v>31</v>
      </c>
      <c r="C13" s="6">
        <v>18</v>
      </c>
      <c r="D13" s="5">
        <v>49</v>
      </c>
    </row>
    <row r="14" spans="1:4" ht="18" customHeight="1" x14ac:dyDescent="0.15">
      <c r="A14" s="8">
        <v>8</v>
      </c>
      <c r="B14" s="21">
        <v>30</v>
      </c>
      <c r="C14" s="6">
        <v>18</v>
      </c>
      <c r="D14" s="5">
        <v>48</v>
      </c>
    </row>
    <row r="15" spans="1:4" ht="18" customHeight="1" x14ac:dyDescent="0.15">
      <c r="A15" s="8">
        <v>9</v>
      </c>
      <c r="B15" s="21">
        <v>27</v>
      </c>
      <c r="C15" s="6">
        <v>21</v>
      </c>
      <c r="D15" s="5">
        <v>48</v>
      </c>
    </row>
    <row r="16" spans="1:4" ht="18" customHeight="1" x14ac:dyDescent="0.15">
      <c r="A16" s="8" t="s">
        <v>24</v>
      </c>
      <c r="B16" s="21">
        <v>125</v>
      </c>
      <c r="C16" s="6">
        <v>92</v>
      </c>
      <c r="D16" s="5">
        <v>217</v>
      </c>
    </row>
    <row r="17" spans="1:4" ht="18" customHeight="1" x14ac:dyDescent="0.15">
      <c r="A17" s="8">
        <v>10</v>
      </c>
      <c r="B17" s="21">
        <v>26</v>
      </c>
      <c r="C17" s="6">
        <v>22</v>
      </c>
      <c r="D17" s="5">
        <v>48</v>
      </c>
    </row>
    <row r="18" spans="1:4" ht="18" customHeight="1" x14ac:dyDescent="0.15">
      <c r="A18" s="8">
        <v>11</v>
      </c>
      <c r="B18" s="21">
        <v>31</v>
      </c>
      <c r="C18" s="6">
        <v>16</v>
      </c>
      <c r="D18" s="5">
        <v>47</v>
      </c>
    </row>
    <row r="19" spans="1:4" ht="18" customHeight="1" x14ac:dyDescent="0.15">
      <c r="A19" s="8">
        <v>12</v>
      </c>
      <c r="B19" s="21">
        <v>21</v>
      </c>
      <c r="C19" s="6">
        <v>22</v>
      </c>
      <c r="D19" s="5">
        <v>43</v>
      </c>
    </row>
    <row r="20" spans="1:4" ht="18" customHeight="1" x14ac:dyDescent="0.15">
      <c r="A20" s="8">
        <v>13</v>
      </c>
      <c r="B20" s="21">
        <v>35</v>
      </c>
      <c r="C20" s="6">
        <v>20</v>
      </c>
      <c r="D20" s="5">
        <v>55</v>
      </c>
    </row>
    <row r="21" spans="1:4" ht="18" customHeight="1" x14ac:dyDescent="0.15">
      <c r="A21" s="8">
        <v>14</v>
      </c>
      <c r="B21" s="21">
        <v>30</v>
      </c>
      <c r="C21" s="6">
        <v>39</v>
      </c>
      <c r="D21" s="5">
        <v>69</v>
      </c>
    </row>
    <row r="22" spans="1:4" ht="18" customHeight="1" x14ac:dyDescent="0.15">
      <c r="A22" s="8" t="s">
        <v>23</v>
      </c>
      <c r="B22" s="21">
        <v>143</v>
      </c>
      <c r="C22" s="6">
        <v>119</v>
      </c>
      <c r="D22" s="5">
        <v>262</v>
      </c>
    </row>
    <row r="23" spans="1:4" ht="18" customHeight="1" x14ac:dyDescent="0.15">
      <c r="A23" s="8" t="s">
        <v>22</v>
      </c>
      <c r="B23" s="21">
        <v>338</v>
      </c>
      <c r="C23" s="6">
        <v>277</v>
      </c>
      <c r="D23" s="5">
        <v>615</v>
      </c>
    </row>
    <row r="24" spans="1:4" ht="18" customHeight="1" x14ac:dyDescent="0.15">
      <c r="A24" s="8">
        <v>15</v>
      </c>
      <c r="B24" s="21">
        <v>40</v>
      </c>
      <c r="C24" s="6">
        <v>35</v>
      </c>
      <c r="D24" s="5">
        <v>75</v>
      </c>
    </row>
    <row r="25" spans="1:4" ht="18" customHeight="1" x14ac:dyDescent="0.15">
      <c r="A25" s="8">
        <v>16</v>
      </c>
      <c r="B25" s="21">
        <v>43</v>
      </c>
      <c r="C25" s="6">
        <v>41</v>
      </c>
      <c r="D25" s="5">
        <v>84</v>
      </c>
    </row>
    <row r="26" spans="1:4" ht="18" customHeight="1" x14ac:dyDescent="0.15">
      <c r="A26" s="8">
        <v>17</v>
      </c>
      <c r="B26" s="21">
        <v>34</v>
      </c>
      <c r="C26" s="6">
        <v>39</v>
      </c>
      <c r="D26" s="5">
        <v>73</v>
      </c>
    </row>
    <row r="27" spans="1:4" ht="18" customHeight="1" x14ac:dyDescent="0.15">
      <c r="A27" s="8">
        <v>18</v>
      </c>
      <c r="B27" s="21">
        <v>41</v>
      </c>
      <c r="C27" s="6">
        <v>37</v>
      </c>
      <c r="D27" s="5">
        <v>78</v>
      </c>
    </row>
    <row r="28" spans="1:4" ht="18" customHeight="1" x14ac:dyDescent="0.15">
      <c r="A28" s="8">
        <v>19</v>
      </c>
      <c r="B28" s="21">
        <v>36</v>
      </c>
      <c r="C28" s="6">
        <v>35</v>
      </c>
      <c r="D28" s="5">
        <v>71</v>
      </c>
    </row>
    <row r="29" spans="1:4" ht="18" customHeight="1" x14ac:dyDescent="0.15">
      <c r="A29" s="8" t="s">
        <v>21</v>
      </c>
      <c r="B29" s="21">
        <v>194</v>
      </c>
      <c r="C29" s="6">
        <v>187</v>
      </c>
      <c r="D29" s="5">
        <v>381</v>
      </c>
    </row>
    <row r="30" spans="1:4" ht="18" customHeight="1" x14ac:dyDescent="0.15">
      <c r="A30" s="8">
        <v>20</v>
      </c>
      <c r="B30" s="21">
        <v>41</v>
      </c>
      <c r="C30" s="6">
        <v>38</v>
      </c>
      <c r="D30" s="5">
        <v>79</v>
      </c>
    </row>
    <row r="31" spans="1:4" ht="18" customHeight="1" x14ac:dyDescent="0.15">
      <c r="A31" s="8">
        <v>21</v>
      </c>
      <c r="B31" s="21">
        <v>48</v>
      </c>
      <c r="C31" s="6">
        <v>41</v>
      </c>
      <c r="D31" s="5">
        <v>89</v>
      </c>
    </row>
    <row r="32" spans="1:4" ht="18" customHeight="1" x14ac:dyDescent="0.15">
      <c r="A32" s="8">
        <v>22</v>
      </c>
      <c r="B32" s="21">
        <v>29</v>
      </c>
      <c r="C32" s="6">
        <v>24</v>
      </c>
      <c r="D32" s="5">
        <v>53</v>
      </c>
    </row>
    <row r="33" spans="1:4" ht="18" customHeight="1" x14ac:dyDescent="0.15">
      <c r="A33" s="8">
        <v>23</v>
      </c>
      <c r="B33" s="21">
        <v>33</v>
      </c>
      <c r="C33" s="6">
        <v>30</v>
      </c>
      <c r="D33" s="5">
        <v>63</v>
      </c>
    </row>
    <row r="34" spans="1:4" ht="18" customHeight="1" x14ac:dyDescent="0.15">
      <c r="A34" s="8">
        <v>24</v>
      </c>
      <c r="B34" s="21">
        <v>34</v>
      </c>
      <c r="C34" s="6">
        <v>30</v>
      </c>
      <c r="D34" s="5">
        <v>64</v>
      </c>
    </row>
    <row r="35" spans="1:4" ht="18" customHeight="1" x14ac:dyDescent="0.15">
      <c r="A35" s="8" t="s">
        <v>20</v>
      </c>
      <c r="B35" s="21">
        <v>185</v>
      </c>
      <c r="C35" s="6">
        <v>163</v>
      </c>
      <c r="D35" s="5">
        <v>348</v>
      </c>
    </row>
    <row r="36" spans="1:4" ht="18" customHeight="1" x14ac:dyDescent="0.15">
      <c r="A36" s="8">
        <v>25</v>
      </c>
      <c r="B36" s="21">
        <v>34</v>
      </c>
      <c r="C36" s="6">
        <v>26</v>
      </c>
      <c r="D36" s="5">
        <v>60</v>
      </c>
    </row>
    <row r="37" spans="1:4" ht="18" customHeight="1" x14ac:dyDescent="0.15">
      <c r="A37" s="8">
        <v>26</v>
      </c>
      <c r="B37" s="21">
        <v>21</v>
      </c>
      <c r="C37" s="6">
        <v>21</v>
      </c>
      <c r="D37" s="5">
        <v>42</v>
      </c>
    </row>
    <row r="38" spans="1:4" ht="18" customHeight="1" x14ac:dyDescent="0.15">
      <c r="A38" s="8">
        <v>27</v>
      </c>
      <c r="B38" s="21">
        <v>26</v>
      </c>
      <c r="C38" s="6">
        <v>21</v>
      </c>
      <c r="D38" s="5">
        <v>47</v>
      </c>
    </row>
    <row r="39" spans="1:4" ht="18" customHeight="1" x14ac:dyDescent="0.15">
      <c r="A39" s="8">
        <v>28</v>
      </c>
      <c r="B39" s="21">
        <v>26</v>
      </c>
      <c r="C39" s="6">
        <v>21</v>
      </c>
      <c r="D39" s="5">
        <v>47</v>
      </c>
    </row>
    <row r="40" spans="1:4" ht="18" customHeight="1" x14ac:dyDescent="0.15">
      <c r="A40" s="8">
        <v>29</v>
      </c>
      <c r="B40" s="21">
        <v>14</v>
      </c>
      <c r="C40" s="6">
        <v>21</v>
      </c>
      <c r="D40" s="5">
        <v>35</v>
      </c>
    </row>
    <row r="41" spans="1:4" ht="18" customHeight="1" x14ac:dyDescent="0.15">
      <c r="A41" s="8" t="s">
        <v>19</v>
      </c>
      <c r="B41" s="21">
        <v>121</v>
      </c>
      <c r="C41" s="6">
        <v>110</v>
      </c>
      <c r="D41" s="5">
        <v>231</v>
      </c>
    </row>
    <row r="42" spans="1:4" ht="18" customHeight="1" x14ac:dyDescent="0.15">
      <c r="A42" s="8">
        <v>30</v>
      </c>
      <c r="B42" s="21">
        <v>19</v>
      </c>
      <c r="C42" s="6">
        <v>25</v>
      </c>
      <c r="D42" s="5">
        <v>44</v>
      </c>
    </row>
    <row r="43" spans="1:4" ht="18" customHeight="1" x14ac:dyDescent="0.15">
      <c r="A43" s="8">
        <v>31</v>
      </c>
      <c r="B43" s="21">
        <v>18</v>
      </c>
      <c r="C43" s="6">
        <v>12</v>
      </c>
      <c r="D43" s="5">
        <v>30</v>
      </c>
    </row>
    <row r="44" spans="1:4" ht="18" customHeight="1" x14ac:dyDescent="0.15">
      <c r="A44" s="8">
        <v>32</v>
      </c>
      <c r="B44" s="21">
        <v>24</v>
      </c>
      <c r="C44" s="6">
        <v>16</v>
      </c>
      <c r="D44" s="5">
        <v>40</v>
      </c>
    </row>
    <row r="45" spans="1:4" ht="18" customHeight="1" x14ac:dyDescent="0.15">
      <c r="A45" s="8">
        <v>33</v>
      </c>
      <c r="B45" s="21">
        <v>34</v>
      </c>
      <c r="C45" s="6">
        <v>26</v>
      </c>
      <c r="D45" s="5">
        <v>60</v>
      </c>
    </row>
    <row r="46" spans="1:4" ht="18" customHeight="1" x14ac:dyDescent="0.15">
      <c r="A46" s="8">
        <v>34</v>
      </c>
      <c r="B46" s="21">
        <v>23</v>
      </c>
      <c r="C46" s="6">
        <v>22</v>
      </c>
      <c r="D46" s="5">
        <v>45</v>
      </c>
    </row>
    <row r="47" spans="1:4" ht="18" customHeight="1" x14ac:dyDescent="0.15">
      <c r="A47" s="8" t="s">
        <v>18</v>
      </c>
      <c r="B47" s="21">
        <v>118</v>
      </c>
      <c r="C47" s="6">
        <v>101</v>
      </c>
      <c r="D47" s="5">
        <v>219</v>
      </c>
    </row>
    <row r="48" spans="1:4" ht="18" customHeight="1" x14ac:dyDescent="0.15">
      <c r="A48" s="8">
        <v>35</v>
      </c>
      <c r="B48" s="21">
        <v>22</v>
      </c>
      <c r="C48" s="6">
        <v>26</v>
      </c>
      <c r="D48" s="5">
        <v>48</v>
      </c>
    </row>
    <row r="49" spans="1:4" ht="18" customHeight="1" x14ac:dyDescent="0.15">
      <c r="A49" s="8">
        <v>36</v>
      </c>
      <c r="B49" s="21">
        <v>28</v>
      </c>
      <c r="C49" s="6">
        <v>29</v>
      </c>
      <c r="D49" s="5">
        <v>57</v>
      </c>
    </row>
    <row r="50" spans="1:4" ht="18" customHeight="1" x14ac:dyDescent="0.15">
      <c r="A50" s="8">
        <v>37</v>
      </c>
      <c r="B50" s="21">
        <v>25</v>
      </c>
      <c r="C50" s="6">
        <v>24</v>
      </c>
      <c r="D50" s="5">
        <v>49</v>
      </c>
    </row>
    <row r="51" spans="1:4" ht="18" customHeight="1" x14ac:dyDescent="0.15">
      <c r="A51" s="8">
        <v>38</v>
      </c>
      <c r="B51" s="21">
        <v>28</v>
      </c>
      <c r="C51" s="6">
        <v>26</v>
      </c>
      <c r="D51" s="5">
        <v>54</v>
      </c>
    </row>
    <row r="52" spans="1:4" ht="18" customHeight="1" x14ac:dyDescent="0.15">
      <c r="A52" s="8">
        <v>39</v>
      </c>
      <c r="B52" s="21">
        <v>31</v>
      </c>
      <c r="C52" s="6">
        <v>29</v>
      </c>
      <c r="D52" s="5">
        <v>60</v>
      </c>
    </row>
    <row r="53" spans="1:4" ht="18" customHeight="1" x14ac:dyDescent="0.15">
      <c r="A53" s="8" t="s">
        <v>17</v>
      </c>
      <c r="B53" s="21">
        <v>134</v>
      </c>
      <c r="C53" s="6">
        <v>134</v>
      </c>
      <c r="D53" s="5">
        <v>268</v>
      </c>
    </row>
    <row r="54" spans="1:4" ht="18" customHeight="1" x14ac:dyDescent="0.15">
      <c r="A54" s="8">
        <v>40</v>
      </c>
      <c r="B54" s="21">
        <v>33</v>
      </c>
      <c r="C54" s="6">
        <v>43</v>
      </c>
      <c r="D54" s="5">
        <v>76</v>
      </c>
    </row>
    <row r="55" spans="1:4" ht="18" customHeight="1" x14ac:dyDescent="0.15">
      <c r="A55" s="8">
        <v>41</v>
      </c>
      <c r="B55" s="21">
        <v>36</v>
      </c>
      <c r="C55" s="6">
        <v>29</v>
      </c>
      <c r="D55" s="5">
        <v>65</v>
      </c>
    </row>
    <row r="56" spans="1:4" ht="18" customHeight="1" x14ac:dyDescent="0.15">
      <c r="A56" s="8">
        <v>42</v>
      </c>
      <c r="B56" s="21">
        <v>29</v>
      </c>
      <c r="C56" s="6">
        <v>26</v>
      </c>
      <c r="D56" s="5">
        <v>55</v>
      </c>
    </row>
    <row r="57" spans="1:4" ht="18" customHeight="1" x14ac:dyDescent="0.15">
      <c r="A57" s="8">
        <v>43</v>
      </c>
      <c r="B57" s="21">
        <v>37</v>
      </c>
      <c r="C57" s="6">
        <v>37</v>
      </c>
      <c r="D57" s="5">
        <v>74</v>
      </c>
    </row>
    <row r="58" spans="1:4" ht="18" customHeight="1" x14ac:dyDescent="0.15">
      <c r="A58" s="8">
        <v>44</v>
      </c>
      <c r="B58" s="21">
        <v>40</v>
      </c>
      <c r="C58" s="6">
        <v>34</v>
      </c>
      <c r="D58" s="5">
        <v>74</v>
      </c>
    </row>
    <row r="59" spans="1:4" ht="18" customHeight="1" x14ac:dyDescent="0.15">
      <c r="A59" s="8" t="s">
        <v>16</v>
      </c>
      <c r="B59" s="21">
        <v>175</v>
      </c>
      <c r="C59" s="6">
        <v>169</v>
      </c>
      <c r="D59" s="5">
        <v>344</v>
      </c>
    </row>
    <row r="60" spans="1:4" ht="18" customHeight="1" x14ac:dyDescent="0.15">
      <c r="A60" s="8">
        <v>45</v>
      </c>
      <c r="B60" s="21">
        <v>43</v>
      </c>
      <c r="C60" s="6">
        <v>31</v>
      </c>
      <c r="D60" s="5">
        <v>74</v>
      </c>
    </row>
    <row r="61" spans="1:4" ht="18" customHeight="1" x14ac:dyDescent="0.15">
      <c r="A61" s="8">
        <v>46</v>
      </c>
      <c r="B61" s="21">
        <v>44</v>
      </c>
      <c r="C61" s="6">
        <v>45</v>
      </c>
      <c r="D61" s="5">
        <v>89</v>
      </c>
    </row>
    <row r="62" spans="1:4" ht="18" customHeight="1" x14ac:dyDescent="0.15">
      <c r="A62" s="8">
        <v>47</v>
      </c>
      <c r="B62" s="21">
        <v>50</v>
      </c>
      <c r="C62" s="6">
        <v>41</v>
      </c>
      <c r="D62" s="5">
        <v>91</v>
      </c>
    </row>
    <row r="63" spans="1:4" ht="18" customHeight="1" x14ac:dyDescent="0.15">
      <c r="A63" s="8">
        <v>48</v>
      </c>
      <c r="B63" s="21">
        <v>54</v>
      </c>
      <c r="C63" s="6">
        <v>47</v>
      </c>
      <c r="D63" s="5">
        <v>101</v>
      </c>
    </row>
    <row r="64" spans="1:4" ht="18" customHeight="1" x14ac:dyDescent="0.15">
      <c r="A64" s="8">
        <v>49</v>
      </c>
      <c r="B64" s="21">
        <v>52</v>
      </c>
      <c r="C64" s="6">
        <v>53</v>
      </c>
      <c r="D64" s="5">
        <v>105</v>
      </c>
    </row>
    <row r="65" spans="1:4" ht="18" customHeight="1" x14ac:dyDescent="0.15">
      <c r="A65" s="8" t="s">
        <v>15</v>
      </c>
      <c r="B65" s="21">
        <v>243</v>
      </c>
      <c r="C65" s="6">
        <v>217</v>
      </c>
      <c r="D65" s="5">
        <v>460</v>
      </c>
    </row>
    <row r="66" spans="1:4" ht="18" customHeight="1" x14ac:dyDescent="0.15">
      <c r="A66" s="8">
        <v>50</v>
      </c>
      <c r="B66" s="21">
        <v>53</v>
      </c>
      <c r="C66" s="6">
        <v>54</v>
      </c>
      <c r="D66" s="5">
        <v>107</v>
      </c>
    </row>
    <row r="67" spans="1:4" ht="18" customHeight="1" x14ac:dyDescent="0.15">
      <c r="A67" s="8">
        <v>51</v>
      </c>
      <c r="B67" s="21">
        <v>70</v>
      </c>
      <c r="C67" s="6">
        <v>70</v>
      </c>
      <c r="D67" s="5">
        <v>140</v>
      </c>
    </row>
    <row r="68" spans="1:4" ht="18" customHeight="1" x14ac:dyDescent="0.15">
      <c r="A68" s="8">
        <v>52</v>
      </c>
      <c r="B68" s="21">
        <v>77</v>
      </c>
      <c r="C68" s="6">
        <v>84</v>
      </c>
      <c r="D68" s="5">
        <v>161</v>
      </c>
    </row>
    <row r="69" spans="1:4" ht="18" customHeight="1" x14ac:dyDescent="0.15">
      <c r="A69" s="8">
        <v>53</v>
      </c>
      <c r="B69" s="21">
        <v>72</v>
      </c>
      <c r="C69" s="6">
        <v>76</v>
      </c>
      <c r="D69" s="5">
        <v>148</v>
      </c>
    </row>
    <row r="70" spans="1:4" ht="18" customHeight="1" x14ac:dyDescent="0.15">
      <c r="A70" s="8">
        <v>54</v>
      </c>
      <c r="B70" s="21">
        <v>50</v>
      </c>
      <c r="C70" s="6">
        <v>65</v>
      </c>
      <c r="D70" s="5">
        <v>115</v>
      </c>
    </row>
    <row r="71" spans="1:4" ht="18" customHeight="1" x14ac:dyDescent="0.15">
      <c r="A71" s="8" t="s">
        <v>14</v>
      </c>
      <c r="B71" s="21">
        <v>322</v>
      </c>
      <c r="C71" s="6">
        <v>349</v>
      </c>
      <c r="D71" s="5">
        <v>671</v>
      </c>
    </row>
    <row r="72" spans="1:4" ht="18" customHeight="1" x14ac:dyDescent="0.15">
      <c r="A72" s="8">
        <v>55</v>
      </c>
      <c r="B72" s="21">
        <v>69</v>
      </c>
      <c r="C72" s="6">
        <v>53</v>
      </c>
      <c r="D72" s="5">
        <v>122</v>
      </c>
    </row>
    <row r="73" spans="1:4" ht="18" customHeight="1" x14ac:dyDescent="0.15">
      <c r="A73" s="8">
        <v>56</v>
      </c>
      <c r="B73" s="21">
        <v>56</v>
      </c>
      <c r="C73" s="6">
        <v>49</v>
      </c>
      <c r="D73" s="5">
        <v>105</v>
      </c>
    </row>
    <row r="74" spans="1:4" ht="18" customHeight="1" x14ac:dyDescent="0.15">
      <c r="A74" s="8">
        <v>57</v>
      </c>
      <c r="B74" s="21">
        <v>51</v>
      </c>
      <c r="C74" s="6">
        <v>39</v>
      </c>
      <c r="D74" s="5">
        <v>90</v>
      </c>
    </row>
    <row r="75" spans="1:4" ht="18" customHeight="1" x14ac:dyDescent="0.15">
      <c r="A75" s="8">
        <v>58</v>
      </c>
      <c r="B75" s="21">
        <v>59</v>
      </c>
      <c r="C75" s="6">
        <v>52</v>
      </c>
      <c r="D75" s="5">
        <v>111</v>
      </c>
    </row>
    <row r="76" spans="1:4" ht="18" customHeight="1" x14ac:dyDescent="0.15">
      <c r="A76" s="8">
        <v>59</v>
      </c>
      <c r="B76" s="21">
        <v>32</v>
      </c>
      <c r="C76" s="6">
        <v>32</v>
      </c>
      <c r="D76" s="5">
        <v>64</v>
      </c>
    </row>
    <row r="77" spans="1:4" ht="18" customHeight="1" x14ac:dyDescent="0.15">
      <c r="A77" s="8" t="s">
        <v>13</v>
      </c>
      <c r="B77" s="21">
        <v>267</v>
      </c>
      <c r="C77" s="6">
        <v>225</v>
      </c>
      <c r="D77" s="5">
        <v>492</v>
      </c>
    </row>
    <row r="78" spans="1:4" ht="18" customHeight="1" x14ac:dyDescent="0.15">
      <c r="A78" s="8">
        <v>60</v>
      </c>
      <c r="B78" s="21">
        <v>50</v>
      </c>
      <c r="C78" s="6">
        <v>52</v>
      </c>
      <c r="D78" s="5">
        <v>102</v>
      </c>
    </row>
    <row r="79" spans="1:4" ht="18" customHeight="1" x14ac:dyDescent="0.15">
      <c r="A79" s="8">
        <v>61</v>
      </c>
      <c r="B79" s="21">
        <v>46</v>
      </c>
      <c r="C79" s="6">
        <v>47</v>
      </c>
      <c r="D79" s="5">
        <v>93</v>
      </c>
    </row>
    <row r="80" spans="1:4" ht="18" customHeight="1" x14ac:dyDescent="0.15">
      <c r="A80" s="8">
        <v>62</v>
      </c>
      <c r="B80" s="21">
        <v>29</v>
      </c>
      <c r="C80" s="6">
        <v>34</v>
      </c>
      <c r="D80" s="5">
        <v>63</v>
      </c>
    </row>
    <row r="81" spans="1:4" ht="18" customHeight="1" x14ac:dyDescent="0.15">
      <c r="A81" s="8">
        <v>63</v>
      </c>
      <c r="B81" s="21">
        <v>40</v>
      </c>
      <c r="C81" s="6">
        <v>36</v>
      </c>
      <c r="D81" s="5">
        <v>76</v>
      </c>
    </row>
    <row r="82" spans="1:4" ht="18" customHeight="1" x14ac:dyDescent="0.15">
      <c r="A82" s="8">
        <v>64</v>
      </c>
      <c r="B82" s="21">
        <v>39</v>
      </c>
      <c r="C82" s="6">
        <v>36</v>
      </c>
      <c r="D82" s="5">
        <v>75</v>
      </c>
    </row>
    <row r="83" spans="1:4" ht="18" customHeight="1" x14ac:dyDescent="0.15">
      <c r="A83" s="8" t="s">
        <v>12</v>
      </c>
      <c r="B83" s="21">
        <v>204</v>
      </c>
      <c r="C83" s="6">
        <v>205</v>
      </c>
      <c r="D83" s="5">
        <v>409</v>
      </c>
    </row>
    <row r="84" spans="1:4" ht="18" customHeight="1" x14ac:dyDescent="0.15">
      <c r="A84" s="8" t="s">
        <v>11</v>
      </c>
      <c r="B84" s="21">
        <v>1963</v>
      </c>
      <c r="C84" s="6">
        <v>1860</v>
      </c>
      <c r="D84" s="5">
        <v>3823</v>
      </c>
    </row>
    <row r="85" spans="1:4" ht="18" customHeight="1" x14ac:dyDescent="0.15">
      <c r="A85" s="8">
        <v>65</v>
      </c>
      <c r="B85" s="21">
        <v>42</v>
      </c>
      <c r="C85" s="6">
        <v>41</v>
      </c>
      <c r="D85" s="5">
        <v>83</v>
      </c>
    </row>
    <row r="86" spans="1:4" ht="18" customHeight="1" x14ac:dyDescent="0.15">
      <c r="A86" s="8">
        <v>66</v>
      </c>
      <c r="B86" s="21">
        <v>32</v>
      </c>
      <c r="C86" s="6">
        <v>50</v>
      </c>
      <c r="D86" s="5">
        <v>82</v>
      </c>
    </row>
    <row r="87" spans="1:4" ht="18" customHeight="1" x14ac:dyDescent="0.15">
      <c r="A87" s="8">
        <v>67</v>
      </c>
      <c r="B87" s="21">
        <v>51</v>
      </c>
      <c r="C87" s="6">
        <v>44</v>
      </c>
      <c r="D87" s="5">
        <v>95</v>
      </c>
    </row>
    <row r="88" spans="1:4" ht="18" customHeight="1" x14ac:dyDescent="0.15">
      <c r="A88" s="8">
        <v>68</v>
      </c>
      <c r="B88" s="21">
        <v>48</v>
      </c>
      <c r="C88" s="6">
        <v>41</v>
      </c>
      <c r="D88" s="5">
        <v>89</v>
      </c>
    </row>
    <row r="89" spans="1:4" ht="18" customHeight="1" x14ac:dyDescent="0.15">
      <c r="A89" s="8">
        <v>69</v>
      </c>
      <c r="B89" s="21">
        <v>37</v>
      </c>
      <c r="C89" s="6">
        <v>43</v>
      </c>
      <c r="D89" s="5">
        <v>80</v>
      </c>
    </row>
    <row r="90" spans="1:4" ht="18" customHeight="1" x14ac:dyDescent="0.15">
      <c r="A90" s="8" t="s">
        <v>10</v>
      </c>
      <c r="B90" s="21">
        <v>210</v>
      </c>
      <c r="C90" s="6">
        <v>219</v>
      </c>
      <c r="D90" s="5">
        <v>429</v>
      </c>
    </row>
    <row r="91" spans="1:4" ht="18" customHeight="1" x14ac:dyDescent="0.15">
      <c r="A91" s="8">
        <v>70</v>
      </c>
      <c r="B91" s="21">
        <v>29</v>
      </c>
      <c r="C91" s="6">
        <v>50</v>
      </c>
      <c r="D91" s="5">
        <v>79</v>
      </c>
    </row>
    <row r="92" spans="1:4" ht="18" customHeight="1" x14ac:dyDescent="0.15">
      <c r="A92" s="8">
        <v>71</v>
      </c>
      <c r="B92" s="21">
        <v>43</v>
      </c>
      <c r="C92" s="6">
        <v>40</v>
      </c>
      <c r="D92" s="5">
        <v>83</v>
      </c>
    </row>
    <row r="93" spans="1:4" ht="18" customHeight="1" x14ac:dyDescent="0.15">
      <c r="A93" s="8">
        <v>72</v>
      </c>
      <c r="B93" s="21">
        <v>45</v>
      </c>
      <c r="C93" s="6">
        <v>42</v>
      </c>
      <c r="D93" s="5">
        <v>87</v>
      </c>
    </row>
    <row r="94" spans="1:4" ht="18" customHeight="1" x14ac:dyDescent="0.15">
      <c r="A94" s="8">
        <v>73</v>
      </c>
      <c r="B94" s="21">
        <v>50</v>
      </c>
      <c r="C94" s="6">
        <v>56</v>
      </c>
      <c r="D94" s="5">
        <v>106</v>
      </c>
    </row>
    <row r="95" spans="1:4" ht="18" customHeight="1" x14ac:dyDescent="0.15">
      <c r="A95" s="8">
        <v>74</v>
      </c>
      <c r="B95" s="21">
        <v>34</v>
      </c>
      <c r="C95" s="6">
        <v>49</v>
      </c>
      <c r="D95" s="5">
        <v>83</v>
      </c>
    </row>
    <row r="96" spans="1:4" ht="18" customHeight="1" x14ac:dyDescent="0.15">
      <c r="A96" s="8" t="s">
        <v>9</v>
      </c>
      <c r="B96" s="21">
        <v>201</v>
      </c>
      <c r="C96" s="6">
        <v>237</v>
      </c>
      <c r="D96" s="5">
        <v>438</v>
      </c>
    </row>
    <row r="97" spans="1:4" ht="18" customHeight="1" x14ac:dyDescent="0.15">
      <c r="A97" s="8">
        <v>75</v>
      </c>
      <c r="B97" s="21">
        <v>45</v>
      </c>
      <c r="C97" s="6">
        <v>57</v>
      </c>
      <c r="D97" s="5">
        <v>102</v>
      </c>
    </row>
    <row r="98" spans="1:4" ht="18" customHeight="1" x14ac:dyDescent="0.15">
      <c r="A98" s="8">
        <v>76</v>
      </c>
      <c r="B98" s="21">
        <v>60</v>
      </c>
      <c r="C98" s="6">
        <v>84</v>
      </c>
      <c r="D98" s="5">
        <v>144</v>
      </c>
    </row>
    <row r="99" spans="1:4" ht="18" customHeight="1" x14ac:dyDescent="0.15">
      <c r="A99" s="8">
        <v>77</v>
      </c>
      <c r="B99" s="21">
        <v>58</v>
      </c>
      <c r="C99" s="6">
        <v>64</v>
      </c>
      <c r="D99" s="5">
        <v>122</v>
      </c>
    </row>
    <row r="100" spans="1:4" ht="18" customHeight="1" x14ac:dyDescent="0.15">
      <c r="A100" s="8">
        <v>78</v>
      </c>
      <c r="B100" s="21">
        <v>55</v>
      </c>
      <c r="C100" s="6">
        <v>74</v>
      </c>
      <c r="D100" s="5">
        <v>129</v>
      </c>
    </row>
    <row r="101" spans="1:4" ht="18" customHeight="1" x14ac:dyDescent="0.15">
      <c r="A101" s="8">
        <v>79</v>
      </c>
      <c r="B101" s="21">
        <v>29</v>
      </c>
      <c r="C101" s="6">
        <v>32</v>
      </c>
      <c r="D101" s="5">
        <v>61</v>
      </c>
    </row>
    <row r="102" spans="1:4" ht="18" customHeight="1" x14ac:dyDescent="0.15">
      <c r="A102" s="8" t="s">
        <v>8</v>
      </c>
      <c r="B102" s="21">
        <v>247</v>
      </c>
      <c r="C102" s="6">
        <v>311</v>
      </c>
      <c r="D102" s="5">
        <v>558</v>
      </c>
    </row>
    <row r="103" spans="1:4" ht="18" customHeight="1" x14ac:dyDescent="0.15">
      <c r="A103" s="8">
        <v>80</v>
      </c>
      <c r="B103" s="21">
        <v>23</v>
      </c>
      <c r="C103" s="6">
        <v>42</v>
      </c>
      <c r="D103" s="5">
        <v>65</v>
      </c>
    </row>
    <row r="104" spans="1:4" ht="18" customHeight="1" x14ac:dyDescent="0.15">
      <c r="A104" s="8">
        <v>81</v>
      </c>
      <c r="B104" s="21">
        <v>38</v>
      </c>
      <c r="C104" s="6">
        <v>68</v>
      </c>
      <c r="D104" s="5">
        <v>106</v>
      </c>
    </row>
    <row r="105" spans="1:4" ht="18" customHeight="1" x14ac:dyDescent="0.15">
      <c r="A105" s="8">
        <v>82</v>
      </c>
      <c r="B105" s="21">
        <v>34</v>
      </c>
      <c r="C105" s="6">
        <v>52</v>
      </c>
      <c r="D105" s="5">
        <v>86</v>
      </c>
    </row>
    <row r="106" spans="1:4" ht="18" customHeight="1" x14ac:dyDescent="0.15">
      <c r="A106" s="8">
        <v>83</v>
      </c>
      <c r="B106" s="21">
        <v>33</v>
      </c>
      <c r="C106" s="6">
        <v>44</v>
      </c>
      <c r="D106" s="5">
        <v>77</v>
      </c>
    </row>
    <row r="107" spans="1:4" ht="18" customHeight="1" x14ac:dyDescent="0.15">
      <c r="A107" s="8">
        <v>84</v>
      </c>
      <c r="B107" s="21">
        <v>29</v>
      </c>
      <c r="C107" s="6">
        <v>37</v>
      </c>
      <c r="D107" s="5">
        <v>66</v>
      </c>
    </row>
    <row r="108" spans="1:4" ht="18" customHeight="1" x14ac:dyDescent="0.15">
      <c r="A108" s="8" t="s">
        <v>7</v>
      </c>
      <c r="B108" s="21">
        <v>157</v>
      </c>
      <c r="C108" s="6">
        <v>243</v>
      </c>
      <c r="D108" s="5">
        <v>400</v>
      </c>
    </row>
    <row r="109" spans="1:4" ht="18" customHeight="1" x14ac:dyDescent="0.15">
      <c r="A109" s="8">
        <v>85</v>
      </c>
      <c r="B109" s="21">
        <v>35</v>
      </c>
      <c r="C109" s="6">
        <v>40</v>
      </c>
      <c r="D109" s="5">
        <v>75</v>
      </c>
    </row>
    <row r="110" spans="1:4" ht="18" customHeight="1" x14ac:dyDescent="0.15">
      <c r="A110" s="8">
        <v>86</v>
      </c>
      <c r="B110" s="21">
        <v>28</v>
      </c>
      <c r="C110" s="6">
        <v>25</v>
      </c>
      <c r="D110" s="5">
        <v>53</v>
      </c>
    </row>
    <row r="111" spans="1:4" ht="18" customHeight="1" x14ac:dyDescent="0.15">
      <c r="A111" s="8">
        <v>87</v>
      </c>
      <c r="B111" s="21">
        <v>14</v>
      </c>
      <c r="C111" s="6">
        <v>24</v>
      </c>
      <c r="D111" s="5">
        <v>38</v>
      </c>
    </row>
    <row r="112" spans="1:4" ht="18" customHeight="1" x14ac:dyDescent="0.15">
      <c r="A112" s="8">
        <v>88</v>
      </c>
      <c r="B112" s="21">
        <v>23</v>
      </c>
      <c r="C112" s="6">
        <v>36</v>
      </c>
      <c r="D112" s="5">
        <v>59</v>
      </c>
    </row>
    <row r="113" spans="1:4" ht="18" customHeight="1" x14ac:dyDescent="0.15">
      <c r="A113" s="8">
        <v>89</v>
      </c>
      <c r="B113" s="21">
        <v>10</v>
      </c>
      <c r="C113" s="6">
        <v>33</v>
      </c>
      <c r="D113" s="5">
        <v>43</v>
      </c>
    </row>
    <row r="114" spans="1:4" ht="18" customHeight="1" x14ac:dyDescent="0.15">
      <c r="A114" s="8" t="s">
        <v>6</v>
      </c>
      <c r="B114" s="21">
        <v>110</v>
      </c>
      <c r="C114" s="6">
        <v>158</v>
      </c>
      <c r="D114" s="5">
        <v>268</v>
      </c>
    </row>
    <row r="115" spans="1:4" ht="18" customHeight="1" x14ac:dyDescent="0.15">
      <c r="A115" s="8">
        <v>90</v>
      </c>
      <c r="B115" s="21">
        <v>12</v>
      </c>
      <c r="C115" s="6">
        <v>32</v>
      </c>
      <c r="D115" s="5">
        <v>44</v>
      </c>
    </row>
    <row r="116" spans="1:4" ht="18" customHeight="1" x14ac:dyDescent="0.15">
      <c r="A116" s="8">
        <v>91</v>
      </c>
      <c r="B116" s="21">
        <v>7</v>
      </c>
      <c r="C116" s="6">
        <v>19</v>
      </c>
      <c r="D116" s="5">
        <v>26</v>
      </c>
    </row>
    <row r="117" spans="1:4" ht="18" customHeight="1" x14ac:dyDescent="0.15">
      <c r="A117" s="8">
        <v>92</v>
      </c>
      <c r="B117" s="21">
        <v>10</v>
      </c>
      <c r="C117" s="6">
        <v>20</v>
      </c>
      <c r="D117" s="5">
        <v>30</v>
      </c>
    </row>
    <row r="118" spans="1:4" ht="18" customHeight="1" x14ac:dyDescent="0.15">
      <c r="A118" s="8">
        <v>93</v>
      </c>
      <c r="B118" s="21">
        <v>4</v>
      </c>
      <c r="C118" s="6">
        <v>20</v>
      </c>
      <c r="D118" s="5">
        <v>24</v>
      </c>
    </row>
    <row r="119" spans="1:4" ht="18" customHeight="1" x14ac:dyDescent="0.15">
      <c r="A119" s="8">
        <v>94</v>
      </c>
      <c r="B119" s="21">
        <v>7</v>
      </c>
      <c r="C119" s="6">
        <v>9</v>
      </c>
      <c r="D119" s="5">
        <v>16</v>
      </c>
    </row>
    <row r="120" spans="1:4" ht="18" customHeight="1" x14ac:dyDescent="0.15">
      <c r="A120" s="8" t="s">
        <v>5</v>
      </c>
      <c r="B120" s="21">
        <v>40</v>
      </c>
      <c r="C120" s="6">
        <v>100</v>
      </c>
      <c r="D120" s="5">
        <v>140</v>
      </c>
    </row>
    <row r="121" spans="1:4" ht="18" customHeight="1" x14ac:dyDescent="0.15">
      <c r="A121" s="8">
        <v>95</v>
      </c>
      <c r="B121" s="21">
        <v>1</v>
      </c>
      <c r="C121" s="6">
        <v>8</v>
      </c>
      <c r="D121" s="5">
        <v>9</v>
      </c>
    </row>
    <row r="122" spans="1:4" ht="18" customHeight="1" x14ac:dyDescent="0.15">
      <c r="A122" s="8">
        <v>96</v>
      </c>
      <c r="B122" s="21">
        <v>3</v>
      </c>
      <c r="C122" s="6">
        <v>5</v>
      </c>
      <c r="D122" s="5">
        <v>8</v>
      </c>
    </row>
    <row r="123" spans="1:4" ht="18" customHeight="1" x14ac:dyDescent="0.15">
      <c r="A123" s="8">
        <v>97</v>
      </c>
      <c r="B123" s="21">
        <v>1</v>
      </c>
      <c r="C123" s="6">
        <v>5</v>
      </c>
      <c r="D123" s="5">
        <v>6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6</v>
      </c>
      <c r="C126" s="6">
        <v>21</v>
      </c>
      <c r="D126" s="5">
        <v>27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972</v>
      </c>
      <c r="C130" s="6">
        <v>1296</v>
      </c>
      <c r="D130" s="5">
        <v>2268</v>
      </c>
    </row>
    <row r="131" spans="1:4" ht="18" customHeight="1" x14ac:dyDescent="0.15">
      <c r="A131" s="4" t="s">
        <v>0</v>
      </c>
      <c r="B131" s="20">
        <v>3273</v>
      </c>
      <c r="C131" s="2">
        <v>3433</v>
      </c>
      <c r="D131" s="1">
        <v>670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4442A6-7DFC-4242-9143-0DAFE5AAD2B2}">
  <sheetPr codeName="Sheet4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9</v>
      </c>
      <c r="C5" s="11">
        <v>5</v>
      </c>
      <c r="D5" s="10">
        <v>14</v>
      </c>
    </row>
    <row r="6" spans="1:4" ht="18" customHeight="1" x14ac:dyDescent="0.15">
      <c r="A6" s="8">
        <v>1</v>
      </c>
      <c r="B6" s="21">
        <v>11</v>
      </c>
      <c r="C6" s="6">
        <v>13</v>
      </c>
      <c r="D6" s="5">
        <v>24</v>
      </c>
    </row>
    <row r="7" spans="1:4" ht="18" customHeight="1" x14ac:dyDescent="0.15">
      <c r="A7" s="8">
        <v>2</v>
      </c>
      <c r="B7" s="21">
        <v>14</v>
      </c>
      <c r="C7" s="6">
        <v>11</v>
      </c>
      <c r="D7" s="5">
        <v>25</v>
      </c>
    </row>
    <row r="8" spans="1:4" ht="18" customHeight="1" x14ac:dyDescent="0.15">
      <c r="A8" s="8">
        <v>3</v>
      </c>
      <c r="B8" s="21">
        <v>16</v>
      </c>
      <c r="C8" s="6">
        <v>10</v>
      </c>
      <c r="D8" s="5">
        <v>26</v>
      </c>
    </row>
    <row r="9" spans="1:4" ht="18" customHeight="1" x14ac:dyDescent="0.15">
      <c r="A9" s="8">
        <v>4</v>
      </c>
      <c r="B9" s="21">
        <v>12</v>
      </c>
      <c r="C9" s="6">
        <v>15</v>
      </c>
      <c r="D9" s="5">
        <v>27</v>
      </c>
    </row>
    <row r="10" spans="1:4" ht="18" customHeight="1" x14ac:dyDescent="0.15">
      <c r="A10" s="8" t="s">
        <v>25</v>
      </c>
      <c r="B10" s="21">
        <v>62</v>
      </c>
      <c r="C10" s="6">
        <v>54</v>
      </c>
      <c r="D10" s="5">
        <v>116</v>
      </c>
    </row>
    <row r="11" spans="1:4" ht="18" customHeight="1" x14ac:dyDescent="0.15">
      <c r="A11" s="8">
        <v>5</v>
      </c>
      <c r="B11" s="21">
        <v>10</v>
      </c>
      <c r="C11" s="6">
        <v>14</v>
      </c>
      <c r="D11" s="5">
        <v>24</v>
      </c>
    </row>
    <row r="12" spans="1:4" ht="18" customHeight="1" x14ac:dyDescent="0.15">
      <c r="A12" s="8">
        <v>6</v>
      </c>
      <c r="B12" s="21">
        <v>17</v>
      </c>
      <c r="C12" s="6">
        <v>15</v>
      </c>
      <c r="D12" s="5">
        <v>32</v>
      </c>
    </row>
    <row r="13" spans="1:4" ht="18" customHeight="1" x14ac:dyDescent="0.15">
      <c r="A13" s="8">
        <v>7</v>
      </c>
      <c r="B13" s="21">
        <v>14</v>
      </c>
      <c r="C13" s="6">
        <v>13</v>
      </c>
      <c r="D13" s="5">
        <v>27</v>
      </c>
    </row>
    <row r="14" spans="1:4" ht="18" customHeight="1" x14ac:dyDescent="0.15">
      <c r="A14" s="8">
        <v>8</v>
      </c>
      <c r="B14" s="21">
        <v>21</v>
      </c>
      <c r="C14" s="6">
        <v>10</v>
      </c>
      <c r="D14" s="5">
        <v>31</v>
      </c>
    </row>
    <row r="15" spans="1:4" ht="18" customHeight="1" x14ac:dyDescent="0.15">
      <c r="A15" s="8">
        <v>9</v>
      </c>
      <c r="B15" s="21">
        <v>26</v>
      </c>
      <c r="C15" s="6">
        <v>13</v>
      </c>
      <c r="D15" s="5">
        <v>39</v>
      </c>
    </row>
    <row r="16" spans="1:4" ht="18" customHeight="1" x14ac:dyDescent="0.15">
      <c r="A16" s="8" t="s">
        <v>24</v>
      </c>
      <c r="B16" s="21">
        <v>88</v>
      </c>
      <c r="C16" s="6">
        <v>65</v>
      </c>
      <c r="D16" s="5">
        <v>153</v>
      </c>
    </row>
    <row r="17" spans="1:4" ht="18" customHeight="1" x14ac:dyDescent="0.15">
      <c r="A17" s="8">
        <v>10</v>
      </c>
      <c r="B17" s="21">
        <v>14</v>
      </c>
      <c r="C17" s="6">
        <v>26</v>
      </c>
      <c r="D17" s="5">
        <v>40</v>
      </c>
    </row>
    <row r="18" spans="1:4" ht="18" customHeight="1" x14ac:dyDescent="0.15">
      <c r="A18" s="8">
        <v>11</v>
      </c>
      <c r="B18" s="21">
        <v>24</v>
      </c>
      <c r="C18" s="6">
        <v>21</v>
      </c>
      <c r="D18" s="5">
        <v>45</v>
      </c>
    </row>
    <row r="19" spans="1:4" ht="18" customHeight="1" x14ac:dyDescent="0.15">
      <c r="A19" s="8">
        <v>12</v>
      </c>
      <c r="B19" s="21">
        <v>18</v>
      </c>
      <c r="C19" s="6">
        <v>19</v>
      </c>
      <c r="D19" s="5">
        <v>37</v>
      </c>
    </row>
    <row r="20" spans="1:4" ht="18" customHeight="1" x14ac:dyDescent="0.15">
      <c r="A20" s="8">
        <v>13</v>
      </c>
      <c r="B20" s="21">
        <v>28</v>
      </c>
      <c r="C20" s="6">
        <v>20</v>
      </c>
      <c r="D20" s="5">
        <v>48</v>
      </c>
    </row>
    <row r="21" spans="1:4" ht="18" customHeight="1" x14ac:dyDescent="0.15">
      <c r="A21" s="8">
        <v>14</v>
      </c>
      <c r="B21" s="21">
        <v>28</v>
      </c>
      <c r="C21" s="6">
        <v>27</v>
      </c>
      <c r="D21" s="5">
        <v>55</v>
      </c>
    </row>
    <row r="22" spans="1:4" ht="18" customHeight="1" x14ac:dyDescent="0.15">
      <c r="A22" s="8" t="s">
        <v>23</v>
      </c>
      <c r="B22" s="21">
        <v>112</v>
      </c>
      <c r="C22" s="6">
        <v>113</v>
      </c>
      <c r="D22" s="5">
        <v>225</v>
      </c>
    </row>
    <row r="23" spans="1:4" ht="18" customHeight="1" x14ac:dyDescent="0.15">
      <c r="A23" s="8" t="s">
        <v>22</v>
      </c>
      <c r="B23" s="21">
        <v>262</v>
      </c>
      <c r="C23" s="6">
        <v>232</v>
      </c>
      <c r="D23" s="5">
        <v>494</v>
      </c>
    </row>
    <row r="24" spans="1:4" ht="18" customHeight="1" x14ac:dyDescent="0.15">
      <c r="A24" s="8">
        <v>15</v>
      </c>
      <c r="B24" s="21">
        <v>24</v>
      </c>
      <c r="C24" s="6">
        <v>33</v>
      </c>
      <c r="D24" s="5">
        <v>57</v>
      </c>
    </row>
    <row r="25" spans="1:4" ht="18" customHeight="1" x14ac:dyDescent="0.15">
      <c r="A25" s="8">
        <v>16</v>
      </c>
      <c r="B25" s="21">
        <v>23</v>
      </c>
      <c r="C25" s="6">
        <v>24</v>
      </c>
      <c r="D25" s="5">
        <v>47</v>
      </c>
    </row>
    <row r="26" spans="1:4" ht="18" customHeight="1" x14ac:dyDescent="0.15">
      <c r="A26" s="8">
        <v>17</v>
      </c>
      <c r="B26" s="21">
        <v>26</v>
      </c>
      <c r="C26" s="6">
        <v>22</v>
      </c>
      <c r="D26" s="5">
        <v>48</v>
      </c>
    </row>
    <row r="27" spans="1:4" ht="18" customHeight="1" x14ac:dyDescent="0.15">
      <c r="A27" s="8">
        <v>18</v>
      </c>
      <c r="B27" s="21">
        <v>30</v>
      </c>
      <c r="C27" s="6">
        <v>32</v>
      </c>
      <c r="D27" s="5">
        <v>62</v>
      </c>
    </row>
    <row r="28" spans="1:4" ht="18" customHeight="1" x14ac:dyDescent="0.15">
      <c r="A28" s="8">
        <v>19</v>
      </c>
      <c r="B28" s="21">
        <v>25</v>
      </c>
      <c r="C28" s="6">
        <v>21</v>
      </c>
      <c r="D28" s="5">
        <v>46</v>
      </c>
    </row>
    <row r="29" spans="1:4" ht="18" customHeight="1" x14ac:dyDescent="0.15">
      <c r="A29" s="8" t="s">
        <v>21</v>
      </c>
      <c r="B29" s="21">
        <v>128</v>
      </c>
      <c r="C29" s="6">
        <v>132</v>
      </c>
      <c r="D29" s="5">
        <v>260</v>
      </c>
    </row>
    <row r="30" spans="1:4" ht="18" customHeight="1" x14ac:dyDescent="0.15">
      <c r="A30" s="8">
        <v>20</v>
      </c>
      <c r="B30" s="21">
        <v>26</v>
      </c>
      <c r="C30" s="6">
        <v>27</v>
      </c>
      <c r="D30" s="5">
        <v>53</v>
      </c>
    </row>
    <row r="31" spans="1:4" ht="18" customHeight="1" x14ac:dyDescent="0.15">
      <c r="A31" s="8">
        <v>21</v>
      </c>
      <c r="B31" s="21">
        <v>26</v>
      </c>
      <c r="C31" s="6">
        <v>20</v>
      </c>
      <c r="D31" s="5">
        <v>46</v>
      </c>
    </row>
    <row r="32" spans="1:4" ht="18" customHeight="1" x14ac:dyDescent="0.15">
      <c r="A32" s="8">
        <v>22</v>
      </c>
      <c r="B32" s="21">
        <v>20</v>
      </c>
      <c r="C32" s="6">
        <v>25</v>
      </c>
      <c r="D32" s="5">
        <v>45</v>
      </c>
    </row>
    <row r="33" spans="1:4" ht="18" customHeight="1" x14ac:dyDescent="0.15">
      <c r="A33" s="8">
        <v>23</v>
      </c>
      <c r="B33" s="21">
        <v>27</v>
      </c>
      <c r="C33" s="6">
        <v>14</v>
      </c>
      <c r="D33" s="5">
        <v>41</v>
      </c>
    </row>
    <row r="34" spans="1:4" ht="18" customHeight="1" x14ac:dyDescent="0.15">
      <c r="A34" s="8">
        <v>24</v>
      </c>
      <c r="B34" s="21">
        <v>30</v>
      </c>
      <c r="C34" s="6">
        <v>21</v>
      </c>
      <c r="D34" s="5">
        <v>51</v>
      </c>
    </row>
    <row r="35" spans="1:4" ht="18" customHeight="1" x14ac:dyDescent="0.15">
      <c r="A35" s="8" t="s">
        <v>20</v>
      </c>
      <c r="B35" s="21">
        <v>129</v>
      </c>
      <c r="C35" s="6">
        <v>107</v>
      </c>
      <c r="D35" s="5">
        <v>236</v>
      </c>
    </row>
    <row r="36" spans="1:4" ht="18" customHeight="1" x14ac:dyDescent="0.15">
      <c r="A36" s="8">
        <v>25</v>
      </c>
      <c r="B36" s="21">
        <v>18</v>
      </c>
      <c r="C36" s="6">
        <v>15</v>
      </c>
      <c r="D36" s="5">
        <v>33</v>
      </c>
    </row>
    <row r="37" spans="1:4" ht="18" customHeight="1" x14ac:dyDescent="0.15">
      <c r="A37" s="8">
        <v>26</v>
      </c>
      <c r="B37" s="21">
        <v>15</v>
      </c>
      <c r="C37" s="6">
        <v>14</v>
      </c>
      <c r="D37" s="5">
        <v>29</v>
      </c>
    </row>
    <row r="38" spans="1:4" ht="18" customHeight="1" x14ac:dyDescent="0.15">
      <c r="A38" s="8">
        <v>27</v>
      </c>
      <c r="B38" s="21">
        <v>25</v>
      </c>
      <c r="C38" s="6">
        <v>20</v>
      </c>
      <c r="D38" s="5">
        <v>45</v>
      </c>
    </row>
    <row r="39" spans="1:4" ht="18" customHeight="1" x14ac:dyDescent="0.15">
      <c r="A39" s="8">
        <v>28</v>
      </c>
      <c r="B39" s="21">
        <v>18</v>
      </c>
      <c r="C39" s="6">
        <v>15</v>
      </c>
      <c r="D39" s="5">
        <v>33</v>
      </c>
    </row>
    <row r="40" spans="1:4" ht="18" customHeight="1" x14ac:dyDescent="0.15">
      <c r="A40" s="8">
        <v>29</v>
      </c>
      <c r="B40" s="21">
        <v>21</v>
      </c>
      <c r="C40" s="6">
        <v>17</v>
      </c>
      <c r="D40" s="5">
        <v>38</v>
      </c>
    </row>
    <row r="41" spans="1:4" ht="18" customHeight="1" x14ac:dyDescent="0.15">
      <c r="A41" s="8" t="s">
        <v>19</v>
      </c>
      <c r="B41" s="21">
        <v>97</v>
      </c>
      <c r="C41" s="6">
        <v>81</v>
      </c>
      <c r="D41" s="5">
        <v>178</v>
      </c>
    </row>
    <row r="42" spans="1:4" ht="18" customHeight="1" x14ac:dyDescent="0.15">
      <c r="A42" s="8">
        <v>30</v>
      </c>
      <c r="B42" s="21">
        <v>18</v>
      </c>
      <c r="C42" s="6">
        <v>17</v>
      </c>
      <c r="D42" s="5">
        <v>35</v>
      </c>
    </row>
    <row r="43" spans="1:4" ht="18" customHeight="1" x14ac:dyDescent="0.15">
      <c r="A43" s="8">
        <v>31</v>
      </c>
      <c r="B43" s="21">
        <v>19</v>
      </c>
      <c r="C43" s="6">
        <v>17</v>
      </c>
      <c r="D43" s="5">
        <v>36</v>
      </c>
    </row>
    <row r="44" spans="1:4" ht="18" customHeight="1" x14ac:dyDescent="0.15">
      <c r="A44" s="8">
        <v>32</v>
      </c>
      <c r="B44" s="21">
        <v>21</v>
      </c>
      <c r="C44" s="6">
        <v>17</v>
      </c>
      <c r="D44" s="5">
        <v>38</v>
      </c>
    </row>
    <row r="45" spans="1:4" ht="18" customHeight="1" x14ac:dyDescent="0.15">
      <c r="A45" s="8">
        <v>33</v>
      </c>
      <c r="B45" s="21">
        <v>14</v>
      </c>
      <c r="C45" s="6">
        <v>14</v>
      </c>
      <c r="D45" s="5">
        <v>28</v>
      </c>
    </row>
    <row r="46" spans="1:4" ht="18" customHeight="1" x14ac:dyDescent="0.15">
      <c r="A46" s="8">
        <v>34</v>
      </c>
      <c r="B46" s="21">
        <v>29</v>
      </c>
      <c r="C46" s="6">
        <v>19</v>
      </c>
      <c r="D46" s="5">
        <v>48</v>
      </c>
    </row>
    <row r="47" spans="1:4" ht="18" customHeight="1" x14ac:dyDescent="0.15">
      <c r="A47" s="8" t="s">
        <v>18</v>
      </c>
      <c r="B47" s="21">
        <v>101</v>
      </c>
      <c r="C47" s="6">
        <v>84</v>
      </c>
      <c r="D47" s="5">
        <v>185</v>
      </c>
    </row>
    <row r="48" spans="1:4" ht="18" customHeight="1" x14ac:dyDescent="0.15">
      <c r="A48" s="8">
        <v>35</v>
      </c>
      <c r="B48" s="21">
        <v>13</v>
      </c>
      <c r="C48" s="6">
        <v>11</v>
      </c>
      <c r="D48" s="5">
        <v>24</v>
      </c>
    </row>
    <row r="49" spans="1:4" ht="18" customHeight="1" x14ac:dyDescent="0.15">
      <c r="A49" s="8">
        <v>36</v>
      </c>
      <c r="B49" s="21">
        <v>15</v>
      </c>
      <c r="C49" s="6">
        <v>21</v>
      </c>
      <c r="D49" s="5">
        <v>36</v>
      </c>
    </row>
    <row r="50" spans="1:4" ht="18" customHeight="1" x14ac:dyDescent="0.15">
      <c r="A50" s="8">
        <v>37</v>
      </c>
      <c r="B50" s="21">
        <v>21</v>
      </c>
      <c r="C50" s="6">
        <v>22</v>
      </c>
      <c r="D50" s="5">
        <v>43</v>
      </c>
    </row>
    <row r="51" spans="1:4" ht="18" customHeight="1" x14ac:dyDescent="0.15">
      <c r="A51" s="8">
        <v>38</v>
      </c>
      <c r="B51" s="21">
        <v>24</v>
      </c>
      <c r="C51" s="6">
        <v>23</v>
      </c>
      <c r="D51" s="5">
        <v>47</v>
      </c>
    </row>
    <row r="52" spans="1:4" ht="18" customHeight="1" x14ac:dyDescent="0.15">
      <c r="A52" s="8">
        <v>39</v>
      </c>
      <c r="B52" s="21">
        <v>31</v>
      </c>
      <c r="C52" s="6">
        <v>23</v>
      </c>
      <c r="D52" s="5">
        <v>54</v>
      </c>
    </row>
    <row r="53" spans="1:4" ht="18" customHeight="1" x14ac:dyDescent="0.15">
      <c r="A53" s="8" t="s">
        <v>17</v>
      </c>
      <c r="B53" s="21">
        <v>104</v>
      </c>
      <c r="C53" s="6">
        <v>100</v>
      </c>
      <c r="D53" s="5">
        <v>204</v>
      </c>
    </row>
    <row r="54" spans="1:4" ht="18" customHeight="1" x14ac:dyDescent="0.15">
      <c r="A54" s="8">
        <v>40</v>
      </c>
      <c r="B54" s="21">
        <v>22</v>
      </c>
      <c r="C54" s="6">
        <v>25</v>
      </c>
      <c r="D54" s="5">
        <v>47</v>
      </c>
    </row>
    <row r="55" spans="1:4" ht="18" customHeight="1" x14ac:dyDescent="0.15">
      <c r="A55" s="8">
        <v>41</v>
      </c>
      <c r="B55" s="21">
        <v>24</v>
      </c>
      <c r="C55" s="6">
        <v>28</v>
      </c>
      <c r="D55" s="5">
        <v>52</v>
      </c>
    </row>
    <row r="56" spans="1:4" ht="18" customHeight="1" x14ac:dyDescent="0.15">
      <c r="A56" s="8">
        <v>42</v>
      </c>
      <c r="B56" s="21">
        <v>30</v>
      </c>
      <c r="C56" s="6">
        <v>26</v>
      </c>
      <c r="D56" s="5">
        <v>56</v>
      </c>
    </row>
    <row r="57" spans="1:4" ht="18" customHeight="1" x14ac:dyDescent="0.15">
      <c r="A57" s="8">
        <v>43</v>
      </c>
      <c r="B57" s="21">
        <v>29</v>
      </c>
      <c r="C57" s="6">
        <v>32</v>
      </c>
      <c r="D57" s="5">
        <v>61</v>
      </c>
    </row>
    <row r="58" spans="1:4" ht="18" customHeight="1" x14ac:dyDescent="0.15">
      <c r="A58" s="8">
        <v>44</v>
      </c>
      <c r="B58" s="21">
        <v>34</v>
      </c>
      <c r="C58" s="6">
        <v>31</v>
      </c>
      <c r="D58" s="5">
        <v>65</v>
      </c>
    </row>
    <row r="59" spans="1:4" ht="18" customHeight="1" x14ac:dyDescent="0.15">
      <c r="A59" s="8" t="s">
        <v>16</v>
      </c>
      <c r="B59" s="21">
        <v>139</v>
      </c>
      <c r="C59" s="6">
        <v>142</v>
      </c>
      <c r="D59" s="5">
        <v>281</v>
      </c>
    </row>
    <row r="60" spans="1:4" ht="18" customHeight="1" x14ac:dyDescent="0.15">
      <c r="A60" s="8">
        <v>45</v>
      </c>
      <c r="B60" s="21">
        <v>39</v>
      </c>
      <c r="C60" s="6">
        <v>38</v>
      </c>
      <c r="D60" s="5">
        <v>77</v>
      </c>
    </row>
    <row r="61" spans="1:4" ht="18" customHeight="1" x14ac:dyDescent="0.15">
      <c r="A61" s="8">
        <v>46</v>
      </c>
      <c r="B61" s="21">
        <v>33</v>
      </c>
      <c r="C61" s="6">
        <v>39</v>
      </c>
      <c r="D61" s="5">
        <v>72</v>
      </c>
    </row>
    <row r="62" spans="1:4" ht="18" customHeight="1" x14ac:dyDescent="0.15">
      <c r="A62" s="8">
        <v>47</v>
      </c>
      <c r="B62" s="21">
        <v>51</v>
      </c>
      <c r="C62" s="6">
        <v>40</v>
      </c>
      <c r="D62" s="5">
        <v>91</v>
      </c>
    </row>
    <row r="63" spans="1:4" ht="18" customHeight="1" x14ac:dyDescent="0.15">
      <c r="A63" s="8">
        <v>48</v>
      </c>
      <c r="B63" s="21">
        <v>48</v>
      </c>
      <c r="C63" s="6">
        <v>32</v>
      </c>
      <c r="D63" s="5">
        <v>80</v>
      </c>
    </row>
    <row r="64" spans="1:4" ht="18" customHeight="1" x14ac:dyDescent="0.15">
      <c r="A64" s="8">
        <v>49</v>
      </c>
      <c r="B64" s="21">
        <v>44</v>
      </c>
      <c r="C64" s="6">
        <v>31</v>
      </c>
      <c r="D64" s="5">
        <v>75</v>
      </c>
    </row>
    <row r="65" spans="1:4" ht="18" customHeight="1" x14ac:dyDescent="0.15">
      <c r="A65" s="8" t="s">
        <v>15</v>
      </c>
      <c r="B65" s="21">
        <v>215</v>
      </c>
      <c r="C65" s="6">
        <v>180</v>
      </c>
      <c r="D65" s="5">
        <v>395</v>
      </c>
    </row>
    <row r="66" spans="1:4" ht="18" customHeight="1" x14ac:dyDescent="0.15">
      <c r="A66" s="8">
        <v>50</v>
      </c>
      <c r="B66" s="21">
        <v>49</v>
      </c>
      <c r="C66" s="6">
        <v>41</v>
      </c>
      <c r="D66" s="5">
        <v>90</v>
      </c>
    </row>
    <row r="67" spans="1:4" ht="18" customHeight="1" x14ac:dyDescent="0.15">
      <c r="A67" s="8">
        <v>51</v>
      </c>
      <c r="B67" s="21">
        <v>44</v>
      </c>
      <c r="C67" s="6">
        <v>55</v>
      </c>
      <c r="D67" s="5">
        <v>99</v>
      </c>
    </row>
    <row r="68" spans="1:4" ht="18" customHeight="1" x14ac:dyDescent="0.15">
      <c r="A68" s="8">
        <v>52</v>
      </c>
      <c r="B68" s="21">
        <v>57</v>
      </c>
      <c r="C68" s="6">
        <v>43</v>
      </c>
      <c r="D68" s="5">
        <v>100</v>
      </c>
    </row>
    <row r="69" spans="1:4" ht="18" customHeight="1" x14ac:dyDescent="0.15">
      <c r="A69" s="8">
        <v>53</v>
      </c>
      <c r="B69" s="21">
        <v>43</v>
      </c>
      <c r="C69" s="6">
        <v>51</v>
      </c>
      <c r="D69" s="5">
        <v>94</v>
      </c>
    </row>
    <row r="70" spans="1:4" ht="18" customHeight="1" x14ac:dyDescent="0.15">
      <c r="A70" s="8">
        <v>54</v>
      </c>
      <c r="B70" s="21">
        <v>41</v>
      </c>
      <c r="C70" s="6">
        <v>58</v>
      </c>
      <c r="D70" s="5">
        <v>99</v>
      </c>
    </row>
    <row r="71" spans="1:4" ht="18" customHeight="1" x14ac:dyDescent="0.15">
      <c r="A71" s="8" t="s">
        <v>14</v>
      </c>
      <c r="B71" s="21">
        <v>234</v>
      </c>
      <c r="C71" s="6">
        <v>248</v>
      </c>
      <c r="D71" s="5">
        <v>482</v>
      </c>
    </row>
    <row r="72" spans="1:4" ht="18" customHeight="1" x14ac:dyDescent="0.15">
      <c r="A72" s="8">
        <v>55</v>
      </c>
      <c r="B72" s="21">
        <v>55</v>
      </c>
      <c r="C72" s="6">
        <v>54</v>
      </c>
      <c r="D72" s="5">
        <v>109</v>
      </c>
    </row>
    <row r="73" spans="1:4" ht="18" customHeight="1" x14ac:dyDescent="0.15">
      <c r="A73" s="8">
        <v>56</v>
      </c>
      <c r="B73" s="21">
        <v>58</v>
      </c>
      <c r="C73" s="6">
        <v>42</v>
      </c>
      <c r="D73" s="5">
        <v>100</v>
      </c>
    </row>
    <row r="74" spans="1:4" ht="18" customHeight="1" x14ac:dyDescent="0.15">
      <c r="A74" s="8">
        <v>57</v>
      </c>
      <c r="B74" s="21">
        <v>45</v>
      </c>
      <c r="C74" s="6">
        <v>35</v>
      </c>
      <c r="D74" s="5">
        <v>80</v>
      </c>
    </row>
    <row r="75" spans="1:4" ht="18" customHeight="1" x14ac:dyDescent="0.15">
      <c r="A75" s="8">
        <v>58</v>
      </c>
      <c r="B75" s="21">
        <v>43</v>
      </c>
      <c r="C75" s="6">
        <v>47</v>
      </c>
      <c r="D75" s="5">
        <v>90</v>
      </c>
    </row>
    <row r="76" spans="1:4" ht="18" customHeight="1" x14ac:dyDescent="0.15">
      <c r="A76" s="8">
        <v>59</v>
      </c>
      <c r="B76" s="21">
        <v>29</v>
      </c>
      <c r="C76" s="6">
        <v>37</v>
      </c>
      <c r="D76" s="5">
        <v>66</v>
      </c>
    </row>
    <row r="77" spans="1:4" ht="18" customHeight="1" x14ac:dyDescent="0.15">
      <c r="A77" s="8" t="s">
        <v>13</v>
      </c>
      <c r="B77" s="21">
        <v>230</v>
      </c>
      <c r="C77" s="6">
        <v>215</v>
      </c>
      <c r="D77" s="5">
        <v>445</v>
      </c>
    </row>
    <row r="78" spans="1:4" ht="18" customHeight="1" x14ac:dyDescent="0.15">
      <c r="A78" s="8">
        <v>60</v>
      </c>
      <c r="B78" s="21">
        <v>46</v>
      </c>
      <c r="C78" s="6">
        <v>36</v>
      </c>
      <c r="D78" s="5">
        <v>82</v>
      </c>
    </row>
    <row r="79" spans="1:4" ht="18" customHeight="1" x14ac:dyDescent="0.15">
      <c r="A79" s="8">
        <v>61</v>
      </c>
      <c r="B79" s="21">
        <v>33</v>
      </c>
      <c r="C79" s="6">
        <v>44</v>
      </c>
      <c r="D79" s="5">
        <v>77</v>
      </c>
    </row>
    <row r="80" spans="1:4" ht="18" customHeight="1" x14ac:dyDescent="0.15">
      <c r="A80" s="8">
        <v>62</v>
      </c>
      <c r="B80" s="21">
        <v>35</v>
      </c>
      <c r="C80" s="6">
        <v>46</v>
      </c>
      <c r="D80" s="5">
        <v>81</v>
      </c>
    </row>
    <row r="81" spans="1:4" ht="18" customHeight="1" x14ac:dyDescent="0.15">
      <c r="A81" s="8">
        <v>63</v>
      </c>
      <c r="B81" s="21">
        <v>31</v>
      </c>
      <c r="C81" s="6">
        <v>35</v>
      </c>
      <c r="D81" s="5">
        <v>66</v>
      </c>
    </row>
    <row r="82" spans="1:4" ht="18" customHeight="1" x14ac:dyDescent="0.15">
      <c r="A82" s="8">
        <v>64</v>
      </c>
      <c r="B82" s="21">
        <v>41</v>
      </c>
      <c r="C82" s="6">
        <v>42</v>
      </c>
      <c r="D82" s="5">
        <v>83</v>
      </c>
    </row>
    <row r="83" spans="1:4" ht="18" customHeight="1" x14ac:dyDescent="0.15">
      <c r="A83" s="8" t="s">
        <v>12</v>
      </c>
      <c r="B83" s="21">
        <v>186</v>
      </c>
      <c r="C83" s="6">
        <v>203</v>
      </c>
      <c r="D83" s="5">
        <v>389</v>
      </c>
    </row>
    <row r="84" spans="1:4" ht="18" customHeight="1" x14ac:dyDescent="0.15">
      <c r="A84" s="8" t="s">
        <v>11</v>
      </c>
      <c r="B84" s="21">
        <v>1563</v>
      </c>
      <c r="C84" s="6">
        <v>1492</v>
      </c>
      <c r="D84" s="5">
        <v>3055</v>
      </c>
    </row>
    <row r="85" spans="1:4" ht="18" customHeight="1" x14ac:dyDescent="0.15">
      <c r="A85" s="8">
        <v>65</v>
      </c>
      <c r="B85" s="21">
        <v>38</v>
      </c>
      <c r="C85" s="6">
        <v>40</v>
      </c>
      <c r="D85" s="5">
        <v>78</v>
      </c>
    </row>
    <row r="86" spans="1:4" ht="18" customHeight="1" x14ac:dyDescent="0.15">
      <c r="A86" s="8">
        <v>66</v>
      </c>
      <c r="B86" s="21">
        <v>23</v>
      </c>
      <c r="C86" s="6">
        <v>40</v>
      </c>
      <c r="D86" s="5">
        <v>63</v>
      </c>
    </row>
    <row r="87" spans="1:4" ht="18" customHeight="1" x14ac:dyDescent="0.15">
      <c r="A87" s="8">
        <v>67</v>
      </c>
      <c r="B87" s="21">
        <v>46</v>
      </c>
      <c r="C87" s="6">
        <v>41</v>
      </c>
      <c r="D87" s="5">
        <v>87</v>
      </c>
    </row>
    <row r="88" spans="1:4" ht="18" customHeight="1" x14ac:dyDescent="0.15">
      <c r="A88" s="8">
        <v>68</v>
      </c>
      <c r="B88" s="21">
        <v>37</v>
      </c>
      <c r="C88" s="6">
        <v>42</v>
      </c>
      <c r="D88" s="5">
        <v>79</v>
      </c>
    </row>
    <row r="89" spans="1:4" ht="18" customHeight="1" x14ac:dyDescent="0.15">
      <c r="A89" s="8">
        <v>69</v>
      </c>
      <c r="B89" s="21">
        <v>33</v>
      </c>
      <c r="C89" s="6">
        <v>36</v>
      </c>
      <c r="D89" s="5">
        <v>69</v>
      </c>
    </row>
    <row r="90" spans="1:4" ht="18" customHeight="1" x14ac:dyDescent="0.15">
      <c r="A90" s="8" t="s">
        <v>10</v>
      </c>
      <c r="B90" s="21">
        <v>177</v>
      </c>
      <c r="C90" s="6">
        <v>199</v>
      </c>
      <c r="D90" s="5">
        <v>376</v>
      </c>
    </row>
    <row r="91" spans="1:4" ht="18" customHeight="1" x14ac:dyDescent="0.15">
      <c r="A91" s="8">
        <v>70</v>
      </c>
      <c r="B91" s="21">
        <v>43</v>
      </c>
      <c r="C91" s="6">
        <v>50</v>
      </c>
      <c r="D91" s="5">
        <v>93</v>
      </c>
    </row>
    <row r="92" spans="1:4" ht="18" customHeight="1" x14ac:dyDescent="0.15">
      <c r="A92" s="8">
        <v>71</v>
      </c>
      <c r="B92" s="21">
        <v>26</v>
      </c>
      <c r="C92" s="6">
        <v>49</v>
      </c>
      <c r="D92" s="5">
        <v>75</v>
      </c>
    </row>
    <row r="93" spans="1:4" ht="18" customHeight="1" x14ac:dyDescent="0.15">
      <c r="A93" s="8">
        <v>72</v>
      </c>
      <c r="B93" s="21">
        <v>41</v>
      </c>
      <c r="C93" s="6">
        <v>66</v>
      </c>
      <c r="D93" s="5">
        <v>107</v>
      </c>
    </row>
    <row r="94" spans="1:4" ht="18" customHeight="1" x14ac:dyDescent="0.15">
      <c r="A94" s="8">
        <v>73</v>
      </c>
      <c r="B94" s="21">
        <v>52</v>
      </c>
      <c r="C94" s="6">
        <v>74</v>
      </c>
      <c r="D94" s="5">
        <v>126</v>
      </c>
    </row>
    <row r="95" spans="1:4" ht="18" customHeight="1" x14ac:dyDescent="0.15">
      <c r="A95" s="8">
        <v>74</v>
      </c>
      <c r="B95" s="21">
        <v>58</v>
      </c>
      <c r="C95" s="6">
        <v>68</v>
      </c>
      <c r="D95" s="5">
        <v>126</v>
      </c>
    </row>
    <row r="96" spans="1:4" ht="18" customHeight="1" x14ac:dyDescent="0.15">
      <c r="A96" s="8" t="s">
        <v>9</v>
      </c>
      <c r="B96" s="21">
        <v>220</v>
      </c>
      <c r="C96" s="6">
        <v>307</v>
      </c>
      <c r="D96" s="5">
        <v>527</v>
      </c>
    </row>
    <row r="97" spans="1:4" ht="18" customHeight="1" x14ac:dyDescent="0.15">
      <c r="A97" s="8">
        <v>75</v>
      </c>
      <c r="B97" s="21">
        <v>68</v>
      </c>
      <c r="C97" s="6">
        <v>70</v>
      </c>
      <c r="D97" s="5">
        <v>138</v>
      </c>
    </row>
    <row r="98" spans="1:4" ht="18" customHeight="1" x14ac:dyDescent="0.15">
      <c r="A98" s="8">
        <v>76</v>
      </c>
      <c r="B98" s="21">
        <v>82</v>
      </c>
      <c r="C98" s="6">
        <v>75</v>
      </c>
      <c r="D98" s="5">
        <v>157</v>
      </c>
    </row>
    <row r="99" spans="1:4" ht="18" customHeight="1" x14ac:dyDescent="0.15">
      <c r="A99" s="8">
        <v>77</v>
      </c>
      <c r="B99" s="21">
        <v>62</v>
      </c>
      <c r="C99" s="6">
        <v>63</v>
      </c>
      <c r="D99" s="5">
        <v>125</v>
      </c>
    </row>
    <row r="100" spans="1:4" ht="18" customHeight="1" x14ac:dyDescent="0.15">
      <c r="A100" s="8">
        <v>78</v>
      </c>
      <c r="B100" s="21">
        <v>69</v>
      </c>
      <c r="C100" s="6">
        <v>94</v>
      </c>
      <c r="D100" s="5">
        <v>163</v>
      </c>
    </row>
    <row r="101" spans="1:4" ht="18" customHeight="1" x14ac:dyDescent="0.15">
      <c r="A101" s="8">
        <v>79</v>
      </c>
      <c r="B101" s="21">
        <v>34</v>
      </c>
      <c r="C101" s="6">
        <v>45</v>
      </c>
      <c r="D101" s="5">
        <v>79</v>
      </c>
    </row>
    <row r="102" spans="1:4" ht="18" customHeight="1" x14ac:dyDescent="0.15">
      <c r="A102" s="8" t="s">
        <v>8</v>
      </c>
      <c r="B102" s="21">
        <v>315</v>
      </c>
      <c r="C102" s="6">
        <v>347</v>
      </c>
      <c r="D102" s="5">
        <v>662</v>
      </c>
    </row>
    <row r="103" spans="1:4" ht="18" customHeight="1" x14ac:dyDescent="0.15">
      <c r="A103" s="8">
        <v>80</v>
      </c>
      <c r="B103" s="21">
        <v>35</v>
      </c>
      <c r="C103" s="6">
        <v>59</v>
      </c>
      <c r="D103" s="5">
        <v>94</v>
      </c>
    </row>
    <row r="104" spans="1:4" ht="18" customHeight="1" x14ac:dyDescent="0.15">
      <c r="A104" s="8">
        <v>81</v>
      </c>
      <c r="B104" s="21">
        <v>51</v>
      </c>
      <c r="C104" s="6">
        <v>49</v>
      </c>
      <c r="D104" s="5">
        <v>100</v>
      </c>
    </row>
    <row r="105" spans="1:4" ht="18" customHeight="1" x14ac:dyDescent="0.15">
      <c r="A105" s="8">
        <v>82</v>
      </c>
      <c r="B105" s="21">
        <v>43</v>
      </c>
      <c r="C105" s="6">
        <v>38</v>
      </c>
      <c r="D105" s="5">
        <v>81</v>
      </c>
    </row>
    <row r="106" spans="1:4" ht="18" customHeight="1" x14ac:dyDescent="0.15">
      <c r="A106" s="8">
        <v>83</v>
      </c>
      <c r="B106" s="21">
        <v>42</v>
      </c>
      <c r="C106" s="6">
        <v>45</v>
      </c>
      <c r="D106" s="5">
        <v>87</v>
      </c>
    </row>
    <row r="107" spans="1:4" ht="18" customHeight="1" x14ac:dyDescent="0.15">
      <c r="A107" s="8">
        <v>84</v>
      </c>
      <c r="B107" s="21">
        <v>31</v>
      </c>
      <c r="C107" s="6">
        <v>55</v>
      </c>
      <c r="D107" s="5">
        <v>86</v>
      </c>
    </row>
    <row r="108" spans="1:4" ht="18" customHeight="1" x14ac:dyDescent="0.15">
      <c r="A108" s="8" t="s">
        <v>7</v>
      </c>
      <c r="B108" s="21">
        <v>202</v>
      </c>
      <c r="C108" s="6">
        <v>246</v>
      </c>
      <c r="D108" s="5">
        <v>448</v>
      </c>
    </row>
    <row r="109" spans="1:4" ht="18" customHeight="1" x14ac:dyDescent="0.15">
      <c r="A109" s="8">
        <v>85</v>
      </c>
      <c r="B109" s="21">
        <v>29</v>
      </c>
      <c r="C109" s="6">
        <v>41</v>
      </c>
      <c r="D109" s="5">
        <v>70</v>
      </c>
    </row>
    <row r="110" spans="1:4" ht="18" customHeight="1" x14ac:dyDescent="0.15">
      <c r="A110" s="8">
        <v>86</v>
      </c>
      <c r="B110" s="21">
        <v>24</v>
      </c>
      <c r="C110" s="6">
        <v>36</v>
      </c>
      <c r="D110" s="5">
        <v>60</v>
      </c>
    </row>
    <row r="111" spans="1:4" ht="18" customHeight="1" x14ac:dyDescent="0.15">
      <c r="A111" s="8">
        <v>87</v>
      </c>
      <c r="B111" s="21">
        <v>20</v>
      </c>
      <c r="C111" s="6">
        <v>21</v>
      </c>
      <c r="D111" s="5">
        <v>41</v>
      </c>
    </row>
    <row r="112" spans="1:4" ht="18" customHeight="1" x14ac:dyDescent="0.15">
      <c r="A112" s="8">
        <v>88</v>
      </c>
      <c r="B112" s="21">
        <v>16</v>
      </c>
      <c r="C112" s="6">
        <v>25</v>
      </c>
      <c r="D112" s="5">
        <v>41</v>
      </c>
    </row>
    <row r="113" spans="1:4" ht="18" customHeight="1" x14ac:dyDescent="0.15">
      <c r="A113" s="8">
        <v>89</v>
      </c>
      <c r="B113" s="21">
        <v>8</v>
      </c>
      <c r="C113" s="6">
        <v>26</v>
      </c>
      <c r="D113" s="5">
        <v>34</v>
      </c>
    </row>
    <row r="114" spans="1:4" ht="18" customHeight="1" x14ac:dyDescent="0.15">
      <c r="A114" s="8" t="s">
        <v>6</v>
      </c>
      <c r="B114" s="21">
        <v>97</v>
      </c>
      <c r="C114" s="6">
        <v>149</v>
      </c>
      <c r="D114" s="5">
        <v>246</v>
      </c>
    </row>
    <row r="115" spans="1:4" ht="18" customHeight="1" x14ac:dyDescent="0.15">
      <c r="A115" s="8">
        <v>90</v>
      </c>
      <c r="B115" s="21">
        <v>13</v>
      </c>
      <c r="C115" s="6">
        <v>22</v>
      </c>
      <c r="D115" s="5">
        <v>35</v>
      </c>
    </row>
    <row r="116" spans="1:4" ht="18" customHeight="1" x14ac:dyDescent="0.15">
      <c r="A116" s="8">
        <v>91</v>
      </c>
      <c r="B116" s="21">
        <v>6</v>
      </c>
      <c r="C116" s="6">
        <v>19</v>
      </c>
      <c r="D116" s="5">
        <v>25</v>
      </c>
    </row>
    <row r="117" spans="1:4" ht="18" customHeight="1" x14ac:dyDescent="0.15">
      <c r="A117" s="8">
        <v>92</v>
      </c>
      <c r="B117" s="21">
        <v>6</v>
      </c>
      <c r="C117" s="6">
        <v>10</v>
      </c>
      <c r="D117" s="5">
        <v>16</v>
      </c>
    </row>
    <row r="118" spans="1:4" ht="18" customHeight="1" x14ac:dyDescent="0.15">
      <c r="A118" s="8">
        <v>93</v>
      </c>
      <c r="B118" s="21">
        <v>3</v>
      </c>
      <c r="C118" s="6">
        <v>15</v>
      </c>
      <c r="D118" s="5">
        <v>18</v>
      </c>
    </row>
    <row r="119" spans="1:4" ht="18" customHeight="1" x14ac:dyDescent="0.15">
      <c r="A119" s="8">
        <v>94</v>
      </c>
      <c r="B119" s="21">
        <v>3</v>
      </c>
      <c r="C119" s="6">
        <v>7</v>
      </c>
      <c r="D119" s="5">
        <v>10</v>
      </c>
    </row>
    <row r="120" spans="1:4" ht="18" customHeight="1" x14ac:dyDescent="0.15">
      <c r="A120" s="8" t="s">
        <v>5</v>
      </c>
      <c r="B120" s="21">
        <v>31</v>
      </c>
      <c r="C120" s="6">
        <v>73</v>
      </c>
      <c r="D120" s="5">
        <v>104</v>
      </c>
    </row>
    <row r="121" spans="1:4" ht="18" customHeight="1" x14ac:dyDescent="0.15">
      <c r="A121" s="8">
        <v>95</v>
      </c>
      <c r="B121" s="21">
        <v>4</v>
      </c>
      <c r="C121" s="6">
        <v>16</v>
      </c>
      <c r="D121" s="5">
        <v>20</v>
      </c>
    </row>
    <row r="122" spans="1:4" ht="18" customHeight="1" x14ac:dyDescent="0.15">
      <c r="A122" s="8">
        <v>96</v>
      </c>
      <c r="B122" s="21">
        <v>1</v>
      </c>
      <c r="C122" s="6">
        <v>8</v>
      </c>
      <c r="D122" s="5">
        <v>9</v>
      </c>
    </row>
    <row r="123" spans="1:4" ht="18" customHeight="1" x14ac:dyDescent="0.15">
      <c r="A123" s="8">
        <v>97</v>
      </c>
      <c r="B123" s="21">
        <v>4</v>
      </c>
      <c r="C123" s="6">
        <v>7</v>
      </c>
      <c r="D123" s="5">
        <v>11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0</v>
      </c>
      <c r="C126" s="6">
        <v>35</v>
      </c>
      <c r="D126" s="5">
        <v>45</v>
      </c>
    </row>
    <row r="127" spans="1:4" ht="18" customHeight="1" x14ac:dyDescent="0.15">
      <c r="A127" s="8">
        <v>100</v>
      </c>
      <c r="B127" s="21">
        <v>1</v>
      </c>
      <c r="C127" s="6">
        <v>3</v>
      </c>
      <c r="D127" s="5">
        <v>4</v>
      </c>
    </row>
    <row r="128" spans="1:4" ht="18" customHeight="1" x14ac:dyDescent="0.15">
      <c r="A128" s="9" t="s">
        <v>3</v>
      </c>
      <c r="B128" s="21">
        <v>1</v>
      </c>
      <c r="C128" s="6">
        <v>3</v>
      </c>
      <c r="D128" s="5">
        <v>4</v>
      </c>
    </row>
    <row r="129" spans="1:4" ht="18" customHeight="1" x14ac:dyDescent="0.15">
      <c r="A129" s="8" t="s">
        <v>2</v>
      </c>
      <c r="B129" s="21">
        <v>2</v>
      </c>
      <c r="C129" s="6">
        <v>6</v>
      </c>
      <c r="D129" s="5">
        <v>8</v>
      </c>
    </row>
    <row r="130" spans="1:4" ht="18" customHeight="1" x14ac:dyDescent="0.15">
      <c r="A130" s="8" t="s">
        <v>1</v>
      </c>
      <c r="B130" s="21">
        <v>1054</v>
      </c>
      <c r="C130" s="6">
        <v>1362</v>
      </c>
      <c r="D130" s="5">
        <v>2416</v>
      </c>
    </row>
    <row r="131" spans="1:4" ht="18" customHeight="1" x14ac:dyDescent="0.15">
      <c r="A131" s="4" t="s">
        <v>0</v>
      </c>
      <c r="B131" s="20">
        <v>2879</v>
      </c>
      <c r="C131" s="2">
        <v>3086</v>
      </c>
      <c r="D131" s="1">
        <v>596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9E17EC-7841-422F-904B-C6ACD724026D}">
  <sheetPr codeName="Sheet4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0</v>
      </c>
      <c r="C5" s="11">
        <v>5</v>
      </c>
      <c r="D5" s="10">
        <v>15</v>
      </c>
    </row>
    <row r="6" spans="1:4" ht="18" customHeight="1" x14ac:dyDescent="0.15">
      <c r="A6" s="8">
        <v>1</v>
      </c>
      <c r="B6" s="21">
        <v>6</v>
      </c>
      <c r="C6" s="6">
        <v>8</v>
      </c>
      <c r="D6" s="5">
        <v>14</v>
      </c>
    </row>
    <row r="7" spans="1:4" ht="18" customHeight="1" x14ac:dyDescent="0.15">
      <c r="A7" s="8">
        <v>2</v>
      </c>
      <c r="B7" s="21">
        <v>7</v>
      </c>
      <c r="C7" s="6">
        <v>10</v>
      </c>
      <c r="D7" s="5">
        <v>17</v>
      </c>
    </row>
    <row r="8" spans="1:4" ht="18" customHeight="1" x14ac:dyDescent="0.15">
      <c r="A8" s="8">
        <v>3</v>
      </c>
      <c r="B8" s="21">
        <v>6</v>
      </c>
      <c r="C8" s="6">
        <v>7</v>
      </c>
      <c r="D8" s="5">
        <v>13</v>
      </c>
    </row>
    <row r="9" spans="1:4" ht="18" customHeight="1" x14ac:dyDescent="0.15">
      <c r="A9" s="8">
        <v>4</v>
      </c>
      <c r="B9" s="21">
        <v>7</v>
      </c>
      <c r="C9" s="6">
        <v>6</v>
      </c>
      <c r="D9" s="5">
        <v>13</v>
      </c>
    </row>
    <row r="10" spans="1:4" ht="18" customHeight="1" x14ac:dyDescent="0.15">
      <c r="A10" s="8" t="s">
        <v>25</v>
      </c>
      <c r="B10" s="21">
        <v>36</v>
      </c>
      <c r="C10" s="6">
        <v>36</v>
      </c>
      <c r="D10" s="5">
        <v>72</v>
      </c>
    </row>
    <row r="11" spans="1:4" ht="18" customHeight="1" x14ac:dyDescent="0.15">
      <c r="A11" s="8">
        <v>5</v>
      </c>
      <c r="B11" s="21">
        <v>6</v>
      </c>
      <c r="C11" s="6">
        <v>6</v>
      </c>
      <c r="D11" s="5">
        <v>12</v>
      </c>
    </row>
    <row r="12" spans="1:4" ht="18" customHeight="1" x14ac:dyDescent="0.15">
      <c r="A12" s="8">
        <v>6</v>
      </c>
      <c r="B12" s="21">
        <v>11</v>
      </c>
      <c r="C12" s="6">
        <v>9</v>
      </c>
      <c r="D12" s="5">
        <v>20</v>
      </c>
    </row>
    <row r="13" spans="1:4" ht="18" customHeight="1" x14ac:dyDescent="0.15">
      <c r="A13" s="8">
        <v>7</v>
      </c>
      <c r="B13" s="21">
        <v>1</v>
      </c>
      <c r="C13" s="6">
        <v>6</v>
      </c>
      <c r="D13" s="5">
        <v>7</v>
      </c>
    </row>
    <row r="14" spans="1:4" ht="18" customHeight="1" x14ac:dyDescent="0.15">
      <c r="A14" s="8">
        <v>8</v>
      </c>
      <c r="B14" s="21">
        <v>10</v>
      </c>
      <c r="C14" s="6">
        <v>8</v>
      </c>
      <c r="D14" s="5">
        <v>18</v>
      </c>
    </row>
    <row r="15" spans="1:4" ht="18" customHeight="1" x14ac:dyDescent="0.15">
      <c r="A15" s="8">
        <v>9</v>
      </c>
      <c r="B15" s="21">
        <v>2</v>
      </c>
      <c r="C15" s="6">
        <v>3</v>
      </c>
      <c r="D15" s="5">
        <v>5</v>
      </c>
    </row>
    <row r="16" spans="1:4" ht="18" customHeight="1" x14ac:dyDescent="0.15">
      <c r="A16" s="8" t="s">
        <v>24</v>
      </c>
      <c r="B16" s="21">
        <v>30</v>
      </c>
      <c r="C16" s="6">
        <v>32</v>
      </c>
      <c r="D16" s="5">
        <v>62</v>
      </c>
    </row>
    <row r="17" spans="1:4" ht="18" customHeight="1" x14ac:dyDescent="0.15">
      <c r="A17" s="8">
        <v>10</v>
      </c>
      <c r="B17" s="21">
        <v>13</v>
      </c>
      <c r="C17" s="6">
        <v>3</v>
      </c>
      <c r="D17" s="5">
        <v>16</v>
      </c>
    </row>
    <row r="18" spans="1:4" ht="18" customHeight="1" x14ac:dyDescent="0.15">
      <c r="A18" s="8">
        <v>11</v>
      </c>
      <c r="B18" s="21">
        <v>8</v>
      </c>
      <c r="C18" s="6">
        <v>8</v>
      </c>
      <c r="D18" s="5">
        <v>16</v>
      </c>
    </row>
    <row r="19" spans="1:4" ht="18" customHeight="1" x14ac:dyDescent="0.15">
      <c r="A19" s="8">
        <v>12</v>
      </c>
      <c r="B19" s="21">
        <v>16</v>
      </c>
      <c r="C19" s="6">
        <v>9</v>
      </c>
      <c r="D19" s="5">
        <v>25</v>
      </c>
    </row>
    <row r="20" spans="1:4" ht="18" customHeight="1" x14ac:dyDescent="0.15">
      <c r="A20" s="8">
        <v>13</v>
      </c>
      <c r="B20" s="21">
        <v>13</v>
      </c>
      <c r="C20" s="6">
        <v>7</v>
      </c>
      <c r="D20" s="5">
        <v>20</v>
      </c>
    </row>
    <row r="21" spans="1:4" ht="18" customHeight="1" x14ac:dyDescent="0.15">
      <c r="A21" s="8">
        <v>14</v>
      </c>
      <c r="B21" s="21">
        <v>13</v>
      </c>
      <c r="C21" s="6">
        <v>9</v>
      </c>
      <c r="D21" s="5">
        <v>22</v>
      </c>
    </row>
    <row r="22" spans="1:4" ht="18" customHeight="1" x14ac:dyDescent="0.15">
      <c r="A22" s="8" t="s">
        <v>23</v>
      </c>
      <c r="B22" s="21">
        <v>63</v>
      </c>
      <c r="C22" s="6">
        <v>36</v>
      </c>
      <c r="D22" s="5">
        <v>99</v>
      </c>
    </row>
    <row r="23" spans="1:4" ht="18" customHeight="1" x14ac:dyDescent="0.15">
      <c r="A23" s="8" t="s">
        <v>22</v>
      </c>
      <c r="B23" s="21">
        <v>129</v>
      </c>
      <c r="C23" s="6">
        <v>104</v>
      </c>
      <c r="D23" s="5">
        <v>233</v>
      </c>
    </row>
    <row r="24" spans="1:4" ht="18" customHeight="1" x14ac:dyDescent="0.15">
      <c r="A24" s="8">
        <v>15</v>
      </c>
      <c r="B24" s="21">
        <v>17</v>
      </c>
      <c r="C24" s="6">
        <v>19</v>
      </c>
      <c r="D24" s="5">
        <v>36</v>
      </c>
    </row>
    <row r="25" spans="1:4" ht="18" customHeight="1" x14ac:dyDescent="0.15">
      <c r="A25" s="8">
        <v>16</v>
      </c>
      <c r="B25" s="21">
        <v>11</v>
      </c>
      <c r="C25" s="6">
        <v>8</v>
      </c>
      <c r="D25" s="5">
        <v>19</v>
      </c>
    </row>
    <row r="26" spans="1:4" ht="18" customHeight="1" x14ac:dyDescent="0.15">
      <c r="A26" s="8">
        <v>17</v>
      </c>
      <c r="B26" s="21">
        <v>18</v>
      </c>
      <c r="C26" s="6">
        <v>16</v>
      </c>
      <c r="D26" s="5">
        <v>34</v>
      </c>
    </row>
    <row r="27" spans="1:4" ht="18" customHeight="1" x14ac:dyDescent="0.15">
      <c r="A27" s="8">
        <v>18</v>
      </c>
      <c r="B27" s="21">
        <v>18</v>
      </c>
      <c r="C27" s="6">
        <v>16</v>
      </c>
      <c r="D27" s="5">
        <v>34</v>
      </c>
    </row>
    <row r="28" spans="1:4" ht="18" customHeight="1" x14ac:dyDescent="0.15">
      <c r="A28" s="8">
        <v>19</v>
      </c>
      <c r="B28" s="21">
        <v>16</v>
      </c>
      <c r="C28" s="6">
        <v>13</v>
      </c>
      <c r="D28" s="5">
        <v>29</v>
      </c>
    </row>
    <row r="29" spans="1:4" ht="18" customHeight="1" x14ac:dyDescent="0.15">
      <c r="A29" s="8" t="s">
        <v>21</v>
      </c>
      <c r="B29" s="21">
        <v>80</v>
      </c>
      <c r="C29" s="6">
        <v>72</v>
      </c>
      <c r="D29" s="5">
        <v>152</v>
      </c>
    </row>
    <row r="30" spans="1:4" ht="18" customHeight="1" x14ac:dyDescent="0.15">
      <c r="A30" s="8">
        <v>20</v>
      </c>
      <c r="B30" s="21">
        <v>24</v>
      </c>
      <c r="C30" s="6">
        <v>12</v>
      </c>
      <c r="D30" s="5">
        <v>36</v>
      </c>
    </row>
    <row r="31" spans="1:4" ht="18" customHeight="1" x14ac:dyDescent="0.15">
      <c r="A31" s="8">
        <v>21</v>
      </c>
      <c r="B31" s="21">
        <v>16</v>
      </c>
      <c r="C31" s="6">
        <v>17</v>
      </c>
      <c r="D31" s="5">
        <v>33</v>
      </c>
    </row>
    <row r="32" spans="1:4" ht="18" customHeight="1" x14ac:dyDescent="0.15">
      <c r="A32" s="8">
        <v>22</v>
      </c>
      <c r="B32" s="21">
        <v>22</v>
      </c>
      <c r="C32" s="6">
        <v>16</v>
      </c>
      <c r="D32" s="5">
        <v>38</v>
      </c>
    </row>
    <row r="33" spans="1:4" ht="18" customHeight="1" x14ac:dyDescent="0.15">
      <c r="A33" s="8">
        <v>23</v>
      </c>
      <c r="B33" s="21">
        <v>21</v>
      </c>
      <c r="C33" s="6">
        <v>20</v>
      </c>
      <c r="D33" s="5">
        <v>41</v>
      </c>
    </row>
    <row r="34" spans="1:4" ht="18" customHeight="1" x14ac:dyDescent="0.15">
      <c r="A34" s="8">
        <v>24</v>
      </c>
      <c r="B34" s="21">
        <v>18</v>
      </c>
      <c r="C34" s="6">
        <v>14</v>
      </c>
      <c r="D34" s="5">
        <v>32</v>
      </c>
    </row>
    <row r="35" spans="1:4" ht="18" customHeight="1" x14ac:dyDescent="0.15">
      <c r="A35" s="8" t="s">
        <v>20</v>
      </c>
      <c r="B35" s="21">
        <v>101</v>
      </c>
      <c r="C35" s="6">
        <v>79</v>
      </c>
      <c r="D35" s="5">
        <v>180</v>
      </c>
    </row>
    <row r="36" spans="1:4" ht="18" customHeight="1" x14ac:dyDescent="0.15">
      <c r="A36" s="8">
        <v>25</v>
      </c>
      <c r="B36" s="21">
        <v>28</v>
      </c>
      <c r="C36" s="6">
        <v>27</v>
      </c>
      <c r="D36" s="5">
        <v>55</v>
      </c>
    </row>
    <row r="37" spans="1:4" ht="18" customHeight="1" x14ac:dyDescent="0.15">
      <c r="A37" s="8">
        <v>26</v>
      </c>
      <c r="B37" s="21">
        <v>11</v>
      </c>
      <c r="C37" s="6">
        <v>16</v>
      </c>
      <c r="D37" s="5">
        <v>27</v>
      </c>
    </row>
    <row r="38" spans="1:4" ht="18" customHeight="1" x14ac:dyDescent="0.15">
      <c r="A38" s="8">
        <v>27</v>
      </c>
      <c r="B38" s="21">
        <v>15</v>
      </c>
      <c r="C38" s="6">
        <v>20</v>
      </c>
      <c r="D38" s="5">
        <v>35</v>
      </c>
    </row>
    <row r="39" spans="1:4" ht="18" customHeight="1" x14ac:dyDescent="0.15">
      <c r="A39" s="8">
        <v>28</v>
      </c>
      <c r="B39" s="21">
        <v>28</v>
      </c>
      <c r="C39" s="6">
        <v>11</v>
      </c>
      <c r="D39" s="5">
        <v>39</v>
      </c>
    </row>
    <row r="40" spans="1:4" ht="18" customHeight="1" x14ac:dyDescent="0.15">
      <c r="A40" s="8">
        <v>29</v>
      </c>
      <c r="B40" s="21">
        <v>12</v>
      </c>
      <c r="C40" s="6">
        <v>12</v>
      </c>
      <c r="D40" s="5">
        <v>24</v>
      </c>
    </row>
    <row r="41" spans="1:4" ht="18" customHeight="1" x14ac:dyDescent="0.15">
      <c r="A41" s="8" t="s">
        <v>19</v>
      </c>
      <c r="B41" s="21">
        <v>94</v>
      </c>
      <c r="C41" s="6">
        <v>86</v>
      </c>
      <c r="D41" s="5">
        <v>180</v>
      </c>
    </row>
    <row r="42" spans="1:4" ht="18" customHeight="1" x14ac:dyDescent="0.15">
      <c r="A42" s="8">
        <v>30</v>
      </c>
      <c r="B42" s="21">
        <v>18</v>
      </c>
      <c r="C42" s="6">
        <v>8</v>
      </c>
      <c r="D42" s="5">
        <v>26</v>
      </c>
    </row>
    <row r="43" spans="1:4" ht="18" customHeight="1" x14ac:dyDescent="0.15">
      <c r="A43" s="8">
        <v>31</v>
      </c>
      <c r="B43" s="21">
        <v>15</v>
      </c>
      <c r="C43" s="6">
        <v>16</v>
      </c>
      <c r="D43" s="5">
        <v>31</v>
      </c>
    </row>
    <row r="44" spans="1:4" ht="18" customHeight="1" x14ac:dyDescent="0.15">
      <c r="A44" s="8">
        <v>32</v>
      </c>
      <c r="B44" s="21">
        <v>20</v>
      </c>
      <c r="C44" s="6">
        <v>18</v>
      </c>
      <c r="D44" s="5">
        <v>38</v>
      </c>
    </row>
    <row r="45" spans="1:4" ht="18" customHeight="1" x14ac:dyDescent="0.15">
      <c r="A45" s="8">
        <v>33</v>
      </c>
      <c r="B45" s="21">
        <v>17</v>
      </c>
      <c r="C45" s="6">
        <v>10</v>
      </c>
      <c r="D45" s="5">
        <v>27</v>
      </c>
    </row>
    <row r="46" spans="1:4" ht="18" customHeight="1" x14ac:dyDescent="0.15">
      <c r="A46" s="8">
        <v>34</v>
      </c>
      <c r="B46" s="21">
        <v>16</v>
      </c>
      <c r="C46" s="6">
        <v>8</v>
      </c>
      <c r="D46" s="5">
        <v>24</v>
      </c>
    </row>
    <row r="47" spans="1:4" ht="18" customHeight="1" x14ac:dyDescent="0.15">
      <c r="A47" s="8" t="s">
        <v>18</v>
      </c>
      <c r="B47" s="21">
        <v>86</v>
      </c>
      <c r="C47" s="6">
        <v>60</v>
      </c>
      <c r="D47" s="5">
        <v>146</v>
      </c>
    </row>
    <row r="48" spans="1:4" ht="18" customHeight="1" x14ac:dyDescent="0.15">
      <c r="A48" s="8">
        <v>35</v>
      </c>
      <c r="B48" s="21">
        <v>17</v>
      </c>
      <c r="C48" s="6">
        <v>11</v>
      </c>
      <c r="D48" s="5">
        <v>28</v>
      </c>
    </row>
    <row r="49" spans="1:4" ht="18" customHeight="1" x14ac:dyDescent="0.15">
      <c r="A49" s="8">
        <v>36</v>
      </c>
      <c r="B49" s="21">
        <v>14</v>
      </c>
      <c r="C49" s="6">
        <v>8</v>
      </c>
      <c r="D49" s="5">
        <v>22</v>
      </c>
    </row>
    <row r="50" spans="1:4" ht="18" customHeight="1" x14ac:dyDescent="0.15">
      <c r="A50" s="8">
        <v>37</v>
      </c>
      <c r="B50" s="21">
        <v>16</v>
      </c>
      <c r="C50" s="6">
        <v>13</v>
      </c>
      <c r="D50" s="5">
        <v>29</v>
      </c>
    </row>
    <row r="51" spans="1:4" ht="18" customHeight="1" x14ac:dyDescent="0.15">
      <c r="A51" s="8">
        <v>38</v>
      </c>
      <c r="B51" s="21">
        <v>14</v>
      </c>
      <c r="C51" s="6">
        <v>14</v>
      </c>
      <c r="D51" s="5">
        <v>28</v>
      </c>
    </row>
    <row r="52" spans="1:4" ht="18" customHeight="1" x14ac:dyDescent="0.15">
      <c r="A52" s="8">
        <v>39</v>
      </c>
      <c r="B52" s="21">
        <v>9</v>
      </c>
      <c r="C52" s="6">
        <v>18</v>
      </c>
      <c r="D52" s="5">
        <v>27</v>
      </c>
    </row>
    <row r="53" spans="1:4" ht="18" customHeight="1" x14ac:dyDescent="0.15">
      <c r="A53" s="8" t="s">
        <v>17</v>
      </c>
      <c r="B53" s="21">
        <v>70</v>
      </c>
      <c r="C53" s="6">
        <v>64</v>
      </c>
      <c r="D53" s="5">
        <v>134</v>
      </c>
    </row>
    <row r="54" spans="1:4" ht="18" customHeight="1" x14ac:dyDescent="0.15">
      <c r="A54" s="8">
        <v>40</v>
      </c>
      <c r="B54" s="21">
        <v>14</v>
      </c>
      <c r="C54" s="6">
        <v>13</v>
      </c>
      <c r="D54" s="5">
        <v>27</v>
      </c>
    </row>
    <row r="55" spans="1:4" ht="18" customHeight="1" x14ac:dyDescent="0.15">
      <c r="A55" s="8">
        <v>41</v>
      </c>
      <c r="B55" s="21">
        <v>14</v>
      </c>
      <c r="C55" s="6">
        <v>13</v>
      </c>
      <c r="D55" s="5">
        <v>27</v>
      </c>
    </row>
    <row r="56" spans="1:4" ht="18" customHeight="1" x14ac:dyDescent="0.15">
      <c r="A56" s="8">
        <v>42</v>
      </c>
      <c r="B56" s="21">
        <v>12</v>
      </c>
      <c r="C56" s="6">
        <v>12</v>
      </c>
      <c r="D56" s="5">
        <v>24</v>
      </c>
    </row>
    <row r="57" spans="1:4" ht="18" customHeight="1" x14ac:dyDescent="0.15">
      <c r="A57" s="8">
        <v>43</v>
      </c>
      <c r="B57" s="21">
        <v>17</v>
      </c>
      <c r="C57" s="6">
        <v>19</v>
      </c>
      <c r="D57" s="5">
        <v>36</v>
      </c>
    </row>
    <row r="58" spans="1:4" ht="18" customHeight="1" x14ac:dyDescent="0.15">
      <c r="A58" s="8">
        <v>44</v>
      </c>
      <c r="B58" s="21">
        <v>20</v>
      </c>
      <c r="C58" s="6">
        <v>13</v>
      </c>
      <c r="D58" s="5">
        <v>33</v>
      </c>
    </row>
    <row r="59" spans="1:4" ht="18" customHeight="1" x14ac:dyDescent="0.15">
      <c r="A59" s="8" t="s">
        <v>16</v>
      </c>
      <c r="B59" s="21">
        <v>77</v>
      </c>
      <c r="C59" s="6">
        <v>70</v>
      </c>
      <c r="D59" s="5">
        <v>147</v>
      </c>
    </row>
    <row r="60" spans="1:4" ht="18" customHeight="1" x14ac:dyDescent="0.15">
      <c r="A60" s="8">
        <v>45</v>
      </c>
      <c r="B60" s="21">
        <v>14</v>
      </c>
      <c r="C60" s="6">
        <v>11</v>
      </c>
      <c r="D60" s="5">
        <v>25</v>
      </c>
    </row>
    <row r="61" spans="1:4" ht="18" customHeight="1" x14ac:dyDescent="0.15">
      <c r="A61" s="8">
        <v>46</v>
      </c>
      <c r="B61" s="21">
        <v>15</v>
      </c>
      <c r="C61" s="6">
        <v>14</v>
      </c>
      <c r="D61" s="5">
        <v>29</v>
      </c>
    </row>
    <row r="62" spans="1:4" ht="18" customHeight="1" x14ac:dyDescent="0.15">
      <c r="A62" s="8">
        <v>47</v>
      </c>
      <c r="B62" s="21">
        <v>27</v>
      </c>
      <c r="C62" s="6">
        <v>21</v>
      </c>
      <c r="D62" s="5">
        <v>48</v>
      </c>
    </row>
    <row r="63" spans="1:4" ht="18" customHeight="1" x14ac:dyDescent="0.15">
      <c r="A63" s="8">
        <v>48</v>
      </c>
      <c r="B63" s="21">
        <v>15</v>
      </c>
      <c r="C63" s="6">
        <v>20</v>
      </c>
      <c r="D63" s="5">
        <v>35</v>
      </c>
    </row>
    <row r="64" spans="1:4" ht="18" customHeight="1" x14ac:dyDescent="0.15">
      <c r="A64" s="8">
        <v>49</v>
      </c>
      <c r="B64" s="21">
        <v>24</v>
      </c>
      <c r="C64" s="6">
        <v>19</v>
      </c>
      <c r="D64" s="5">
        <v>43</v>
      </c>
    </row>
    <row r="65" spans="1:4" ht="18" customHeight="1" x14ac:dyDescent="0.15">
      <c r="A65" s="8" t="s">
        <v>15</v>
      </c>
      <c r="B65" s="21">
        <v>95</v>
      </c>
      <c r="C65" s="6">
        <v>85</v>
      </c>
      <c r="D65" s="5">
        <v>180</v>
      </c>
    </row>
    <row r="66" spans="1:4" ht="18" customHeight="1" x14ac:dyDescent="0.15">
      <c r="A66" s="8">
        <v>50</v>
      </c>
      <c r="B66" s="21">
        <v>29</v>
      </c>
      <c r="C66" s="6">
        <v>23</v>
      </c>
      <c r="D66" s="5">
        <v>52</v>
      </c>
    </row>
    <row r="67" spans="1:4" ht="18" customHeight="1" x14ac:dyDescent="0.15">
      <c r="A67" s="8">
        <v>51</v>
      </c>
      <c r="B67" s="21">
        <v>30</v>
      </c>
      <c r="C67" s="6">
        <v>29</v>
      </c>
      <c r="D67" s="5">
        <v>59</v>
      </c>
    </row>
    <row r="68" spans="1:4" ht="18" customHeight="1" x14ac:dyDescent="0.15">
      <c r="A68" s="8">
        <v>52</v>
      </c>
      <c r="B68" s="21">
        <v>24</v>
      </c>
      <c r="C68" s="6">
        <v>38</v>
      </c>
      <c r="D68" s="5">
        <v>62</v>
      </c>
    </row>
    <row r="69" spans="1:4" ht="18" customHeight="1" x14ac:dyDescent="0.15">
      <c r="A69" s="8">
        <v>53</v>
      </c>
      <c r="B69" s="21">
        <v>28</v>
      </c>
      <c r="C69" s="6">
        <v>36</v>
      </c>
      <c r="D69" s="5">
        <v>64</v>
      </c>
    </row>
    <row r="70" spans="1:4" ht="18" customHeight="1" x14ac:dyDescent="0.15">
      <c r="A70" s="8">
        <v>54</v>
      </c>
      <c r="B70" s="21">
        <v>33</v>
      </c>
      <c r="C70" s="6">
        <v>28</v>
      </c>
      <c r="D70" s="5">
        <v>61</v>
      </c>
    </row>
    <row r="71" spans="1:4" ht="18" customHeight="1" x14ac:dyDescent="0.15">
      <c r="A71" s="8" t="s">
        <v>14</v>
      </c>
      <c r="B71" s="21">
        <v>144</v>
      </c>
      <c r="C71" s="6">
        <v>154</v>
      </c>
      <c r="D71" s="5">
        <v>298</v>
      </c>
    </row>
    <row r="72" spans="1:4" ht="18" customHeight="1" x14ac:dyDescent="0.15">
      <c r="A72" s="8">
        <v>55</v>
      </c>
      <c r="B72" s="21">
        <v>34</v>
      </c>
      <c r="C72" s="6">
        <v>32</v>
      </c>
      <c r="D72" s="5">
        <v>66</v>
      </c>
    </row>
    <row r="73" spans="1:4" ht="18" customHeight="1" x14ac:dyDescent="0.15">
      <c r="A73" s="8">
        <v>56</v>
      </c>
      <c r="B73" s="21">
        <v>36</v>
      </c>
      <c r="C73" s="6">
        <v>38</v>
      </c>
      <c r="D73" s="5">
        <v>74</v>
      </c>
    </row>
    <row r="74" spans="1:4" ht="18" customHeight="1" x14ac:dyDescent="0.15">
      <c r="A74" s="8">
        <v>57</v>
      </c>
      <c r="B74" s="21">
        <v>24</v>
      </c>
      <c r="C74" s="6">
        <v>18</v>
      </c>
      <c r="D74" s="5">
        <v>42</v>
      </c>
    </row>
    <row r="75" spans="1:4" ht="18" customHeight="1" x14ac:dyDescent="0.15">
      <c r="A75" s="8">
        <v>58</v>
      </c>
      <c r="B75" s="21">
        <v>36</v>
      </c>
      <c r="C75" s="6">
        <v>33</v>
      </c>
      <c r="D75" s="5">
        <v>69</v>
      </c>
    </row>
    <row r="76" spans="1:4" ht="18" customHeight="1" x14ac:dyDescent="0.15">
      <c r="A76" s="8">
        <v>59</v>
      </c>
      <c r="B76" s="21">
        <v>20</v>
      </c>
      <c r="C76" s="6">
        <v>28</v>
      </c>
      <c r="D76" s="5">
        <v>48</v>
      </c>
    </row>
    <row r="77" spans="1:4" ht="18" customHeight="1" x14ac:dyDescent="0.15">
      <c r="A77" s="8" t="s">
        <v>13</v>
      </c>
      <c r="B77" s="21">
        <v>150</v>
      </c>
      <c r="C77" s="6">
        <v>149</v>
      </c>
      <c r="D77" s="5">
        <v>299</v>
      </c>
    </row>
    <row r="78" spans="1:4" ht="18" customHeight="1" x14ac:dyDescent="0.15">
      <c r="A78" s="8">
        <v>60</v>
      </c>
      <c r="B78" s="21">
        <v>22</v>
      </c>
      <c r="C78" s="6">
        <v>20</v>
      </c>
      <c r="D78" s="5">
        <v>42</v>
      </c>
    </row>
    <row r="79" spans="1:4" ht="18" customHeight="1" x14ac:dyDescent="0.15">
      <c r="A79" s="8">
        <v>61</v>
      </c>
      <c r="B79" s="21">
        <v>28</v>
      </c>
      <c r="C79" s="6">
        <v>24</v>
      </c>
      <c r="D79" s="5">
        <v>52</v>
      </c>
    </row>
    <row r="80" spans="1:4" ht="18" customHeight="1" x14ac:dyDescent="0.15">
      <c r="A80" s="8">
        <v>62</v>
      </c>
      <c r="B80" s="21">
        <v>21</v>
      </c>
      <c r="C80" s="6">
        <v>21</v>
      </c>
      <c r="D80" s="5">
        <v>42</v>
      </c>
    </row>
    <row r="81" spans="1:4" ht="18" customHeight="1" x14ac:dyDescent="0.15">
      <c r="A81" s="8">
        <v>63</v>
      </c>
      <c r="B81" s="21">
        <v>27</v>
      </c>
      <c r="C81" s="6">
        <v>24</v>
      </c>
      <c r="D81" s="5">
        <v>51</v>
      </c>
    </row>
    <row r="82" spans="1:4" ht="18" customHeight="1" x14ac:dyDescent="0.15">
      <c r="A82" s="8">
        <v>64</v>
      </c>
      <c r="B82" s="21">
        <v>19</v>
      </c>
      <c r="C82" s="6">
        <v>27</v>
      </c>
      <c r="D82" s="5">
        <v>46</v>
      </c>
    </row>
    <row r="83" spans="1:4" ht="18" customHeight="1" x14ac:dyDescent="0.15">
      <c r="A83" s="8" t="s">
        <v>12</v>
      </c>
      <c r="B83" s="21">
        <v>117</v>
      </c>
      <c r="C83" s="6">
        <v>116</v>
      </c>
      <c r="D83" s="5">
        <v>233</v>
      </c>
    </row>
    <row r="84" spans="1:4" ht="18" customHeight="1" x14ac:dyDescent="0.15">
      <c r="A84" s="8" t="s">
        <v>11</v>
      </c>
      <c r="B84" s="21">
        <v>1014</v>
      </c>
      <c r="C84" s="6">
        <v>935</v>
      </c>
      <c r="D84" s="5">
        <v>1949</v>
      </c>
    </row>
    <row r="85" spans="1:4" ht="18" customHeight="1" x14ac:dyDescent="0.15">
      <c r="A85" s="8">
        <v>65</v>
      </c>
      <c r="B85" s="21">
        <v>12</v>
      </c>
      <c r="C85" s="6">
        <v>13</v>
      </c>
      <c r="D85" s="5">
        <v>25</v>
      </c>
    </row>
    <row r="86" spans="1:4" ht="18" customHeight="1" x14ac:dyDescent="0.15">
      <c r="A86" s="8">
        <v>66</v>
      </c>
      <c r="B86" s="21">
        <v>26</v>
      </c>
      <c r="C86" s="6">
        <v>24</v>
      </c>
      <c r="D86" s="5">
        <v>50</v>
      </c>
    </row>
    <row r="87" spans="1:4" ht="18" customHeight="1" x14ac:dyDescent="0.15">
      <c r="A87" s="8">
        <v>67</v>
      </c>
      <c r="B87" s="21">
        <v>17</v>
      </c>
      <c r="C87" s="6">
        <v>21</v>
      </c>
      <c r="D87" s="5">
        <v>38</v>
      </c>
    </row>
    <row r="88" spans="1:4" ht="18" customHeight="1" x14ac:dyDescent="0.15">
      <c r="A88" s="8">
        <v>68</v>
      </c>
      <c r="B88" s="21">
        <v>26</v>
      </c>
      <c r="C88" s="6">
        <v>19</v>
      </c>
      <c r="D88" s="5">
        <v>45</v>
      </c>
    </row>
    <row r="89" spans="1:4" ht="18" customHeight="1" x14ac:dyDescent="0.15">
      <c r="A89" s="8">
        <v>69</v>
      </c>
      <c r="B89" s="21">
        <v>22</v>
      </c>
      <c r="C89" s="6">
        <v>24</v>
      </c>
      <c r="D89" s="5">
        <v>46</v>
      </c>
    </row>
    <row r="90" spans="1:4" ht="18" customHeight="1" x14ac:dyDescent="0.15">
      <c r="A90" s="8" t="s">
        <v>10</v>
      </c>
      <c r="B90" s="21">
        <v>103</v>
      </c>
      <c r="C90" s="6">
        <v>101</v>
      </c>
      <c r="D90" s="5">
        <v>204</v>
      </c>
    </row>
    <row r="91" spans="1:4" ht="18" customHeight="1" x14ac:dyDescent="0.15">
      <c r="A91" s="8">
        <v>70</v>
      </c>
      <c r="B91" s="21">
        <v>25</v>
      </c>
      <c r="C91" s="6">
        <v>18</v>
      </c>
      <c r="D91" s="5">
        <v>43</v>
      </c>
    </row>
    <row r="92" spans="1:4" ht="18" customHeight="1" x14ac:dyDescent="0.15">
      <c r="A92" s="8">
        <v>71</v>
      </c>
      <c r="B92" s="21">
        <v>17</v>
      </c>
      <c r="C92" s="6">
        <v>16</v>
      </c>
      <c r="D92" s="5">
        <v>33</v>
      </c>
    </row>
    <row r="93" spans="1:4" ht="18" customHeight="1" x14ac:dyDescent="0.15">
      <c r="A93" s="8">
        <v>72</v>
      </c>
      <c r="B93" s="21">
        <v>22</v>
      </c>
      <c r="C93" s="6">
        <v>25</v>
      </c>
      <c r="D93" s="5">
        <v>47</v>
      </c>
    </row>
    <row r="94" spans="1:4" ht="18" customHeight="1" x14ac:dyDescent="0.15">
      <c r="A94" s="8">
        <v>73</v>
      </c>
      <c r="B94" s="21">
        <v>20</v>
      </c>
      <c r="C94" s="6">
        <v>10</v>
      </c>
      <c r="D94" s="5">
        <v>30</v>
      </c>
    </row>
    <row r="95" spans="1:4" ht="18" customHeight="1" x14ac:dyDescent="0.15">
      <c r="A95" s="8">
        <v>74</v>
      </c>
      <c r="B95" s="21">
        <v>16</v>
      </c>
      <c r="C95" s="6">
        <v>16</v>
      </c>
      <c r="D95" s="5">
        <v>32</v>
      </c>
    </row>
    <row r="96" spans="1:4" ht="18" customHeight="1" x14ac:dyDescent="0.15">
      <c r="A96" s="8" t="s">
        <v>9</v>
      </c>
      <c r="B96" s="21">
        <v>100</v>
      </c>
      <c r="C96" s="6">
        <v>85</v>
      </c>
      <c r="D96" s="5">
        <v>185</v>
      </c>
    </row>
    <row r="97" spans="1:4" ht="18" customHeight="1" x14ac:dyDescent="0.15">
      <c r="A97" s="8">
        <v>75</v>
      </c>
      <c r="B97" s="21">
        <v>20</v>
      </c>
      <c r="C97" s="6">
        <v>24</v>
      </c>
      <c r="D97" s="5">
        <v>44</v>
      </c>
    </row>
    <row r="98" spans="1:4" ht="18" customHeight="1" x14ac:dyDescent="0.15">
      <c r="A98" s="8">
        <v>76</v>
      </c>
      <c r="B98" s="21">
        <v>22</v>
      </c>
      <c r="C98" s="6">
        <v>39</v>
      </c>
      <c r="D98" s="5">
        <v>61</v>
      </c>
    </row>
    <row r="99" spans="1:4" ht="18" customHeight="1" x14ac:dyDescent="0.15">
      <c r="A99" s="8">
        <v>77</v>
      </c>
      <c r="B99" s="21">
        <v>24</v>
      </c>
      <c r="C99" s="6">
        <v>24</v>
      </c>
      <c r="D99" s="5">
        <v>48</v>
      </c>
    </row>
    <row r="100" spans="1:4" ht="18" customHeight="1" x14ac:dyDescent="0.15">
      <c r="A100" s="8">
        <v>78</v>
      </c>
      <c r="B100" s="21">
        <v>27</v>
      </c>
      <c r="C100" s="6">
        <v>37</v>
      </c>
      <c r="D100" s="5">
        <v>64</v>
      </c>
    </row>
    <row r="101" spans="1:4" ht="18" customHeight="1" x14ac:dyDescent="0.15">
      <c r="A101" s="8">
        <v>79</v>
      </c>
      <c r="B101" s="21">
        <v>11</v>
      </c>
      <c r="C101" s="6">
        <v>18</v>
      </c>
      <c r="D101" s="5">
        <v>29</v>
      </c>
    </row>
    <row r="102" spans="1:4" ht="18" customHeight="1" x14ac:dyDescent="0.15">
      <c r="A102" s="8" t="s">
        <v>8</v>
      </c>
      <c r="B102" s="21">
        <v>104</v>
      </c>
      <c r="C102" s="6">
        <v>142</v>
      </c>
      <c r="D102" s="5">
        <v>246</v>
      </c>
    </row>
    <row r="103" spans="1:4" ht="18" customHeight="1" x14ac:dyDescent="0.15">
      <c r="A103" s="8">
        <v>80</v>
      </c>
      <c r="B103" s="21">
        <v>16</v>
      </c>
      <c r="C103" s="6">
        <v>27</v>
      </c>
      <c r="D103" s="5">
        <v>43</v>
      </c>
    </row>
    <row r="104" spans="1:4" ht="18" customHeight="1" x14ac:dyDescent="0.15">
      <c r="A104" s="8">
        <v>81</v>
      </c>
      <c r="B104" s="21">
        <v>20</v>
      </c>
      <c r="C104" s="6">
        <v>26</v>
      </c>
      <c r="D104" s="5">
        <v>46</v>
      </c>
    </row>
    <row r="105" spans="1:4" ht="18" customHeight="1" x14ac:dyDescent="0.15">
      <c r="A105" s="8">
        <v>82</v>
      </c>
      <c r="B105" s="21">
        <v>16</v>
      </c>
      <c r="C105" s="6">
        <v>19</v>
      </c>
      <c r="D105" s="5">
        <v>35</v>
      </c>
    </row>
    <row r="106" spans="1:4" ht="18" customHeight="1" x14ac:dyDescent="0.15">
      <c r="A106" s="8">
        <v>83</v>
      </c>
      <c r="B106" s="21">
        <v>15</v>
      </c>
      <c r="C106" s="6">
        <v>15</v>
      </c>
      <c r="D106" s="5">
        <v>30</v>
      </c>
    </row>
    <row r="107" spans="1:4" ht="18" customHeight="1" x14ac:dyDescent="0.15">
      <c r="A107" s="8">
        <v>84</v>
      </c>
      <c r="B107" s="21">
        <v>7</v>
      </c>
      <c r="C107" s="6">
        <v>18</v>
      </c>
      <c r="D107" s="5">
        <v>25</v>
      </c>
    </row>
    <row r="108" spans="1:4" ht="18" customHeight="1" x14ac:dyDescent="0.15">
      <c r="A108" s="8" t="s">
        <v>7</v>
      </c>
      <c r="B108" s="21">
        <v>74</v>
      </c>
      <c r="C108" s="6">
        <v>105</v>
      </c>
      <c r="D108" s="5">
        <v>179</v>
      </c>
    </row>
    <row r="109" spans="1:4" ht="18" customHeight="1" x14ac:dyDescent="0.15">
      <c r="A109" s="8">
        <v>85</v>
      </c>
      <c r="B109" s="21">
        <v>11</v>
      </c>
      <c r="C109" s="6">
        <v>13</v>
      </c>
      <c r="D109" s="5">
        <v>24</v>
      </c>
    </row>
    <row r="110" spans="1:4" ht="18" customHeight="1" x14ac:dyDescent="0.15">
      <c r="A110" s="8">
        <v>86</v>
      </c>
      <c r="B110" s="21">
        <v>7</v>
      </c>
      <c r="C110" s="6">
        <v>12</v>
      </c>
      <c r="D110" s="5">
        <v>19</v>
      </c>
    </row>
    <row r="111" spans="1:4" ht="18" customHeight="1" x14ac:dyDescent="0.15">
      <c r="A111" s="8">
        <v>87</v>
      </c>
      <c r="B111" s="21">
        <v>4</v>
      </c>
      <c r="C111" s="6">
        <v>14</v>
      </c>
      <c r="D111" s="5">
        <v>18</v>
      </c>
    </row>
    <row r="112" spans="1:4" ht="18" customHeight="1" x14ac:dyDescent="0.15">
      <c r="A112" s="8">
        <v>88</v>
      </c>
      <c r="B112" s="21">
        <v>6</v>
      </c>
      <c r="C112" s="6">
        <v>18</v>
      </c>
      <c r="D112" s="5">
        <v>24</v>
      </c>
    </row>
    <row r="113" spans="1:4" ht="18" customHeight="1" x14ac:dyDescent="0.15">
      <c r="A113" s="8">
        <v>89</v>
      </c>
      <c r="B113" s="21">
        <v>5</v>
      </c>
      <c r="C113" s="6">
        <v>12</v>
      </c>
      <c r="D113" s="5">
        <v>17</v>
      </c>
    </row>
    <row r="114" spans="1:4" ht="18" customHeight="1" x14ac:dyDescent="0.15">
      <c r="A114" s="8" t="s">
        <v>6</v>
      </c>
      <c r="B114" s="21">
        <v>33</v>
      </c>
      <c r="C114" s="6">
        <v>69</v>
      </c>
      <c r="D114" s="5">
        <v>102</v>
      </c>
    </row>
    <row r="115" spans="1:4" ht="18" customHeight="1" x14ac:dyDescent="0.15">
      <c r="A115" s="8">
        <v>90</v>
      </c>
      <c r="B115" s="21">
        <v>4</v>
      </c>
      <c r="C115" s="6">
        <v>11</v>
      </c>
      <c r="D115" s="5">
        <v>15</v>
      </c>
    </row>
    <row r="116" spans="1:4" ht="18" customHeight="1" x14ac:dyDescent="0.15">
      <c r="A116" s="8">
        <v>91</v>
      </c>
      <c r="B116" s="21">
        <v>3</v>
      </c>
      <c r="C116" s="6">
        <v>12</v>
      </c>
      <c r="D116" s="5">
        <v>15</v>
      </c>
    </row>
    <row r="117" spans="1:4" ht="18" customHeight="1" x14ac:dyDescent="0.15">
      <c r="A117" s="8">
        <v>92</v>
      </c>
      <c r="B117" s="21">
        <v>4</v>
      </c>
      <c r="C117" s="6">
        <v>10</v>
      </c>
      <c r="D117" s="5">
        <v>14</v>
      </c>
    </row>
    <row r="118" spans="1:4" ht="18" customHeight="1" x14ac:dyDescent="0.15">
      <c r="A118" s="8">
        <v>93</v>
      </c>
      <c r="B118" s="21">
        <v>2</v>
      </c>
      <c r="C118" s="6">
        <v>9</v>
      </c>
      <c r="D118" s="5">
        <v>11</v>
      </c>
    </row>
    <row r="119" spans="1:4" ht="18" customHeight="1" x14ac:dyDescent="0.15">
      <c r="A119" s="8">
        <v>94</v>
      </c>
      <c r="B119" s="21">
        <v>1</v>
      </c>
      <c r="C119" s="6">
        <v>6</v>
      </c>
      <c r="D119" s="5">
        <v>7</v>
      </c>
    </row>
    <row r="120" spans="1:4" ht="18" customHeight="1" x14ac:dyDescent="0.15">
      <c r="A120" s="8" t="s">
        <v>5</v>
      </c>
      <c r="B120" s="21">
        <v>14</v>
      </c>
      <c r="C120" s="6">
        <v>48</v>
      </c>
      <c r="D120" s="5">
        <v>62</v>
      </c>
    </row>
    <row r="121" spans="1:4" ht="18" customHeight="1" x14ac:dyDescent="0.15">
      <c r="A121" s="8">
        <v>95</v>
      </c>
      <c r="B121" s="21">
        <v>1</v>
      </c>
      <c r="C121" s="6">
        <v>11</v>
      </c>
      <c r="D121" s="5">
        <v>12</v>
      </c>
    </row>
    <row r="122" spans="1:4" ht="18" customHeight="1" x14ac:dyDescent="0.15">
      <c r="A122" s="8">
        <v>96</v>
      </c>
      <c r="B122" s="21">
        <v>1</v>
      </c>
      <c r="C122" s="6">
        <v>2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2</v>
      </c>
      <c r="C124" s="6">
        <v>5</v>
      </c>
      <c r="D124" s="5">
        <v>7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4</v>
      </c>
      <c r="C126" s="6">
        <v>23</v>
      </c>
      <c r="D126" s="5">
        <v>27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32</v>
      </c>
      <c r="C130" s="6">
        <v>577</v>
      </c>
      <c r="D130" s="5">
        <v>1009</v>
      </c>
    </row>
    <row r="131" spans="1:4" ht="18" customHeight="1" x14ac:dyDescent="0.15">
      <c r="A131" s="4" t="s">
        <v>0</v>
      </c>
      <c r="B131" s="20">
        <v>1575</v>
      </c>
      <c r="C131" s="2">
        <v>1616</v>
      </c>
      <c r="D131" s="1">
        <v>319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C09A0A-7875-4B4F-87FD-2D3D0FF244E4}">
  <sheetPr codeName="Sheet4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</v>
      </c>
      <c r="C5" s="11">
        <v>3</v>
      </c>
      <c r="D5" s="10">
        <v>6</v>
      </c>
    </row>
    <row r="6" spans="1:4" ht="18" customHeight="1" x14ac:dyDescent="0.15">
      <c r="A6" s="8">
        <v>1</v>
      </c>
      <c r="B6" s="21">
        <v>4</v>
      </c>
      <c r="C6" s="6">
        <v>6</v>
      </c>
      <c r="D6" s="5">
        <v>10</v>
      </c>
    </row>
    <row r="7" spans="1:4" ht="18" customHeight="1" x14ac:dyDescent="0.15">
      <c r="A7" s="8">
        <v>2</v>
      </c>
      <c r="B7" s="21">
        <v>4</v>
      </c>
      <c r="C7" s="6">
        <v>5</v>
      </c>
      <c r="D7" s="5">
        <v>9</v>
      </c>
    </row>
    <row r="8" spans="1:4" ht="18" customHeight="1" x14ac:dyDescent="0.15">
      <c r="A8" s="8">
        <v>3</v>
      </c>
      <c r="B8" s="21">
        <v>6</v>
      </c>
      <c r="C8" s="6">
        <v>3</v>
      </c>
      <c r="D8" s="5">
        <v>9</v>
      </c>
    </row>
    <row r="9" spans="1:4" ht="18" customHeight="1" x14ac:dyDescent="0.15">
      <c r="A9" s="8">
        <v>4</v>
      </c>
      <c r="B9" s="21">
        <v>4</v>
      </c>
      <c r="C9" s="6">
        <v>3</v>
      </c>
      <c r="D9" s="5">
        <v>7</v>
      </c>
    </row>
    <row r="10" spans="1:4" ht="18" customHeight="1" x14ac:dyDescent="0.15">
      <c r="A10" s="8" t="s">
        <v>25</v>
      </c>
      <c r="B10" s="21">
        <v>21</v>
      </c>
      <c r="C10" s="6">
        <v>20</v>
      </c>
      <c r="D10" s="5">
        <v>41</v>
      </c>
    </row>
    <row r="11" spans="1:4" ht="18" customHeight="1" x14ac:dyDescent="0.15">
      <c r="A11" s="8">
        <v>5</v>
      </c>
      <c r="B11" s="21">
        <v>5</v>
      </c>
      <c r="C11" s="6">
        <v>8</v>
      </c>
      <c r="D11" s="5">
        <v>13</v>
      </c>
    </row>
    <row r="12" spans="1:4" ht="18" customHeight="1" x14ac:dyDescent="0.15">
      <c r="A12" s="8">
        <v>6</v>
      </c>
      <c r="B12" s="21">
        <v>8</v>
      </c>
      <c r="C12" s="6">
        <v>3</v>
      </c>
      <c r="D12" s="5">
        <v>11</v>
      </c>
    </row>
    <row r="13" spans="1:4" ht="18" customHeight="1" x14ac:dyDescent="0.15">
      <c r="A13" s="8">
        <v>7</v>
      </c>
      <c r="B13" s="21">
        <v>7</v>
      </c>
      <c r="C13" s="6">
        <v>7</v>
      </c>
      <c r="D13" s="5">
        <v>14</v>
      </c>
    </row>
    <row r="14" spans="1:4" ht="18" customHeight="1" x14ac:dyDescent="0.15">
      <c r="A14" s="8">
        <v>8</v>
      </c>
      <c r="B14" s="21">
        <v>6</v>
      </c>
      <c r="C14" s="6">
        <v>4</v>
      </c>
      <c r="D14" s="5">
        <v>10</v>
      </c>
    </row>
    <row r="15" spans="1:4" ht="18" customHeight="1" x14ac:dyDescent="0.15">
      <c r="A15" s="8">
        <v>9</v>
      </c>
      <c r="B15" s="21">
        <v>3</v>
      </c>
      <c r="C15" s="6">
        <v>11</v>
      </c>
      <c r="D15" s="5">
        <v>14</v>
      </c>
    </row>
    <row r="16" spans="1:4" ht="18" customHeight="1" x14ac:dyDescent="0.15">
      <c r="A16" s="8" t="s">
        <v>24</v>
      </c>
      <c r="B16" s="21">
        <v>29</v>
      </c>
      <c r="C16" s="6">
        <v>33</v>
      </c>
      <c r="D16" s="5">
        <v>62</v>
      </c>
    </row>
    <row r="17" spans="1:4" ht="18" customHeight="1" x14ac:dyDescent="0.15">
      <c r="A17" s="8">
        <v>10</v>
      </c>
      <c r="B17" s="21">
        <v>10</v>
      </c>
      <c r="C17" s="6">
        <v>7</v>
      </c>
      <c r="D17" s="5">
        <v>17</v>
      </c>
    </row>
    <row r="18" spans="1:4" ht="18" customHeight="1" x14ac:dyDescent="0.15">
      <c r="A18" s="8">
        <v>11</v>
      </c>
      <c r="B18" s="21">
        <v>8</v>
      </c>
      <c r="C18" s="6">
        <v>3</v>
      </c>
      <c r="D18" s="5">
        <v>11</v>
      </c>
    </row>
    <row r="19" spans="1:4" ht="18" customHeight="1" x14ac:dyDescent="0.15">
      <c r="A19" s="8">
        <v>12</v>
      </c>
      <c r="B19" s="21">
        <v>7</v>
      </c>
      <c r="C19" s="6">
        <v>4</v>
      </c>
      <c r="D19" s="5">
        <v>11</v>
      </c>
    </row>
    <row r="20" spans="1:4" ht="18" customHeight="1" x14ac:dyDescent="0.15">
      <c r="A20" s="8">
        <v>13</v>
      </c>
      <c r="B20" s="21">
        <v>10</v>
      </c>
      <c r="C20" s="6">
        <v>4</v>
      </c>
      <c r="D20" s="5">
        <v>14</v>
      </c>
    </row>
    <row r="21" spans="1:4" ht="18" customHeight="1" x14ac:dyDescent="0.15">
      <c r="A21" s="8">
        <v>14</v>
      </c>
      <c r="B21" s="21">
        <v>9</v>
      </c>
      <c r="C21" s="6">
        <v>7</v>
      </c>
      <c r="D21" s="5">
        <v>16</v>
      </c>
    </row>
    <row r="22" spans="1:4" ht="18" customHeight="1" x14ac:dyDescent="0.15">
      <c r="A22" s="8" t="s">
        <v>23</v>
      </c>
      <c r="B22" s="21">
        <v>44</v>
      </c>
      <c r="C22" s="6">
        <v>25</v>
      </c>
      <c r="D22" s="5">
        <v>69</v>
      </c>
    </row>
    <row r="23" spans="1:4" ht="18" customHeight="1" x14ac:dyDescent="0.15">
      <c r="A23" s="8" t="s">
        <v>22</v>
      </c>
      <c r="B23" s="21">
        <v>94</v>
      </c>
      <c r="C23" s="6">
        <v>78</v>
      </c>
      <c r="D23" s="5">
        <v>172</v>
      </c>
    </row>
    <row r="24" spans="1:4" ht="18" customHeight="1" x14ac:dyDescent="0.15">
      <c r="A24" s="8">
        <v>15</v>
      </c>
      <c r="B24" s="21">
        <v>7</v>
      </c>
      <c r="C24" s="6">
        <v>8</v>
      </c>
      <c r="D24" s="5">
        <v>15</v>
      </c>
    </row>
    <row r="25" spans="1:4" ht="18" customHeight="1" x14ac:dyDescent="0.15">
      <c r="A25" s="8">
        <v>16</v>
      </c>
      <c r="B25" s="21">
        <v>8</v>
      </c>
      <c r="C25" s="6">
        <v>5</v>
      </c>
      <c r="D25" s="5">
        <v>13</v>
      </c>
    </row>
    <row r="26" spans="1:4" ht="18" customHeight="1" x14ac:dyDescent="0.15">
      <c r="A26" s="8">
        <v>17</v>
      </c>
      <c r="B26" s="21">
        <v>9</v>
      </c>
      <c r="C26" s="6">
        <v>12</v>
      </c>
      <c r="D26" s="5">
        <v>21</v>
      </c>
    </row>
    <row r="27" spans="1:4" ht="18" customHeight="1" x14ac:dyDescent="0.15">
      <c r="A27" s="8">
        <v>18</v>
      </c>
      <c r="B27" s="21">
        <v>9</v>
      </c>
      <c r="C27" s="6">
        <v>8</v>
      </c>
      <c r="D27" s="5">
        <v>17</v>
      </c>
    </row>
    <row r="28" spans="1:4" ht="18" customHeight="1" x14ac:dyDescent="0.15">
      <c r="A28" s="8">
        <v>19</v>
      </c>
      <c r="B28" s="21">
        <v>6</v>
      </c>
      <c r="C28" s="6">
        <v>9</v>
      </c>
      <c r="D28" s="5">
        <v>15</v>
      </c>
    </row>
    <row r="29" spans="1:4" ht="18" customHeight="1" x14ac:dyDescent="0.15">
      <c r="A29" s="8" t="s">
        <v>21</v>
      </c>
      <c r="B29" s="21">
        <v>39</v>
      </c>
      <c r="C29" s="6">
        <v>42</v>
      </c>
      <c r="D29" s="5">
        <v>81</v>
      </c>
    </row>
    <row r="30" spans="1:4" ht="18" customHeight="1" x14ac:dyDescent="0.15">
      <c r="A30" s="8">
        <v>20</v>
      </c>
      <c r="B30" s="21">
        <v>7</v>
      </c>
      <c r="C30" s="6">
        <v>7</v>
      </c>
      <c r="D30" s="5">
        <v>14</v>
      </c>
    </row>
    <row r="31" spans="1:4" ht="18" customHeight="1" x14ac:dyDescent="0.15">
      <c r="A31" s="8">
        <v>21</v>
      </c>
      <c r="B31" s="21">
        <v>12</v>
      </c>
      <c r="C31" s="6">
        <v>6</v>
      </c>
      <c r="D31" s="5">
        <v>18</v>
      </c>
    </row>
    <row r="32" spans="1:4" ht="18" customHeight="1" x14ac:dyDescent="0.15">
      <c r="A32" s="8">
        <v>22</v>
      </c>
      <c r="B32" s="21">
        <v>7</v>
      </c>
      <c r="C32" s="6">
        <v>4</v>
      </c>
      <c r="D32" s="5">
        <v>11</v>
      </c>
    </row>
    <row r="33" spans="1:4" ht="18" customHeight="1" x14ac:dyDescent="0.15">
      <c r="A33" s="8">
        <v>23</v>
      </c>
      <c r="B33" s="21">
        <v>8</v>
      </c>
      <c r="C33" s="6">
        <v>4</v>
      </c>
      <c r="D33" s="5">
        <v>12</v>
      </c>
    </row>
    <row r="34" spans="1:4" ht="18" customHeight="1" x14ac:dyDescent="0.15">
      <c r="A34" s="8">
        <v>24</v>
      </c>
      <c r="B34" s="21">
        <v>10</v>
      </c>
      <c r="C34" s="6">
        <v>5</v>
      </c>
      <c r="D34" s="5">
        <v>15</v>
      </c>
    </row>
    <row r="35" spans="1:4" ht="18" customHeight="1" x14ac:dyDescent="0.15">
      <c r="A35" s="8" t="s">
        <v>20</v>
      </c>
      <c r="B35" s="21">
        <v>44</v>
      </c>
      <c r="C35" s="6">
        <v>26</v>
      </c>
      <c r="D35" s="5">
        <v>70</v>
      </c>
    </row>
    <row r="36" spans="1:4" ht="18" customHeight="1" x14ac:dyDescent="0.15">
      <c r="A36" s="8">
        <v>25</v>
      </c>
      <c r="B36" s="21">
        <v>7</v>
      </c>
      <c r="C36" s="6">
        <v>12</v>
      </c>
      <c r="D36" s="5">
        <v>19</v>
      </c>
    </row>
    <row r="37" spans="1:4" ht="18" customHeight="1" x14ac:dyDescent="0.15">
      <c r="A37" s="8">
        <v>26</v>
      </c>
      <c r="B37" s="21">
        <v>6</v>
      </c>
      <c r="C37" s="6">
        <v>5</v>
      </c>
      <c r="D37" s="5">
        <v>11</v>
      </c>
    </row>
    <row r="38" spans="1:4" ht="18" customHeight="1" x14ac:dyDescent="0.15">
      <c r="A38" s="8">
        <v>27</v>
      </c>
      <c r="B38" s="21">
        <v>5</v>
      </c>
      <c r="C38" s="6">
        <v>7</v>
      </c>
      <c r="D38" s="5">
        <v>12</v>
      </c>
    </row>
    <row r="39" spans="1:4" ht="18" customHeight="1" x14ac:dyDescent="0.15">
      <c r="A39" s="8">
        <v>28</v>
      </c>
      <c r="B39" s="21">
        <v>14</v>
      </c>
      <c r="C39" s="6">
        <v>5</v>
      </c>
      <c r="D39" s="5">
        <v>19</v>
      </c>
    </row>
    <row r="40" spans="1:4" ht="18" customHeight="1" x14ac:dyDescent="0.15">
      <c r="A40" s="8">
        <v>29</v>
      </c>
      <c r="B40" s="21">
        <v>7</v>
      </c>
      <c r="C40" s="6">
        <v>12</v>
      </c>
      <c r="D40" s="5">
        <v>19</v>
      </c>
    </row>
    <row r="41" spans="1:4" ht="18" customHeight="1" x14ac:dyDescent="0.15">
      <c r="A41" s="8" t="s">
        <v>19</v>
      </c>
      <c r="B41" s="21">
        <v>39</v>
      </c>
      <c r="C41" s="6">
        <v>41</v>
      </c>
      <c r="D41" s="5">
        <v>80</v>
      </c>
    </row>
    <row r="42" spans="1:4" ht="18" customHeight="1" x14ac:dyDescent="0.15">
      <c r="A42" s="8">
        <v>30</v>
      </c>
      <c r="B42" s="21">
        <v>9</v>
      </c>
      <c r="C42" s="6">
        <v>1</v>
      </c>
      <c r="D42" s="5">
        <v>10</v>
      </c>
    </row>
    <row r="43" spans="1:4" ht="18" customHeight="1" x14ac:dyDescent="0.15">
      <c r="A43" s="8">
        <v>31</v>
      </c>
      <c r="B43" s="21">
        <v>7</v>
      </c>
      <c r="C43" s="6">
        <v>6</v>
      </c>
      <c r="D43" s="5">
        <v>13</v>
      </c>
    </row>
    <row r="44" spans="1:4" ht="18" customHeight="1" x14ac:dyDescent="0.15">
      <c r="A44" s="8">
        <v>32</v>
      </c>
      <c r="B44" s="21">
        <v>12</v>
      </c>
      <c r="C44" s="6">
        <v>3</v>
      </c>
      <c r="D44" s="5">
        <v>15</v>
      </c>
    </row>
    <row r="45" spans="1:4" ht="18" customHeight="1" x14ac:dyDescent="0.15">
      <c r="A45" s="8">
        <v>33</v>
      </c>
      <c r="B45" s="21">
        <v>12</v>
      </c>
      <c r="C45" s="6">
        <v>2</v>
      </c>
      <c r="D45" s="5">
        <v>14</v>
      </c>
    </row>
    <row r="46" spans="1:4" ht="18" customHeight="1" x14ac:dyDescent="0.15">
      <c r="A46" s="8">
        <v>34</v>
      </c>
      <c r="B46" s="21">
        <v>4</v>
      </c>
      <c r="C46" s="6">
        <v>6</v>
      </c>
      <c r="D46" s="5">
        <v>10</v>
      </c>
    </row>
    <row r="47" spans="1:4" ht="18" customHeight="1" x14ac:dyDescent="0.15">
      <c r="A47" s="8" t="s">
        <v>18</v>
      </c>
      <c r="B47" s="21">
        <v>44</v>
      </c>
      <c r="C47" s="6">
        <v>18</v>
      </c>
      <c r="D47" s="5">
        <v>62</v>
      </c>
    </row>
    <row r="48" spans="1:4" ht="18" customHeight="1" x14ac:dyDescent="0.15">
      <c r="A48" s="8">
        <v>35</v>
      </c>
      <c r="B48" s="21">
        <v>7</v>
      </c>
      <c r="C48" s="6">
        <v>5</v>
      </c>
      <c r="D48" s="5">
        <v>12</v>
      </c>
    </row>
    <row r="49" spans="1:4" ht="18" customHeight="1" x14ac:dyDescent="0.15">
      <c r="A49" s="8">
        <v>36</v>
      </c>
      <c r="B49" s="21">
        <v>10</v>
      </c>
      <c r="C49" s="6">
        <v>8</v>
      </c>
      <c r="D49" s="5">
        <v>18</v>
      </c>
    </row>
    <row r="50" spans="1:4" ht="18" customHeight="1" x14ac:dyDescent="0.15">
      <c r="A50" s="8">
        <v>37</v>
      </c>
      <c r="B50" s="21">
        <v>7</v>
      </c>
      <c r="C50" s="6">
        <v>12</v>
      </c>
      <c r="D50" s="5">
        <v>19</v>
      </c>
    </row>
    <row r="51" spans="1:4" ht="18" customHeight="1" x14ac:dyDescent="0.15">
      <c r="A51" s="8">
        <v>38</v>
      </c>
      <c r="B51" s="21">
        <v>10</v>
      </c>
      <c r="C51" s="6">
        <v>7</v>
      </c>
      <c r="D51" s="5">
        <v>17</v>
      </c>
    </row>
    <row r="52" spans="1:4" ht="18" customHeight="1" x14ac:dyDescent="0.15">
      <c r="A52" s="8">
        <v>39</v>
      </c>
      <c r="B52" s="21">
        <v>7</v>
      </c>
      <c r="C52" s="6">
        <v>4</v>
      </c>
      <c r="D52" s="5">
        <v>11</v>
      </c>
    </row>
    <row r="53" spans="1:4" ht="18" customHeight="1" x14ac:dyDescent="0.15">
      <c r="A53" s="8" t="s">
        <v>17</v>
      </c>
      <c r="B53" s="21">
        <v>41</v>
      </c>
      <c r="C53" s="6">
        <v>36</v>
      </c>
      <c r="D53" s="5">
        <v>77</v>
      </c>
    </row>
    <row r="54" spans="1:4" ht="18" customHeight="1" x14ac:dyDescent="0.15">
      <c r="A54" s="8">
        <v>40</v>
      </c>
      <c r="B54" s="21">
        <v>10</v>
      </c>
      <c r="C54" s="6">
        <v>5</v>
      </c>
      <c r="D54" s="5">
        <v>15</v>
      </c>
    </row>
    <row r="55" spans="1:4" ht="18" customHeight="1" x14ac:dyDescent="0.15">
      <c r="A55" s="8">
        <v>41</v>
      </c>
      <c r="B55" s="21">
        <v>8</v>
      </c>
      <c r="C55" s="6">
        <v>8</v>
      </c>
      <c r="D55" s="5">
        <v>16</v>
      </c>
    </row>
    <row r="56" spans="1:4" ht="18" customHeight="1" x14ac:dyDescent="0.15">
      <c r="A56" s="8">
        <v>42</v>
      </c>
      <c r="B56" s="21">
        <v>17</v>
      </c>
      <c r="C56" s="6">
        <v>14</v>
      </c>
      <c r="D56" s="5">
        <v>31</v>
      </c>
    </row>
    <row r="57" spans="1:4" ht="18" customHeight="1" x14ac:dyDescent="0.15">
      <c r="A57" s="8">
        <v>43</v>
      </c>
      <c r="B57" s="21">
        <v>10</v>
      </c>
      <c r="C57" s="6">
        <v>9</v>
      </c>
      <c r="D57" s="5">
        <v>19</v>
      </c>
    </row>
    <row r="58" spans="1:4" ht="18" customHeight="1" x14ac:dyDescent="0.15">
      <c r="A58" s="8">
        <v>44</v>
      </c>
      <c r="B58" s="21">
        <v>13</v>
      </c>
      <c r="C58" s="6">
        <v>10</v>
      </c>
      <c r="D58" s="5">
        <v>23</v>
      </c>
    </row>
    <row r="59" spans="1:4" ht="18" customHeight="1" x14ac:dyDescent="0.15">
      <c r="A59" s="8" t="s">
        <v>16</v>
      </c>
      <c r="B59" s="21">
        <v>58</v>
      </c>
      <c r="C59" s="6">
        <v>46</v>
      </c>
      <c r="D59" s="5">
        <v>104</v>
      </c>
    </row>
    <row r="60" spans="1:4" ht="18" customHeight="1" x14ac:dyDescent="0.15">
      <c r="A60" s="8">
        <v>45</v>
      </c>
      <c r="B60" s="21">
        <v>10</v>
      </c>
      <c r="C60" s="6">
        <v>16</v>
      </c>
      <c r="D60" s="5">
        <v>26</v>
      </c>
    </row>
    <row r="61" spans="1:4" ht="18" customHeight="1" x14ac:dyDescent="0.15">
      <c r="A61" s="8">
        <v>46</v>
      </c>
      <c r="B61" s="21">
        <v>17</v>
      </c>
      <c r="C61" s="6">
        <v>14</v>
      </c>
      <c r="D61" s="5">
        <v>31</v>
      </c>
    </row>
    <row r="62" spans="1:4" ht="18" customHeight="1" x14ac:dyDescent="0.15">
      <c r="A62" s="8">
        <v>47</v>
      </c>
      <c r="B62" s="21">
        <v>13</v>
      </c>
      <c r="C62" s="6">
        <v>10</v>
      </c>
      <c r="D62" s="5">
        <v>23</v>
      </c>
    </row>
    <row r="63" spans="1:4" ht="18" customHeight="1" x14ac:dyDescent="0.15">
      <c r="A63" s="8">
        <v>48</v>
      </c>
      <c r="B63" s="21">
        <v>14</v>
      </c>
      <c r="C63" s="6">
        <v>18</v>
      </c>
      <c r="D63" s="5">
        <v>32</v>
      </c>
    </row>
    <row r="64" spans="1:4" ht="18" customHeight="1" x14ac:dyDescent="0.15">
      <c r="A64" s="8">
        <v>49</v>
      </c>
      <c r="B64" s="21">
        <v>17</v>
      </c>
      <c r="C64" s="6">
        <v>11</v>
      </c>
      <c r="D64" s="5">
        <v>28</v>
      </c>
    </row>
    <row r="65" spans="1:4" ht="18" customHeight="1" x14ac:dyDescent="0.15">
      <c r="A65" s="8" t="s">
        <v>15</v>
      </c>
      <c r="B65" s="21">
        <v>71</v>
      </c>
      <c r="C65" s="6">
        <v>69</v>
      </c>
      <c r="D65" s="5">
        <v>140</v>
      </c>
    </row>
    <row r="66" spans="1:4" ht="18" customHeight="1" x14ac:dyDescent="0.15">
      <c r="A66" s="8">
        <v>50</v>
      </c>
      <c r="B66" s="21">
        <v>18</v>
      </c>
      <c r="C66" s="6">
        <v>16</v>
      </c>
      <c r="D66" s="5">
        <v>34</v>
      </c>
    </row>
    <row r="67" spans="1:4" ht="18" customHeight="1" x14ac:dyDescent="0.15">
      <c r="A67" s="8">
        <v>51</v>
      </c>
      <c r="B67" s="21">
        <v>19</v>
      </c>
      <c r="C67" s="6">
        <v>15</v>
      </c>
      <c r="D67" s="5">
        <v>34</v>
      </c>
    </row>
    <row r="68" spans="1:4" ht="18" customHeight="1" x14ac:dyDescent="0.15">
      <c r="A68" s="8">
        <v>52</v>
      </c>
      <c r="B68" s="21">
        <v>23</v>
      </c>
      <c r="C68" s="6">
        <v>14</v>
      </c>
      <c r="D68" s="5">
        <v>37</v>
      </c>
    </row>
    <row r="69" spans="1:4" ht="18" customHeight="1" x14ac:dyDescent="0.15">
      <c r="A69" s="8">
        <v>53</v>
      </c>
      <c r="B69" s="21">
        <v>17</v>
      </c>
      <c r="C69" s="6">
        <v>19</v>
      </c>
      <c r="D69" s="5">
        <v>36</v>
      </c>
    </row>
    <row r="70" spans="1:4" ht="18" customHeight="1" x14ac:dyDescent="0.15">
      <c r="A70" s="8">
        <v>54</v>
      </c>
      <c r="B70" s="21">
        <v>14</v>
      </c>
      <c r="C70" s="6">
        <v>13</v>
      </c>
      <c r="D70" s="5">
        <v>27</v>
      </c>
    </row>
    <row r="71" spans="1:4" ht="18" customHeight="1" x14ac:dyDescent="0.15">
      <c r="A71" s="8" t="s">
        <v>14</v>
      </c>
      <c r="B71" s="21">
        <v>91</v>
      </c>
      <c r="C71" s="6">
        <v>77</v>
      </c>
      <c r="D71" s="5">
        <v>168</v>
      </c>
    </row>
    <row r="72" spans="1:4" ht="18" customHeight="1" x14ac:dyDescent="0.15">
      <c r="A72" s="8">
        <v>55</v>
      </c>
      <c r="B72" s="21">
        <v>10</v>
      </c>
      <c r="C72" s="6">
        <v>26</v>
      </c>
      <c r="D72" s="5">
        <v>36</v>
      </c>
    </row>
    <row r="73" spans="1:4" ht="18" customHeight="1" x14ac:dyDescent="0.15">
      <c r="A73" s="8">
        <v>56</v>
      </c>
      <c r="B73" s="21">
        <v>18</v>
      </c>
      <c r="C73" s="6">
        <v>9</v>
      </c>
      <c r="D73" s="5">
        <v>27</v>
      </c>
    </row>
    <row r="74" spans="1:4" ht="18" customHeight="1" x14ac:dyDescent="0.15">
      <c r="A74" s="8">
        <v>57</v>
      </c>
      <c r="B74" s="21">
        <v>16</v>
      </c>
      <c r="C74" s="6">
        <v>14</v>
      </c>
      <c r="D74" s="5">
        <v>30</v>
      </c>
    </row>
    <row r="75" spans="1:4" ht="18" customHeight="1" x14ac:dyDescent="0.15">
      <c r="A75" s="8">
        <v>58</v>
      </c>
      <c r="B75" s="21">
        <v>17</v>
      </c>
      <c r="C75" s="6">
        <v>13</v>
      </c>
      <c r="D75" s="5">
        <v>30</v>
      </c>
    </row>
    <row r="76" spans="1:4" ht="18" customHeight="1" x14ac:dyDescent="0.15">
      <c r="A76" s="8">
        <v>59</v>
      </c>
      <c r="B76" s="21">
        <v>11</v>
      </c>
      <c r="C76" s="6">
        <v>16</v>
      </c>
      <c r="D76" s="5">
        <v>27</v>
      </c>
    </row>
    <row r="77" spans="1:4" ht="18" customHeight="1" x14ac:dyDescent="0.15">
      <c r="A77" s="8" t="s">
        <v>13</v>
      </c>
      <c r="B77" s="21">
        <v>72</v>
      </c>
      <c r="C77" s="6">
        <v>78</v>
      </c>
      <c r="D77" s="5">
        <v>150</v>
      </c>
    </row>
    <row r="78" spans="1:4" ht="18" customHeight="1" x14ac:dyDescent="0.15">
      <c r="A78" s="8">
        <v>60</v>
      </c>
      <c r="B78" s="21">
        <v>17</v>
      </c>
      <c r="C78" s="6">
        <v>13</v>
      </c>
      <c r="D78" s="5">
        <v>30</v>
      </c>
    </row>
    <row r="79" spans="1:4" ht="18" customHeight="1" x14ac:dyDescent="0.15">
      <c r="A79" s="8">
        <v>61</v>
      </c>
      <c r="B79" s="21">
        <v>11</v>
      </c>
      <c r="C79" s="6">
        <v>12</v>
      </c>
      <c r="D79" s="5">
        <v>23</v>
      </c>
    </row>
    <row r="80" spans="1:4" ht="18" customHeight="1" x14ac:dyDescent="0.15">
      <c r="A80" s="8">
        <v>62</v>
      </c>
      <c r="B80" s="21">
        <v>19</v>
      </c>
      <c r="C80" s="6">
        <v>16</v>
      </c>
      <c r="D80" s="5">
        <v>35</v>
      </c>
    </row>
    <row r="81" spans="1:4" ht="18" customHeight="1" x14ac:dyDescent="0.15">
      <c r="A81" s="8">
        <v>63</v>
      </c>
      <c r="B81" s="21">
        <v>18</v>
      </c>
      <c r="C81" s="6">
        <v>16</v>
      </c>
      <c r="D81" s="5">
        <v>34</v>
      </c>
    </row>
    <row r="82" spans="1:4" ht="18" customHeight="1" x14ac:dyDescent="0.15">
      <c r="A82" s="8">
        <v>64</v>
      </c>
      <c r="B82" s="21">
        <v>14</v>
      </c>
      <c r="C82" s="6">
        <v>16</v>
      </c>
      <c r="D82" s="5">
        <v>30</v>
      </c>
    </row>
    <row r="83" spans="1:4" ht="18" customHeight="1" x14ac:dyDescent="0.15">
      <c r="A83" s="8" t="s">
        <v>12</v>
      </c>
      <c r="B83" s="21">
        <v>79</v>
      </c>
      <c r="C83" s="6">
        <v>73</v>
      </c>
      <c r="D83" s="5">
        <v>152</v>
      </c>
    </row>
    <row r="84" spans="1:4" ht="18" customHeight="1" x14ac:dyDescent="0.15">
      <c r="A84" s="8" t="s">
        <v>11</v>
      </c>
      <c r="B84" s="21">
        <v>578</v>
      </c>
      <c r="C84" s="6">
        <v>506</v>
      </c>
      <c r="D84" s="5">
        <v>1084</v>
      </c>
    </row>
    <row r="85" spans="1:4" ht="18" customHeight="1" x14ac:dyDescent="0.15">
      <c r="A85" s="8">
        <v>65</v>
      </c>
      <c r="B85" s="21">
        <v>9</v>
      </c>
      <c r="C85" s="6">
        <v>14</v>
      </c>
      <c r="D85" s="5">
        <v>23</v>
      </c>
    </row>
    <row r="86" spans="1:4" ht="18" customHeight="1" x14ac:dyDescent="0.15">
      <c r="A86" s="8">
        <v>66</v>
      </c>
      <c r="B86" s="21">
        <v>14</v>
      </c>
      <c r="C86" s="6">
        <v>8</v>
      </c>
      <c r="D86" s="5">
        <v>22</v>
      </c>
    </row>
    <row r="87" spans="1:4" ht="18" customHeight="1" x14ac:dyDescent="0.15">
      <c r="A87" s="8">
        <v>67</v>
      </c>
      <c r="B87" s="21">
        <v>10</v>
      </c>
      <c r="C87" s="6">
        <v>16</v>
      </c>
      <c r="D87" s="5">
        <v>26</v>
      </c>
    </row>
    <row r="88" spans="1:4" ht="18" customHeight="1" x14ac:dyDescent="0.15">
      <c r="A88" s="8">
        <v>68</v>
      </c>
      <c r="B88" s="21">
        <v>11</v>
      </c>
      <c r="C88" s="6">
        <v>14</v>
      </c>
      <c r="D88" s="5">
        <v>25</v>
      </c>
    </row>
    <row r="89" spans="1:4" ht="18" customHeight="1" x14ac:dyDescent="0.15">
      <c r="A89" s="8">
        <v>69</v>
      </c>
      <c r="B89" s="21">
        <v>12</v>
      </c>
      <c r="C89" s="6">
        <v>12</v>
      </c>
      <c r="D89" s="5">
        <v>24</v>
      </c>
    </row>
    <row r="90" spans="1:4" ht="18" customHeight="1" x14ac:dyDescent="0.15">
      <c r="A90" s="8" t="s">
        <v>10</v>
      </c>
      <c r="B90" s="21">
        <v>56</v>
      </c>
      <c r="C90" s="6">
        <v>64</v>
      </c>
      <c r="D90" s="5">
        <v>120</v>
      </c>
    </row>
    <row r="91" spans="1:4" ht="18" customHeight="1" x14ac:dyDescent="0.15">
      <c r="A91" s="8">
        <v>70</v>
      </c>
      <c r="B91" s="21">
        <v>16</v>
      </c>
      <c r="C91" s="6">
        <v>21</v>
      </c>
      <c r="D91" s="5">
        <v>37</v>
      </c>
    </row>
    <row r="92" spans="1:4" ht="18" customHeight="1" x14ac:dyDescent="0.15">
      <c r="A92" s="8">
        <v>71</v>
      </c>
      <c r="B92" s="21">
        <v>17</v>
      </c>
      <c r="C92" s="6">
        <v>19</v>
      </c>
      <c r="D92" s="5">
        <v>36</v>
      </c>
    </row>
    <row r="93" spans="1:4" ht="18" customHeight="1" x14ac:dyDescent="0.15">
      <c r="A93" s="8">
        <v>72</v>
      </c>
      <c r="B93" s="21">
        <v>13</v>
      </c>
      <c r="C93" s="6">
        <v>23</v>
      </c>
      <c r="D93" s="5">
        <v>36</v>
      </c>
    </row>
    <row r="94" spans="1:4" ht="18" customHeight="1" x14ac:dyDescent="0.15">
      <c r="A94" s="8">
        <v>73</v>
      </c>
      <c r="B94" s="21">
        <v>19</v>
      </c>
      <c r="C94" s="6">
        <v>28</v>
      </c>
      <c r="D94" s="5">
        <v>47</v>
      </c>
    </row>
    <row r="95" spans="1:4" ht="18" customHeight="1" x14ac:dyDescent="0.15">
      <c r="A95" s="8">
        <v>74</v>
      </c>
      <c r="B95" s="21">
        <v>21</v>
      </c>
      <c r="C95" s="6">
        <v>22</v>
      </c>
      <c r="D95" s="5">
        <v>43</v>
      </c>
    </row>
    <row r="96" spans="1:4" ht="18" customHeight="1" x14ac:dyDescent="0.15">
      <c r="A96" s="8" t="s">
        <v>9</v>
      </c>
      <c r="B96" s="21">
        <v>86</v>
      </c>
      <c r="C96" s="6">
        <v>113</v>
      </c>
      <c r="D96" s="5">
        <v>199</v>
      </c>
    </row>
    <row r="97" spans="1:4" ht="18" customHeight="1" x14ac:dyDescent="0.15">
      <c r="A97" s="8">
        <v>75</v>
      </c>
      <c r="B97" s="21">
        <v>16</v>
      </c>
      <c r="C97" s="6">
        <v>22</v>
      </c>
      <c r="D97" s="5">
        <v>38</v>
      </c>
    </row>
    <row r="98" spans="1:4" ht="18" customHeight="1" x14ac:dyDescent="0.15">
      <c r="A98" s="8">
        <v>76</v>
      </c>
      <c r="B98" s="21">
        <v>15</v>
      </c>
      <c r="C98" s="6">
        <v>31</v>
      </c>
      <c r="D98" s="5">
        <v>46</v>
      </c>
    </row>
    <row r="99" spans="1:4" ht="18" customHeight="1" x14ac:dyDescent="0.15">
      <c r="A99" s="8">
        <v>77</v>
      </c>
      <c r="B99" s="21">
        <v>28</v>
      </c>
      <c r="C99" s="6">
        <v>31</v>
      </c>
      <c r="D99" s="5">
        <v>59</v>
      </c>
    </row>
    <row r="100" spans="1:4" ht="18" customHeight="1" x14ac:dyDescent="0.15">
      <c r="A100" s="8">
        <v>78</v>
      </c>
      <c r="B100" s="21">
        <v>22</v>
      </c>
      <c r="C100" s="6">
        <v>36</v>
      </c>
      <c r="D100" s="5">
        <v>58</v>
      </c>
    </row>
    <row r="101" spans="1:4" ht="18" customHeight="1" x14ac:dyDescent="0.15">
      <c r="A101" s="8">
        <v>79</v>
      </c>
      <c r="B101" s="21">
        <v>19</v>
      </c>
      <c r="C101" s="6">
        <v>24</v>
      </c>
      <c r="D101" s="5">
        <v>43</v>
      </c>
    </row>
    <row r="102" spans="1:4" ht="18" customHeight="1" x14ac:dyDescent="0.15">
      <c r="A102" s="8" t="s">
        <v>8</v>
      </c>
      <c r="B102" s="21">
        <v>100</v>
      </c>
      <c r="C102" s="6">
        <v>144</v>
      </c>
      <c r="D102" s="5">
        <v>244</v>
      </c>
    </row>
    <row r="103" spans="1:4" ht="18" customHeight="1" x14ac:dyDescent="0.15">
      <c r="A103" s="8">
        <v>80</v>
      </c>
      <c r="B103" s="21">
        <v>13</v>
      </c>
      <c r="C103" s="6">
        <v>14</v>
      </c>
      <c r="D103" s="5">
        <v>27</v>
      </c>
    </row>
    <row r="104" spans="1:4" ht="18" customHeight="1" x14ac:dyDescent="0.15">
      <c r="A104" s="8">
        <v>81</v>
      </c>
      <c r="B104" s="21">
        <v>12</v>
      </c>
      <c r="C104" s="6">
        <v>19</v>
      </c>
      <c r="D104" s="5">
        <v>31</v>
      </c>
    </row>
    <row r="105" spans="1:4" ht="18" customHeight="1" x14ac:dyDescent="0.15">
      <c r="A105" s="8">
        <v>82</v>
      </c>
      <c r="B105" s="21">
        <v>13</v>
      </c>
      <c r="C105" s="6">
        <v>19</v>
      </c>
      <c r="D105" s="5">
        <v>32</v>
      </c>
    </row>
    <row r="106" spans="1:4" ht="18" customHeight="1" x14ac:dyDescent="0.15">
      <c r="A106" s="8">
        <v>83</v>
      </c>
      <c r="B106" s="21">
        <v>13</v>
      </c>
      <c r="C106" s="6">
        <v>22</v>
      </c>
      <c r="D106" s="5">
        <v>35</v>
      </c>
    </row>
    <row r="107" spans="1:4" ht="18" customHeight="1" x14ac:dyDescent="0.15">
      <c r="A107" s="8">
        <v>84</v>
      </c>
      <c r="B107" s="21">
        <v>10</v>
      </c>
      <c r="C107" s="6">
        <v>12</v>
      </c>
      <c r="D107" s="5">
        <v>22</v>
      </c>
    </row>
    <row r="108" spans="1:4" ht="18" customHeight="1" x14ac:dyDescent="0.15">
      <c r="A108" s="8" t="s">
        <v>7</v>
      </c>
      <c r="B108" s="21">
        <v>61</v>
      </c>
      <c r="C108" s="6">
        <v>86</v>
      </c>
      <c r="D108" s="5">
        <v>147</v>
      </c>
    </row>
    <row r="109" spans="1:4" ht="18" customHeight="1" x14ac:dyDescent="0.15">
      <c r="A109" s="8">
        <v>85</v>
      </c>
      <c r="B109" s="21">
        <v>4</v>
      </c>
      <c r="C109" s="6">
        <v>7</v>
      </c>
      <c r="D109" s="5">
        <v>11</v>
      </c>
    </row>
    <row r="110" spans="1:4" ht="18" customHeight="1" x14ac:dyDescent="0.15">
      <c r="A110" s="8">
        <v>86</v>
      </c>
      <c r="B110" s="21">
        <v>9</v>
      </c>
      <c r="C110" s="6">
        <v>17</v>
      </c>
      <c r="D110" s="5">
        <v>26</v>
      </c>
    </row>
    <row r="111" spans="1:4" ht="18" customHeight="1" x14ac:dyDescent="0.15">
      <c r="A111" s="8">
        <v>87</v>
      </c>
      <c r="B111" s="21">
        <v>6</v>
      </c>
      <c r="C111" s="6">
        <v>10</v>
      </c>
      <c r="D111" s="5">
        <v>16</v>
      </c>
    </row>
    <row r="112" spans="1:4" ht="18" customHeight="1" x14ac:dyDescent="0.15">
      <c r="A112" s="8">
        <v>88</v>
      </c>
      <c r="B112" s="21">
        <v>8</v>
      </c>
      <c r="C112" s="6">
        <v>14</v>
      </c>
      <c r="D112" s="5">
        <v>22</v>
      </c>
    </row>
    <row r="113" spans="1:4" ht="18" customHeight="1" x14ac:dyDescent="0.15">
      <c r="A113" s="8">
        <v>89</v>
      </c>
      <c r="B113" s="21">
        <v>5</v>
      </c>
      <c r="C113" s="6">
        <v>14</v>
      </c>
      <c r="D113" s="5">
        <v>19</v>
      </c>
    </row>
    <row r="114" spans="1:4" ht="18" customHeight="1" x14ac:dyDescent="0.15">
      <c r="A114" s="8" t="s">
        <v>6</v>
      </c>
      <c r="B114" s="21">
        <v>32</v>
      </c>
      <c r="C114" s="6">
        <v>62</v>
      </c>
      <c r="D114" s="5">
        <v>94</v>
      </c>
    </row>
    <row r="115" spans="1:4" ht="18" customHeight="1" x14ac:dyDescent="0.15">
      <c r="A115" s="8">
        <v>90</v>
      </c>
      <c r="B115" s="21">
        <v>4</v>
      </c>
      <c r="C115" s="6">
        <v>8</v>
      </c>
      <c r="D115" s="5">
        <v>12</v>
      </c>
    </row>
    <row r="116" spans="1:4" ht="18" customHeight="1" x14ac:dyDescent="0.15">
      <c r="A116" s="8">
        <v>91</v>
      </c>
      <c r="B116" s="21">
        <v>3</v>
      </c>
      <c r="C116" s="6">
        <v>7</v>
      </c>
      <c r="D116" s="5">
        <v>10</v>
      </c>
    </row>
    <row r="117" spans="1:4" ht="18" customHeight="1" x14ac:dyDescent="0.15">
      <c r="A117" s="8">
        <v>92</v>
      </c>
      <c r="B117" s="21">
        <v>3</v>
      </c>
      <c r="C117" s="6">
        <v>10</v>
      </c>
      <c r="D117" s="5">
        <v>13</v>
      </c>
    </row>
    <row r="118" spans="1:4" ht="18" customHeight="1" x14ac:dyDescent="0.15">
      <c r="A118" s="8">
        <v>93</v>
      </c>
      <c r="B118" s="21">
        <v>2</v>
      </c>
      <c r="C118" s="6">
        <v>7</v>
      </c>
      <c r="D118" s="5">
        <v>9</v>
      </c>
    </row>
    <row r="119" spans="1:4" ht="18" customHeight="1" x14ac:dyDescent="0.15">
      <c r="A119" s="8">
        <v>94</v>
      </c>
      <c r="B119" s="21">
        <v>4</v>
      </c>
      <c r="C119" s="6">
        <v>5</v>
      </c>
      <c r="D119" s="5">
        <v>9</v>
      </c>
    </row>
    <row r="120" spans="1:4" ht="18" customHeight="1" x14ac:dyDescent="0.15">
      <c r="A120" s="8" t="s">
        <v>5</v>
      </c>
      <c r="B120" s="21">
        <v>16</v>
      </c>
      <c r="C120" s="6">
        <v>37</v>
      </c>
      <c r="D120" s="5">
        <v>53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1</v>
      </c>
      <c r="C122" s="6">
        <v>7</v>
      </c>
      <c r="D122" s="5">
        <v>8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2</v>
      </c>
      <c r="C126" s="6">
        <v>14</v>
      </c>
      <c r="D126" s="5">
        <v>16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353</v>
      </c>
      <c r="C130" s="6">
        <v>524</v>
      </c>
      <c r="D130" s="5">
        <v>877</v>
      </c>
    </row>
    <row r="131" spans="1:4" ht="18" customHeight="1" x14ac:dyDescent="0.15">
      <c r="A131" s="4" t="s">
        <v>0</v>
      </c>
      <c r="B131" s="20">
        <v>1025</v>
      </c>
      <c r="C131" s="2">
        <v>1108</v>
      </c>
      <c r="D131" s="1">
        <v>213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6B182A-A8DA-4B42-AD70-6D5D65879783}">
  <sheetPr codeName="Sheet4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</v>
      </c>
      <c r="C5" s="11">
        <v>3</v>
      </c>
      <c r="D5" s="10">
        <v>8</v>
      </c>
    </row>
    <row r="6" spans="1:4" ht="18" customHeight="1" x14ac:dyDescent="0.15">
      <c r="A6" s="8">
        <v>1</v>
      </c>
      <c r="B6" s="21">
        <v>5</v>
      </c>
      <c r="C6" s="6">
        <v>3</v>
      </c>
      <c r="D6" s="5">
        <v>8</v>
      </c>
    </row>
    <row r="7" spans="1:4" ht="18" customHeight="1" x14ac:dyDescent="0.15">
      <c r="A7" s="8">
        <v>2</v>
      </c>
      <c r="B7" s="21">
        <v>6</v>
      </c>
      <c r="C7" s="6">
        <v>6</v>
      </c>
      <c r="D7" s="5">
        <v>12</v>
      </c>
    </row>
    <row r="8" spans="1:4" ht="18" customHeight="1" x14ac:dyDescent="0.15">
      <c r="A8" s="8">
        <v>3</v>
      </c>
      <c r="B8" s="21">
        <v>10</v>
      </c>
      <c r="C8" s="6">
        <v>6</v>
      </c>
      <c r="D8" s="5">
        <v>16</v>
      </c>
    </row>
    <row r="9" spans="1:4" ht="18" customHeight="1" x14ac:dyDescent="0.15">
      <c r="A9" s="8">
        <v>4</v>
      </c>
      <c r="B9" s="21">
        <v>4</v>
      </c>
      <c r="C9" s="6">
        <v>8</v>
      </c>
      <c r="D9" s="5">
        <v>12</v>
      </c>
    </row>
    <row r="10" spans="1:4" ht="18" customHeight="1" x14ac:dyDescent="0.15">
      <c r="A10" s="8" t="s">
        <v>25</v>
      </c>
      <c r="B10" s="21">
        <v>30</v>
      </c>
      <c r="C10" s="6">
        <v>26</v>
      </c>
      <c r="D10" s="5">
        <v>56</v>
      </c>
    </row>
    <row r="11" spans="1:4" ht="18" customHeight="1" x14ac:dyDescent="0.15">
      <c r="A11" s="8">
        <v>5</v>
      </c>
      <c r="B11" s="21">
        <v>6</v>
      </c>
      <c r="C11" s="6">
        <v>6</v>
      </c>
      <c r="D11" s="5">
        <v>12</v>
      </c>
    </row>
    <row r="12" spans="1:4" ht="18" customHeight="1" x14ac:dyDescent="0.15">
      <c r="A12" s="8">
        <v>6</v>
      </c>
      <c r="B12" s="21">
        <v>5</v>
      </c>
      <c r="C12" s="6">
        <v>10</v>
      </c>
      <c r="D12" s="5">
        <v>15</v>
      </c>
    </row>
    <row r="13" spans="1:4" ht="18" customHeight="1" x14ac:dyDescent="0.15">
      <c r="A13" s="8">
        <v>7</v>
      </c>
      <c r="B13" s="21">
        <v>7</v>
      </c>
      <c r="C13" s="6">
        <v>10</v>
      </c>
      <c r="D13" s="5">
        <v>17</v>
      </c>
    </row>
    <row r="14" spans="1:4" ht="18" customHeight="1" x14ac:dyDescent="0.15">
      <c r="A14" s="8">
        <v>8</v>
      </c>
      <c r="B14" s="21">
        <v>13</v>
      </c>
      <c r="C14" s="6">
        <v>4</v>
      </c>
      <c r="D14" s="5">
        <v>17</v>
      </c>
    </row>
    <row r="15" spans="1:4" ht="18" customHeight="1" x14ac:dyDescent="0.15">
      <c r="A15" s="8">
        <v>9</v>
      </c>
      <c r="B15" s="21">
        <v>8</v>
      </c>
      <c r="C15" s="6">
        <v>9</v>
      </c>
      <c r="D15" s="5">
        <v>17</v>
      </c>
    </row>
    <row r="16" spans="1:4" ht="18" customHeight="1" x14ac:dyDescent="0.15">
      <c r="A16" s="8" t="s">
        <v>24</v>
      </c>
      <c r="B16" s="21">
        <v>39</v>
      </c>
      <c r="C16" s="6">
        <v>39</v>
      </c>
      <c r="D16" s="5">
        <v>78</v>
      </c>
    </row>
    <row r="17" spans="1:4" ht="18" customHeight="1" x14ac:dyDescent="0.15">
      <c r="A17" s="8">
        <v>10</v>
      </c>
      <c r="B17" s="21">
        <v>9</v>
      </c>
      <c r="C17" s="6">
        <v>7</v>
      </c>
      <c r="D17" s="5">
        <v>16</v>
      </c>
    </row>
    <row r="18" spans="1:4" ht="18" customHeight="1" x14ac:dyDescent="0.15">
      <c r="A18" s="8">
        <v>11</v>
      </c>
      <c r="B18" s="21">
        <v>13</v>
      </c>
      <c r="C18" s="6">
        <v>10</v>
      </c>
      <c r="D18" s="5">
        <v>23</v>
      </c>
    </row>
    <row r="19" spans="1:4" ht="18" customHeight="1" x14ac:dyDescent="0.15">
      <c r="A19" s="8">
        <v>12</v>
      </c>
      <c r="B19" s="21">
        <v>8</v>
      </c>
      <c r="C19" s="6">
        <v>10</v>
      </c>
      <c r="D19" s="5">
        <v>18</v>
      </c>
    </row>
    <row r="20" spans="1:4" ht="18" customHeight="1" x14ac:dyDescent="0.15">
      <c r="A20" s="8">
        <v>13</v>
      </c>
      <c r="B20" s="21">
        <v>11</v>
      </c>
      <c r="C20" s="6">
        <v>12</v>
      </c>
      <c r="D20" s="5">
        <v>23</v>
      </c>
    </row>
    <row r="21" spans="1:4" ht="18" customHeight="1" x14ac:dyDescent="0.15">
      <c r="A21" s="8">
        <v>14</v>
      </c>
      <c r="B21" s="21">
        <v>6</v>
      </c>
      <c r="C21" s="6">
        <v>8</v>
      </c>
      <c r="D21" s="5">
        <v>14</v>
      </c>
    </row>
    <row r="22" spans="1:4" ht="18" customHeight="1" x14ac:dyDescent="0.15">
      <c r="A22" s="8" t="s">
        <v>23</v>
      </c>
      <c r="B22" s="21">
        <v>47</v>
      </c>
      <c r="C22" s="6">
        <v>47</v>
      </c>
      <c r="D22" s="5">
        <v>94</v>
      </c>
    </row>
    <row r="23" spans="1:4" ht="18" customHeight="1" x14ac:dyDescent="0.15">
      <c r="A23" s="8" t="s">
        <v>22</v>
      </c>
      <c r="B23" s="21">
        <v>116</v>
      </c>
      <c r="C23" s="6">
        <v>112</v>
      </c>
      <c r="D23" s="5">
        <v>228</v>
      </c>
    </row>
    <row r="24" spans="1:4" ht="18" customHeight="1" x14ac:dyDescent="0.15">
      <c r="A24" s="8">
        <v>15</v>
      </c>
      <c r="B24" s="21">
        <v>18</v>
      </c>
      <c r="C24" s="6">
        <v>14</v>
      </c>
      <c r="D24" s="5">
        <v>32</v>
      </c>
    </row>
    <row r="25" spans="1:4" ht="18" customHeight="1" x14ac:dyDescent="0.15">
      <c r="A25" s="8">
        <v>16</v>
      </c>
      <c r="B25" s="21">
        <v>7</v>
      </c>
      <c r="C25" s="6">
        <v>12</v>
      </c>
      <c r="D25" s="5">
        <v>19</v>
      </c>
    </row>
    <row r="26" spans="1:4" ht="18" customHeight="1" x14ac:dyDescent="0.15">
      <c r="A26" s="8">
        <v>17</v>
      </c>
      <c r="B26" s="21">
        <v>8</v>
      </c>
      <c r="C26" s="6">
        <v>10</v>
      </c>
      <c r="D26" s="5">
        <v>18</v>
      </c>
    </row>
    <row r="27" spans="1:4" ht="18" customHeight="1" x14ac:dyDescent="0.15">
      <c r="A27" s="8">
        <v>18</v>
      </c>
      <c r="B27" s="21">
        <v>6</v>
      </c>
      <c r="C27" s="6">
        <v>19</v>
      </c>
      <c r="D27" s="5">
        <v>25</v>
      </c>
    </row>
    <row r="28" spans="1:4" ht="18" customHeight="1" x14ac:dyDescent="0.15">
      <c r="A28" s="8">
        <v>19</v>
      </c>
      <c r="B28" s="21">
        <v>17</v>
      </c>
      <c r="C28" s="6">
        <v>8</v>
      </c>
      <c r="D28" s="5">
        <v>25</v>
      </c>
    </row>
    <row r="29" spans="1:4" ht="18" customHeight="1" x14ac:dyDescent="0.15">
      <c r="A29" s="8" t="s">
        <v>21</v>
      </c>
      <c r="B29" s="21">
        <v>56</v>
      </c>
      <c r="C29" s="6">
        <v>63</v>
      </c>
      <c r="D29" s="5">
        <v>119</v>
      </c>
    </row>
    <row r="30" spans="1:4" ht="18" customHeight="1" x14ac:dyDescent="0.15">
      <c r="A30" s="8">
        <v>20</v>
      </c>
      <c r="B30" s="21">
        <v>5</v>
      </c>
      <c r="C30" s="6">
        <v>17</v>
      </c>
      <c r="D30" s="5">
        <v>22</v>
      </c>
    </row>
    <row r="31" spans="1:4" ht="18" customHeight="1" x14ac:dyDescent="0.15">
      <c r="A31" s="8">
        <v>21</v>
      </c>
      <c r="B31" s="21">
        <v>17</v>
      </c>
      <c r="C31" s="6">
        <v>9</v>
      </c>
      <c r="D31" s="5">
        <v>26</v>
      </c>
    </row>
    <row r="32" spans="1:4" ht="18" customHeight="1" x14ac:dyDescent="0.15">
      <c r="A32" s="8">
        <v>22</v>
      </c>
      <c r="B32" s="21">
        <v>12</v>
      </c>
      <c r="C32" s="6">
        <v>3</v>
      </c>
      <c r="D32" s="5">
        <v>15</v>
      </c>
    </row>
    <row r="33" spans="1:4" ht="18" customHeight="1" x14ac:dyDescent="0.15">
      <c r="A33" s="8">
        <v>23</v>
      </c>
      <c r="B33" s="21">
        <v>16</v>
      </c>
      <c r="C33" s="6">
        <v>14</v>
      </c>
      <c r="D33" s="5">
        <v>30</v>
      </c>
    </row>
    <row r="34" spans="1:4" ht="18" customHeight="1" x14ac:dyDescent="0.15">
      <c r="A34" s="8">
        <v>24</v>
      </c>
      <c r="B34" s="21">
        <v>6</v>
      </c>
      <c r="C34" s="6">
        <v>9</v>
      </c>
      <c r="D34" s="5">
        <v>15</v>
      </c>
    </row>
    <row r="35" spans="1:4" ht="18" customHeight="1" x14ac:dyDescent="0.15">
      <c r="A35" s="8" t="s">
        <v>20</v>
      </c>
      <c r="B35" s="21">
        <v>56</v>
      </c>
      <c r="C35" s="6">
        <v>52</v>
      </c>
      <c r="D35" s="5">
        <v>108</v>
      </c>
    </row>
    <row r="36" spans="1:4" ht="18" customHeight="1" x14ac:dyDescent="0.15">
      <c r="A36" s="8">
        <v>25</v>
      </c>
      <c r="B36" s="21">
        <v>14</v>
      </c>
      <c r="C36" s="6">
        <v>9</v>
      </c>
      <c r="D36" s="5">
        <v>23</v>
      </c>
    </row>
    <row r="37" spans="1:4" ht="18" customHeight="1" x14ac:dyDescent="0.15">
      <c r="A37" s="8">
        <v>26</v>
      </c>
      <c r="B37" s="21">
        <v>13</v>
      </c>
      <c r="C37" s="6">
        <v>5</v>
      </c>
      <c r="D37" s="5">
        <v>18</v>
      </c>
    </row>
    <row r="38" spans="1:4" ht="18" customHeight="1" x14ac:dyDescent="0.15">
      <c r="A38" s="8">
        <v>27</v>
      </c>
      <c r="B38" s="21">
        <v>7</v>
      </c>
      <c r="C38" s="6">
        <v>2</v>
      </c>
      <c r="D38" s="5">
        <v>9</v>
      </c>
    </row>
    <row r="39" spans="1:4" ht="18" customHeight="1" x14ac:dyDescent="0.15">
      <c r="A39" s="8">
        <v>28</v>
      </c>
      <c r="B39" s="21">
        <v>15</v>
      </c>
      <c r="C39" s="6">
        <v>7</v>
      </c>
      <c r="D39" s="5">
        <v>22</v>
      </c>
    </row>
    <row r="40" spans="1:4" ht="18" customHeight="1" x14ac:dyDescent="0.15">
      <c r="A40" s="8">
        <v>29</v>
      </c>
      <c r="B40" s="21">
        <v>12</v>
      </c>
      <c r="C40" s="6">
        <v>11</v>
      </c>
      <c r="D40" s="5">
        <v>23</v>
      </c>
    </row>
    <row r="41" spans="1:4" ht="18" customHeight="1" x14ac:dyDescent="0.15">
      <c r="A41" s="8" t="s">
        <v>19</v>
      </c>
      <c r="B41" s="21">
        <v>61</v>
      </c>
      <c r="C41" s="6">
        <v>34</v>
      </c>
      <c r="D41" s="5">
        <v>95</v>
      </c>
    </row>
    <row r="42" spans="1:4" ht="18" customHeight="1" x14ac:dyDescent="0.15">
      <c r="A42" s="8">
        <v>30</v>
      </c>
      <c r="B42" s="21">
        <v>16</v>
      </c>
      <c r="C42" s="6">
        <v>12</v>
      </c>
      <c r="D42" s="5">
        <v>28</v>
      </c>
    </row>
    <row r="43" spans="1:4" ht="18" customHeight="1" x14ac:dyDescent="0.15">
      <c r="A43" s="8">
        <v>31</v>
      </c>
      <c r="B43" s="21">
        <v>9</v>
      </c>
      <c r="C43" s="6">
        <v>6</v>
      </c>
      <c r="D43" s="5">
        <v>15</v>
      </c>
    </row>
    <row r="44" spans="1:4" ht="18" customHeight="1" x14ac:dyDescent="0.15">
      <c r="A44" s="8">
        <v>32</v>
      </c>
      <c r="B44" s="21">
        <v>13</v>
      </c>
      <c r="C44" s="6">
        <v>11</v>
      </c>
      <c r="D44" s="5">
        <v>24</v>
      </c>
    </row>
    <row r="45" spans="1:4" ht="18" customHeight="1" x14ac:dyDescent="0.15">
      <c r="A45" s="8">
        <v>33</v>
      </c>
      <c r="B45" s="21">
        <v>13</v>
      </c>
      <c r="C45" s="6">
        <v>9</v>
      </c>
      <c r="D45" s="5">
        <v>22</v>
      </c>
    </row>
    <row r="46" spans="1:4" ht="18" customHeight="1" x14ac:dyDescent="0.15">
      <c r="A46" s="8">
        <v>34</v>
      </c>
      <c r="B46" s="21">
        <v>7</v>
      </c>
      <c r="C46" s="6">
        <v>10</v>
      </c>
      <c r="D46" s="5">
        <v>17</v>
      </c>
    </row>
    <row r="47" spans="1:4" ht="18" customHeight="1" x14ac:dyDescent="0.15">
      <c r="A47" s="8" t="s">
        <v>18</v>
      </c>
      <c r="B47" s="21">
        <v>58</v>
      </c>
      <c r="C47" s="6">
        <v>48</v>
      </c>
      <c r="D47" s="5">
        <v>106</v>
      </c>
    </row>
    <row r="48" spans="1:4" ht="18" customHeight="1" x14ac:dyDescent="0.15">
      <c r="A48" s="8">
        <v>35</v>
      </c>
      <c r="B48" s="21">
        <v>9</v>
      </c>
      <c r="C48" s="6">
        <v>9</v>
      </c>
      <c r="D48" s="5">
        <v>18</v>
      </c>
    </row>
    <row r="49" spans="1:4" ht="18" customHeight="1" x14ac:dyDescent="0.15">
      <c r="A49" s="8">
        <v>36</v>
      </c>
      <c r="B49" s="21">
        <v>13</v>
      </c>
      <c r="C49" s="6">
        <v>8</v>
      </c>
      <c r="D49" s="5">
        <v>21</v>
      </c>
    </row>
    <row r="50" spans="1:4" ht="18" customHeight="1" x14ac:dyDescent="0.15">
      <c r="A50" s="8">
        <v>37</v>
      </c>
      <c r="B50" s="21">
        <v>10</v>
      </c>
      <c r="C50" s="6">
        <v>9</v>
      </c>
      <c r="D50" s="5">
        <v>19</v>
      </c>
    </row>
    <row r="51" spans="1:4" ht="18" customHeight="1" x14ac:dyDescent="0.15">
      <c r="A51" s="8">
        <v>38</v>
      </c>
      <c r="B51" s="21">
        <v>9</v>
      </c>
      <c r="C51" s="6">
        <v>8</v>
      </c>
      <c r="D51" s="5">
        <v>17</v>
      </c>
    </row>
    <row r="52" spans="1:4" ht="18" customHeight="1" x14ac:dyDescent="0.15">
      <c r="A52" s="8">
        <v>39</v>
      </c>
      <c r="B52" s="21">
        <v>13</v>
      </c>
      <c r="C52" s="6">
        <v>8</v>
      </c>
      <c r="D52" s="5">
        <v>21</v>
      </c>
    </row>
    <row r="53" spans="1:4" ht="18" customHeight="1" x14ac:dyDescent="0.15">
      <c r="A53" s="8" t="s">
        <v>17</v>
      </c>
      <c r="B53" s="21">
        <v>54</v>
      </c>
      <c r="C53" s="6">
        <v>42</v>
      </c>
      <c r="D53" s="5">
        <v>96</v>
      </c>
    </row>
    <row r="54" spans="1:4" ht="18" customHeight="1" x14ac:dyDescent="0.15">
      <c r="A54" s="8">
        <v>40</v>
      </c>
      <c r="B54" s="21">
        <v>16</v>
      </c>
      <c r="C54" s="6">
        <v>15</v>
      </c>
      <c r="D54" s="5">
        <v>31</v>
      </c>
    </row>
    <row r="55" spans="1:4" ht="18" customHeight="1" x14ac:dyDescent="0.15">
      <c r="A55" s="8">
        <v>41</v>
      </c>
      <c r="B55" s="21">
        <v>15</v>
      </c>
      <c r="C55" s="6">
        <v>14</v>
      </c>
      <c r="D55" s="5">
        <v>29</v>
      </c>
    </row>
    <row r="56" spans="1:4" ht="18" customHeight="1" x14ac:dyDescent="0.15">
      <c r="A56" s="8">
        <v>42</v>
      </c>
      <c r="B56" s="21">
        <v>14</v>
      </c>
      <c r="C56" s="6">
        <v>11</v>
      </c>
      <c r="D56" s="5">
        <v>25</v>
      </c>
    </row>
    <row r="57" spans="1:4" ht="18" customHeight="1" x14ac:dyDescent="0.15">
      <c r="A57" s="8">
        <v>43</v>
      </c>
      <c r="B57" s="21">
        <v>21</v>
      </c>
      <c r="C57" s="6">
        <v>15</v>
      </c>
      <c r="D57" s="5">
        <v>36</v>
      </c>
    </row>
    <row r="58" spans="1:4" ht="18" customHeight="1" x14ac:dyDescent="0.15">
      <c r="A58" s="8">
        <v>44</v>
      </c>
      <c r="B58" s="21">
        <v>19</v>
      </c>
      <c r="C58" s="6">
        <v>9</v>
      </c>
      <c r="D58" s="5">
        <v>28</v>
      </c>
    </row>
    <row r="59" spans="1:4" ht="18" customHeight="1" x14ac:dyDescent="0.15">
      <c r="A59" s="8" t="s">
        <v>16</v>
      </c>
      <c r="B59" s="21">
        <v>85</v>
      </c>
      <c r="C59" s="6">
        <v>64</v>
      </c>
      <c r="D59" s="5">
        <v>149</v>
      </c>
    </row>
    <row r="60" spans="1:4" ht="18" customHeight="1" x14ac:dyDescent="0.15">
      <c r="A60" s="8">
        <v>45</v>
      </c>
      <c r="B60" s="21">
        <v>20</v>
      </c>
      <c r="C60" s="6">
        <v>17</v>
      </c>
      <c r="D60" s="5">
        <v>37</v>
      </c>
    </row>
    <row r="61" spans="1:4" ht="18" customHeight="1" x14ac:dyDescent="0.15">
      <c r="A61" s="8">
        <v>46</v>
      </c>
      <c r="B61" s="21">
        <v>15</v>
      </c>
      <c r="C61" s="6">
        <v>14</v>
      </c>
      <c r="D61" s="5">
        <v>29</v>
      </c>
    </row>
    <row r="62" spans="1:4" ht="18" customHeight="1" x14ac:dyDescent="0.15">
      <c r="A62" s="8">
        <v>47</v>
      </c>
      <c r="B62" s="21">
        <v>17</v>
      </c>
      <c r="C62" s="6">
        <v>22</v>
      </c>
      <c r="D62" s="5">
        <v>39</v>
      </c>
    </row>
    <row r="63" spans="1:4" ht="18" customHeight="1" x14ac:dyDescent="0.15">
      <c r="A63" s="8">
        <v>48</v>
      </c>
      <c r="B63" s="21">
        <v>23</v>
      </c>
      <c r="C63" s="6">
        <v>22</v>
      </c>
      <c r="D63" s="5">
        <v>45</v>
      </c>
    </row>
    <row r="64" spans="1:4" ht="18" customHeight="1" x14ac:dyDescent="0.15">
      <c r="A64" s="8">
        <v>49</v>
      </c>
      <c r="B64" s="21">
        <v>21</v>
      </c>
      <c r="C64" s="6">
        <v>10</v>
      </c>
      <c r="D64" s="5">
        <v>31</v>
      </c>
    </row>
    <row r="65" spans="1:4" ht="18" customHeight="1" x14ac:dyDescent="0.15">
      <c r="A65" s="8" t="s">
        <v>15</v>
      </c>
      <c r="B65" s="21">
        <v>96</v>
      </c>
      <c r="C65" s="6">
        <v>85</v>
      </c>
      <c r="D65" s="5">
        <v>181</v>
      </c>
    </row>
    <row r="66" spans="1:4" ht="18" customHeight="1" x14ac:dyDescent="0.15">
      <c r="A66" s="8">
        <v>50</v>
      </c>
      <c r="B66" s="21">
        <v>21</v>
      </c>
      <c r="C66" s="6">
        <v>17</v>
      </c>
      <c r="D66" s="5">
        <v>38</v>
      </c>
    </row>
    <row r="67" spans="1:4" ht="18" customHeight="1" x14ac:dyDescent="0.15">
      <c r="A67" s="8">
        <v>51</v>
      </c>
      <c r="B67" s="21">
        <v>24</v>
      </c>
      <c r="C67" s="6">
        <v>18</v>
      </c>
      <c r="D67" s="5">
        <v>42</v>
      </c>
    </row>
    <row r="68" spans="1:4" ht="18" customHeight="1" x14ac:dyDescent="0.15">
      <c r="A68" s="8">
        <v>52</v>
      </c>
      <c r="B68" s="21">
        <v>29</v>
      </c>
      <c r="C68" s="6">
        <v>18</v>
      </c>
      <c r="D68" s="5">
        <v>47</v>
      </c>
    </row>
    <row r="69" spans="1:4" ht="18" customHeight="1" x14ac:dyDescent="0.15">
      <c r="A69" s="8">
        <v>53</v>
      </c>
      <c r="B69" s="21">
        <v>18</v>
      </c>
      <c r="C69" s="6">
        <v>36</v>
      </c>
      <c r="D69" s="5">
        <v>54</v>
      </c>
    </row>
    <row r="70" spans="1:4" ht="18" customHeight="1" x14ac:dyDescent="0.15">
      <c r="A70" s="8">
        <v>54</v>
      </c>
      <c r="B70" s="21">
        <v>17</v>
      </c>
      <c r="C70" s="6">
        <v>20</v>
      </c>
      <c r="D70" s="5">
        <v>37</v>
      </c>
    </row>
    <row r="71" spans="1:4" ht="18" customHeight="1" x14ac:dyDescent="0.15">
      <c r="A71" s="8" t="s">
        <v>14</v>
      </c>
      <c r="B71" s="21">
        <v>109</v>
      </c>
      <c r="C71" s="6">
        <v>109</v>
      </c>
      <c r="D71" s="5">
        <v>218</v>
      </c>
    </row>
    <row r="72" spans="1:4" ht="18" customHeight="1" x14ac:dyDescent="0.15">
      <c r="A72" s="8">
        <v>55</v>
      </c>
      <c r="B72" s="21">
        <v>17</v>
      </c>
      <c r="C72" s="6">
        <v>13</v>
      </c>
      <c r="D72" s="5">
        <v>30</v>
      </c>
    </row>
    <row r="73" spans="1:4" ht="18" customHeight="1" x14ac:dyDescent="0.15">
      <c r="A73" s="8">
        <v>56</v>
      </c>
      <c r="B73" s="21">
        <v>24</v>
      </c>
      <c r="C73" s="6">
        <v>19</v>
      </c>
      <c r="D73" s="5">
        <v>43</v>
      </c>
    </row>
    <row r="74" spans="1:4" ht="18" customHeight="1" x14ac:dyDescent="0.15">
      <c r="A74" s="8">
        <v>57</v>
      </c>
      <c r="B74" s="21">
        <v>25</v>
      </c>
      <c r="C74" s="6">
        <v>14</v>
      </c>
      <c r="D74" s="5">
        <v>39</v>
      </c>
    </row>
    <row r="75" spans="1:4" ht="18" customHeight="1" x14ac:dyDescent="0.15">
      <c r="A75" s="8">
        <v>58</v>
      </c>
      <c r="B75" s="21">
        <v>23</v>
      </c>
      <c r="C75" s="6">
        <v>15</v>
      </c>
      <c r="D75" s="5">
        <v>38</v>
      </c>
    </row>
    <row r="76" spans="1:4" ht="18" customHeight="1" x14ac:dyDescent="0.15">
      <c r="A76" s="8">
        <v>59</v>
      </c>
      <c r="B76" s="21">
        <v>14</v>
      </c>
      <c r="C76" s="6">
        <v>15</v>
      </c>
      <c r="D76" s="5">
        <v>29</v>
      </c>
    </row>
    <row r="77" spans="1:4" ht="18" customHeight="1" x14ac:dyDescent="0.15">
      <c r="A77" s="8" t="s">
        <v>13</v>
      </c>
      <c r="B77" s="21">
        <v>103</v>
      </c>
      <c r="C77" s="6">
        <v>76</v>
      </c>
      <c r="D77" s="5">
        <v>179</v>
      </c>
    </row>
    <row r="78" spans="1:4" ht="18" customHeight="1" x14ac:dyDescent="0.15">
      <c r="A78" s="8">
        <v>60</v>
      </c>
      <c r="B78" s="21">
        <v>17</v>
      </c>
      <c r="C78" s="6">
        <v>16</v>
      </c>
      <c r="D78" s="5">
        <v>33</v>
      </c>
    </row>
    <row r="79" spans="1:4" ht="18" customHeight="1" x14ac:dyDescent="0.15">
      <c r="A79" s="8">
        <v>61</v>
      </c>
      <c r="B79" s="21">
        <v>27</v>
      </c>
      <c r="C79" s="6">
        <v>19</v>
      </c>
      <c r="D79" s="5">
        <v>46</v>
      </c>
    </row>
    <row r="80" spans="1:4" ht="18" customHeight="1" x14ac:dyDescent="0.15">
      <c r="A80" s="8">
        <v>62</v>
      </c>
      <c r="B80" s="21">
        <v>12</v>
      </c>
      <c r="C80" s="6">
        <v>31</v>
      </c>
      <c r="D80" s="5">
        <v>43</v>
      </c>
    </row>
    <row r="81" spans="1:4" ht="18" customHeight="1" x14ac:dyDescent="0.15">
      <c r="A81" s="8">
        <v>63</v>
      </c>
      <c r="B81" s="21">
        <v>21</v>
      </c>
      <c r="C81" s="6">
        <v>17</v>
      </c>
      <c r="D81" s="5">
        <v>38</v>
      </c>
    </row>
    <row r="82" spans="1:4" ht="18" customHeight="1" x14ac:dyDescent="0.15">
      <c r="A82" s="8">
        <v>64</v>
      </c>
      <c r="B82" s="21">
        <v>14</v>
      </c>
      <c r="C82" s="6">
        <v>20</v>
      </c>
      <c r="D82" s="5">
        <v>34</v>
      </c>
    </row>
    <row r="83" spans="1:4" ht="18" customHeight="1" x14ac:dyDescent="0.15">
      <c r="A83" s="8" t="s">
        <v>12</v>
      </c>
      <c r="B83" s="21">
        <v>91</v>
      </c>
      <c r="C83" s="6">
        <v>103</v>
      </c>
      <c r="D83" s="5">
        <v>194</v>
      </c>
    </row>
    <row r="84" spans="1:4" ht="18" customHeight="1" x14ac:dyDescent="0.15">
      <c r="A84" s="8" t="s">
        <v>11</v>
      </c>
      <c r="B84" s="21">
        <v>769</v>
      </c>
      <c r="C84" s="6">
        <v>676</v>
      </c>
      <c r="D84" s="5">
        <v>1445</v>
      </c>
    </row>
    <row r="85" spans="1:4" ht="18" customHeight="1" x14ac:dyDescent="0.15">
      <c r="A85" s="8">
        <v>65</v>
      </c>
      <c r="B85" s="21">
        <v>23</v>
      </c>
      <c r="C85" s="6">
        <v>25</v>
      </c>
      <c r="D85" s="5">
        <v>48</v>
      </c>
    </row>
    <row r="86" spans="1:4" ht="18" customHeight="1" x14ac:dyDescent="0.15">
      <c r="A86" s="8">
        <v>66</v>
      </c>
      <c r="B86" s="21">
        <v>16</v>
      </c>
      <c r="C86" s="6">
        <v>17</v>
      </c>
      <c r="D86" s="5">
        <v>33</v>
      </c>
    </row>
    <row r="87" spans="1:4" ht="18" customHeight="1" x14ac:dyDescent="0.15">
      <c r="A87" s="8">
        <v>67</v>
      </c>
      <c r="B87" s="21">
        <v>16</v>
      </c>
      <c r="C87" s="6">
        <v>26</v>
      </c>
      <c r="D87" s="5">
        <v>42</v>
      </c>
    </row>
    <row r="88" spans="1:4" ht="18" customHeight="1" x14ac:dyDescent="0.15">
      <c r="A88" s="8">
        <v>68</v>
      </c>
      <c r="B88" s="21">
        <v>15</v>
      </c>
      <c r="C88" s="6">
        <v>20</v>
      </c>
      <c r="D88" s="5">
        <v>35</v>
      </c>
    </row>
    <row r="89" spans="1:4" ht="18" customHeight="1" x14ac:dyDescent="0.15">
      <c r="A89" s="8">
        <v>69</v>
      </c>
      <c r="B89" s="21">
        <v>24</v>
      </c>
      <c r="C89" s="6">
        <v>20</v>
      </c>
      <c r="D89" s="5">
        <v>44</v>
      </c>
    </row>
    <row r="90" spans="1:4" ht="18" customHeight="1" x14ac:dyDescent="0.15">
      <c r="A90" s="8" t="s">
        <v>10</v>
      </c>
      <c r="B90" s="21">
        <v>94</v>
      </c>
      <c r="C90" s="6">
        <v>108</v>
      </c>
      <c r="D90" s="5">
        <v>202</v>
      </c>
    </row>
    <row r="91" spans="1:4" ht="18" customHeight="1" x14ac:dyDescent="0.15">
      <c r="A91" s="8">
        <v>70</v>
      </c>
      <c r="B91" s="21">
        <v>17</v>
      </c>
      <c r="C91" s="6">
        <v>27</v>
      </c>
      <c r="D91" s="5">
        <v>44</v>
      </c>
    </row>
    <row r="92" spans="1:4" ht="18" customHeight="1" x14ac:dyDescent="0.15">
      <c r="A92" s="8">
        <v>71</v>
      </c>
      <c r="B92" s="21">
        <v>22</v>
      </c>
      <c r="C92" s="6">
        <v>19</v>
      </c>
      <c r="D92" s="5">
        <v>41</v>
      </c>
    </row>
    <row r="93" spans="1:4" ht="18" customHeight="1" x14ac:dyDescent="0.15">
      <c r="A93" s="8">
        <v>72</v>
      </c>
      <c r="B93" s="21">
        <v>23</v>
      </c>
      <c r="C93" s="6">
        <v>30</v>
      </c>
      <c r="D93" s="5">
        <v>53</v>
      </c>
    </row>
    <row r="94" spans="1:4" ht="18" customHeight="1" x14ac:dyDescent="0.15">
      <c r="A94" s="8">
        <v>73</v>
      </c>
      <c r="B94" s="21">
        <v>29</v>
      </c>
      <c r="C94" s="6">
        <v>29</v>
      </c>
      <c r="D94" s="5">
        <v>58</v>
      </c>
    </row>
    <row r="95" spans="1:4" ht="18" customHeight="1" x14ac:dyDescent="0.15">
      <c r="A95" s="8">
        <v>74</v>
      </c>
      <c r="B95" s="21">
        <v>29</v>
      </c>
      <c r="C95" s="6">
        <v>17</v>
      </c>
      <c r="D95" s="5">
        <v>46</v>
      </c>
    </row>
    <row r="96" spans="1:4" ht="18" customHeight="1" x14ac:dyDescent="0.15">
      <c r="A96" s="8" t="s">
        <v>9</v>
      </c>
      <c r="B96" s="21">
        <v>120</v>
      </c>
      <c r="C96" s="6">
        <v>122</v>
      </c>
      <c r="D96" s="5">
        <v>242</v>
      </c>
    </row>
    <row r="97" spans="1:4" ht="18" customHeight="1" x14ac:dyDescent="0.15">
      <c r="A97" s="8">
        <v>75</v>
      </c>
      <c r="B97" s="21">
        <v>23</v>
      </c>
      <c r="C97" s="6">
        <v>20</v>
      </c>
      <c r="D97" s="5">
        <v>43</v>
      </c>
    </row>
    <row r="98" spans="1:4" ht="18" customHeight="1" x14ac:dyDescent="0.15">
      <c r="A98" s="8">
        <v>76</v>
      </c>
      <c r="B98" s="21">
        <v>26</v>
      </c>
      <c r="C98" s="6">
        <v>35</v>
      </c>
      <c r="D98" s="5">
        <v>61</v>
      </c>
    </row>
    <row r="99" spans="1:4" ht="18" customHeight="1" x14ac:dyDescent="0.15">
      <c r="A99" s="8">
        <v>77</v>
      </c>
      <c r="B99" s="21">
        <v>35</v>
      </c>
      <c r="C99" s="6">
        <v>24</v>
      </c>
      <c r="D99" s="5">
        <v>59</v>
      </c>
    </row>
    <row r="100" spans="1:4" ht="18" customHeight="1" x14ac:dyDescent="0.15">
      <c r="A100" s="8">
        <v>78</v>
      </c>
      <c r="B100" s="21">
        <v>28</v>
      </c>
      <c r="C100" s="6">
        <v>28</v>
      </c>
      <c r="D100" s="5">
        <v>56</v>
      </c>
    </row>
    <row r="101" spans="1:4" ht="18" customHeight="1" x14ac:dyDescent="0.15">
      <c r="A101" s="8">
        <v>79</v>
      </c>
      <c r="B101" s="21">
        <v>17</v>
      </c>
      <c r="C101" s="6">
        <v>17</v>
      </c>
      <c r="D101" s="5">
        <v>34</v>
      </c>
    </row>
    <row r="102" spans="1:4" ht="18" customHeight="1" x14ac:dyDescent="0.15">
      <c r="A102" s="8" t="s">
        <v>8</v>
      </c>
      <c r="B102" s="21">
        <v>129</v>
      </c>
      <c r="C102" s="6">
        <v>124</v>
      </c>
      <c r="D102" s="5">
        <v>253</v>
      </c>
    </row>
    <row r="103" spans="1:4" ht="18" customHeight="1" x14ac:dyDescent="0.15">
      <c r="A103" s="8">
        <v>80</v>
      </c>
      <c r="B103" s="21">
        <v>16</v>
      </c>
      <c r="C103" s="6">
        <v>20</v>
      </c>
      <c r="D103" s="5">
        <v>36</v>
      </c>
    </row>
    <row r="104" spans="1:4" ht="18" customHeight="1" x14ac:dyDescent="0.15">
      <c r="A104" s="8">
        <v>81</v>
      </c>
      <c r="B104" s="21">
        <v>18</v>
      </c>
      <c r="C104" s="6">
        <v>23</v>
      </c>
      <c r="D104" s="5">
        <v>41</v>
      </c>
    </row>
    <row r="105" spans="1:4" ht="18" customHeight="1" x14ac:dyDescent="0.15">
      <c r="A105" s="8">
        <v>82</v>
      </c>
      <c r="B105" s="21">
        <v>10</v>
      </c>
      <c r="C105" s="6">
        <v>19</v>
      </c>
      <c r="D105" s="5">
        <v>29</v>
      </c>
    </row>
    <row r="106" spans="1:4" ht="18" customHeight="1" x14ac:dyDescent="0.15">
      <c r="A106" s="8">
        <v>83</v>
      </c>
      <c r="B106" s="21">
        <v>7</v>
      </c>
      <c r="C106" s="6">
        <v>14</v>
      </c>
      <c r="D106" s="5">
        <v>21</v>
      </c>
    </row>
    <row r="107" spans="1:4" ht="18" customHeight="1" x14ac:dyDescent="0.15">
      <c r="A107" s="8">
        <v>84</v>
      </c>
      <c r="B107" s="21">
        <v>16</v>
      </c>
      <c r="C107" s="6">
        <v>17</v>
      </c>
      <c r="D107" s="5">
        <v>33</v>
      </c>
    </row>
    <row r="108" spans="1:4" ht="18" customHeight="1" x14ac:dyDescent="0.15">
      <c r="A108" s="8" t="s">
        <v>7</v>
      </c>
      <c r="B108" s="21">
        <v>67</v>
      </c>
      <c r="C108" s="6">
        <v>93</v>
      </c>
      <c r="D108" s="5">
        <v>160</v>
      </c>
    </row>
    <row r="109" spans="1:4" ht="18" customHeight="1" x14ac:dyDescent="0.15">
      <c r="A109" s="8">
        <v>85</v>
      </c>
      <c r="B109" s="21">
        <v>11</v>
      </c>
      <c r="C109" s="6">
        <v>10</v>
      </c>
      <c r="D109" s="5">
        <v>21</v>
      </c>
    </row>
    <row r="110" spans="1:4" ht="18" customHeight="1" x14ac:dyDescent="0.15">
      <c r="A110" s="8">
        <v>86</v>
      </c>
      <c r="B110" s="21">
        <v>8</v>
      </c>
      <c r="C110" s="6">
        <v>12</v>
      </c>
      <c r="D110" s="5">
        <v>20</v>
      </c>
    </row>
    <row r="111" spans="1:4" ht="18" customHeight="1" x14ac:dyDescent="0.15">
      <c r="A111" s="8">
        <v>87</v>
      </c>
      <c r="B111" s="21">
        <v>2</v>
      </c>
      <c r="C111" s="6">
        <v>13</v>
      </c>
      <c r="D111" s="5">
        <v>15</v>
      </c>
    </row>
    <row r="112" spans="1:4" ht="18" customHeight="1" x14ac:dyDescent="0.15">
      <c r="A112" s="8">
        <v>88</v>
      </c>
      <c r="B112" s="21">
        <v>6</v>
      </c>
      <c r="C112" s="6">
        <v>10</v>
      </c>
      <c r="D112" s="5">
        <v>16</v>
      </c>
    </row>
    <row r="113" spans="1:4" ht="18" customHeight="1" x14ac:dyDescent="0.15">
      <c r="A113" s="8">
        <v>89</v>
      </c>
      <c r="B113" s="21">
        <v>10</v>
      </c>
      <c r="C113" s="6">
        <v>8</v>
      </c>
      <c r="D113" s="5">
        <v>18</v>
      </c>
    </row>
    <row r="114" spans="1:4" ht="18" customHeight="1" x14ac:dyDescent="0.15">
      <c r="A114" s="8" t="s">
        <v>6</v>
      </c>
      <c r="B114" s="21">
        <v>37</v>
      </c>
      <c r="C114" s="6">
        <v>53</v>
      </c>
      <c r="D114" s="5">
        <v>90</v>
      </c>
    </row>
    <row r="115" spans="1:4" ht="18" customHeight="1" x14ac:dyDescent="0.15">
      <c r="A115" s="8">
        <v>90</v>
      </c>
      <c r="B115" s="21">
        <v>6</v>
      </c>
      <c r="C115" s="6">
        <v>11</v>
      </c>
      <c r="D115" s="5">
        <v>17</v>
      </c>
    </row>
    <row r="116" spans="1:4" ht="18" customHeight="1" x14ac:dyDescent="0.15">
      <c r="A116" s="8">
        <v>91</v>
      </c>
      <c r="B116" s="21">
        <v>1</v>
      </c>
      <c r="C116" s="6">
        <v>6</v>
      </c>
      <c r="D116" s="5">
        <v>7</v>
      </c>
    </row>
    <row r="117" spans="1:4" ht="18" customHeight="1" x14ac:dyDescent="0.15">
      <c r="A117" s="8">
        <v>92</v>
      </c>
      <c r="B117" s="21">
        <v>2</v>
      </c>
      <c r="C117" s="6">
        <v>11</v>
      </c>
      <c r="D117" s="5">
        <v>13</v>
      </c>
    </row>
    <row r="118" spans="1:4" ht="18" customHeight="1" x14ac:dyDescent="0.15">
      <c r="A118" s="8">
        <v>93</v>
      </c>
      <c r="B118" s="21">
        <v>3</v>
      </c>
      <c r="C118" s="6">
        <v>7</v>
      </c>
      <c r="D118" s="5">
        <v>10</v>
      </c>
    </row>
    <row r="119" spans="1:4" ht="18" customHeight="1" x14ac:dyDescent="0.15">
      <c r="A119" s="8">
        <v>94</v>
      </c>
      <c r="B119" s="21">
        <v>0</v>
      </c>
      <c r="C119" s="6">
        <v>8</v>
      </c>
      <c r="D119" s="5">
        <v>8</v>
      </c>
    </row>
    <row r="120" spans="1:4" ht="18" customHeight="1" x14ac:dyDescent="0.15">
      <c r="A120" s="8" t="s">
        <v>5</v>
      </c>
      <c r="B120" s="21">
        <v>12</v>
      </c>
      <c r="C120" s="6">
        <v>43</v>
      </c>
      <c r="D120" s="5">
        <v>55</v>
      </c>
    </row>
    <row r="121" spans="1:4" ht="18" customHeight="1" x14ac:dyDescent="0.15">
      <c r="A121" s="8">
        <v>95</v>
      </c>
      <c r="B121" s="21">
        <v>1</v>
      </c>
      <c r="C121" s="6">
        <v>3</v>
      </c>
      <c r="D121" s="5">
        <v>4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9</v>
      </c>
      <c r="D126" s="5">
        <v>11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61</v>
      </c>
      <c r="C130" s="6">
        <v>556</v>
      </c>
      <c r="D130" s="5">
        <v>1017</v>
      </c>
    </row>
    <row r="131" spans="1:4" ht="18" customHeight="1" x14ac:dyDescent="0.15">
      <c r="A131" s="4" t="s">
        <v>0</v>
      </c>
      <c r="B131" s="20">
        <v>1346</v>
      </c>
      <c r="C131" s="2">
        <v>1344</v>
      </c>
      <c r="D131" s="1">
        <v>26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5A9F18-7A34-4454-A369-8976815DB735}">
  <sheetPr codeName="Sheet4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1</v>
      </c>
      <c r="C5" s="11">
        <v>10</v>
      </c>
      <c r="D5" s="10">
        <v>21</v>
      </c>
    </row>
    <row r="6" spans="1:4" ht="18" customHeight="1" x14ac:dyDescent="0.15">
      <c r="A6" s="8">
        <v>1</v>
      </c>
      <c r="B6" s="21">
        <v>9</v>
      </c>
      <c r="C6" s="6">
        <v>7</v>
      </c>
      <c r="D6" s="5">
        <v>16</v>
      </c>
    </row>
    <row r="7" spans="1:4" ht="18" customHeight="1" x14ac:dyDescent="0.15">
      <c r="A7" s="8">
        <v>2</v>
      </c>
      <c r="B7" s="21">
        <v>8</v>
      </c>
      <c r="C7" s="6">
        <v>9</v>
      </c>
      <c r="D7" s="5">
        <v>17</v>
      </c>
    </row>
    <row r="8" spans="1:4" ht="18" customHeight="1" x14ac:dyDescent="0.15">
      <c r="A8" s="8">
        <v>3</v>
      </c>
      <c r="B8" s="21">
        <v>7</v>
      </c>
      <c r="C8" s="6">
        <v>15</v>
      </c>
      <c r="D8" s="5">
        <v>22</v>
      </c>
    </row>
    <row r="9" spans="1:4" ht="18" customHeight="1" x14ac:dyDescent="0.15">
      <c r="A9" s="8">
        <v>4</v>
      </c>
      <c r="B9" s="21">
        <v>7</v>
      </c>
      <c r="C9" s="6">
        <v>8</v>
      </c>
      <c r="D9" s="5">
        <v>15</v>
      </c>
    </row>
    <row r="10" spans="1:4" ht="18" customHeight="1" x14ac:dyDescent="0.15">
      <c r="A10" s="8" t="s">
        <v>25</v>
      </c>
      <c r="B10" s="21">
        <v>42</v>
      </c>
      <c r="C10" s="6">
        <v>49</v>
      </c>
      <c r="D10" s="5">
        <v>91</v>
      </c>
    </row>
    <row r="11" spans="1:4" ht="18" customHeight="1" x14ac:dyDescent="0.15">
      <c r="A11" s="8">
        <v>5</v>
      </c>
      <c r="B11" s="21">
        <v>13</v>
      </c>
      <c r="C11" s="6">
        <v>11</v>
      </c>
      <c r="D11" s="5">
        <v>24</v>
      </c>
    </row>
    <row r="12" spans="1:4" ht="18" customHeight="1" x14ac:dyDescent="0.15">
      <c r="A12" s="8">
        <v>6</v>
      </c>
      <c r="B12" s="21">
        <v>8</v>
      </c>
      <c r="C12" s="6">
        <v>15</v>
      </c>
      <c r="D12" s="5">
        <v>23</v>
      </c>
    </row>
    <row r="13" spans="1:4" ht="18" customHeight="1" x14ac:dyDescent="0.15">
      <c r="A13" s="8">
        <v>7</v>
      </c>
      <c r="B13" s="21">
        <v>14</v>
      </c>
      <c r="C13" s="6">
        <v>13</v>
      </c>
      <c r="D13" s="5">
        <v>27</v>
      </c>
    </row>
    <row r="14" spans="1:4" ht="18" customHeight="1" x14ac:dyDescent="0.15">
      <c r="A14" s="8">
        <v>8</v>
      </c>
      <c r="B14" s="21">
        <v>12</v>
      </c>
      <c r="C14" s="6">
        <v>12</v>
      </c>
      <c r="D14" s="5">
        <v>24</v>
      </c>
    </row>
    <row r="15" spans="1:4" ht="18" customHeight="1" x14ac:dyDescent="0.15">
      <c r="A15" s="8">
        <v>9</v>
      </c>
      <c r="B15" s="21">
        <v>10</v>
      </c>
      <c r="C15" s="6">
        <v>4</v>
      </c>
      <c r="D15" s="5">
        <v>14</v>
      </c>
    </row>
    <row r="16" spans="1:4" ht="18" customHeight="1" x14ac:dyDescent="0.15">
      <c r="A16" s="8" t="s">
        <v>24</v>
      </c>
      <c r="B16" s="21">
        <v>57</v>
      </c>
      <c r="C16" s="6">
        <v>55</v>
      </c>
      <c r="D16" s="5">
        <v>112</v>
      </c>
    </row>
    <row r="17" spans="1:4" ht="18" customHeight="1" x14ac:dyDescent="0.15">
      <c r="A17" s="8">
        <v>10</v>
      </c>
      <c r="B17" s="21">
        <v>14</v>
      </c>
      <c r="C17" s="6">
        <v>8</v>
      </c>
      <c r="D17" s="5">
        <v>22</v>
      </c>
    </row>
    <row r="18" spans="1:4" ht="18" customHeight="1" x14ac:dyDescent="0.15">
      <c r="A18" s="8">
        <v>11</v>
      </c>
      <c r="B18" s="21">
        <v>18</v>
      </c>
      <c r="C18" s="6">
        <v>19</v>
      </c>
      <c r="D18" s="5">
        <v>37</v>
      </c>
    </row>
    <row r="19" spans="1:4" ht="18" customHeight="1" x14ac:dyDescent="0.15">
      <c r="A19" s="8">
        <v>12</v>
      </c>
      <c r="B19" s="21">
        <v>10</v>
      </c>
      <c r="C19" s="6">
        <v>14</v>
      </c>
      <c r="D19" s="5">
        <v>24</v>
      </c>
    </row>
    <row r="20" spans="1:4" ht="18" customHeight="1" x14ac:dyDescent="0.15">
      <c r="A20" s="8">
        <v>13</v>
      </c>
      <c r="B20" s="21">
        <v>19</v>
      </c>
      <c r="C20" s="6">
        <v>17</v>
      </c>
      <c r="D20" s="5">
        <v>36</v>
      </c>
    </row>
    <row r="21" spans="1:4" ht="18" customHeight="1" x14ac:dyDescent="0.15">
      <c r="A21" s="8">
        <v>14</v>
      </c>
      <c r="B21" s="21">
        <v>16</v>
      </c>
      <c r="C21" s="6">
        <v>13</v>
      </c>
      <c r="D21" s="5">
        <v>29</v>
      </c>
    </row>
    <row r="22" spans="1:4" ht="18" customHeight="1" x14ac:dyDescent="0.15">
      <c r="A22" s="8" t="s">
        <v>23</v>
      </c>
      <c r="B22" s="21">
        <v>77</v>
      </c>
      <c r="C22" s="6">
        <v>71</v>
      </c>
      <c r="D22" s="5">
        <v>148</v>
      </c>
    </row>
    <row r="23" spans="1:4" ht="18" customHeight="1" x14ac:dyDescent="0.15">
      <c r="A23" s="8" t="s">
        <v>22</v>
      </c>
      <c r="B23" s="21">
        <v>176</v>
      </c>
      <c r="C23" s="6">
        <v>175</v>
      </c>
      <c r="D23" s="5">
        <v>351</v>
      </c>
    </row>
    <row r="24" spans="1:4" ht="18" customHeight="1" x14ac:dyDescent="0.15">
      <c r="A24" s="8">
        <v>15</v>
      </c>
      <c r="B24" s="21">
        <v>17</v>
      </c>
      <c r="C24" s="6">
        <v>15</v>
      </c>
      <c r="D24" s="5">
        <v>32</v>
      </c>
    </row>
    <row r="25" spans="1:4" ht="18" customHeight="1" x14ac:dyDescent="0.15">
      <c r="A25" s="8">
        <v>16</v>
      </c>
      <c r="B25" s="21">
        <v>21</v>
      </c>
      <c r="C25" s="6">
        <v>17</v>
      </c>
      <c r="D25" s="5">
        <v>38</v>
      </c>
    </row>
    <row r="26" spans="1:4" ht="18" customHeight="1" x14ac:dyDescent="0.15">
      <c r="A26" s="8">
        <v>17</v>
      </c>
      <c r="B26" s="21">
        <v>22</v>
      </c>
      <c r="C26" s="6">
        <v>19</v>
      </c>
      <c r="D26" s="5">
        <v>41</v>
      </c>
    </row>
    <row r="27" spans="1:4" ht="18" customHeight="1" x14ac:dyDescent="0.15">
      <c r="A27" s="8">
        <v>18</v>
      </c>
      <c r="B27" s="21">
        <v>14</v>
      </c>
      <c r="C27" s="6">
        <v>22</v>
      </c>
      <c r="D27" s="5">
        <v>36</v>
      </c>
    </row>
    <row r="28" spans="1:4" ht="18" customHeight="1" x14ac:dyDescent="0.15">
      <c r="A28" s="8">
        <v>19</v>
      </c>
      <c r="B28" s="21">
        <v>10</v>
      </c>
      <c r="C28" s="6">
        <v>12</v>
      </c>
      <c r="D28" s="5">
        <v>22</v>
      </c>
    </row>
    <row r="29" spans="1:4" ht="18" customHeight="1" x14ac:dyDescent="0.15">
      <c r="A29" s="8" t="s">
        <v>21</v>
      </c>
      <c r="B29" s="21">
        <v>84</v>
      </c>
      <c r="C29" s="6">
        <v>85</v>
      </c>
      <c r="D29" s="5">
        <v>169</v>
      </c>
    </row>
    <row r="30" spans="1:4" ht="18" customHeight="1" x14ac:dyDescent="0.15">
      <c r="A30" s="8">
        <v>20</v>
      </c>
      <c r="B30" s="21">
        <v>13</v>
      </c>
      <c r="C30" s="6">
        <v>16</v>
      </c>
      <c r="D30" s="5">
        <v>29</v>
      </c>
    </row>
    <row r="31" spans="1:4" ht="18" customHeight="1" x14ac:dyDescent="0.15">
      <c r="A31" s="8">
        <v>21</v>
      </c>
      <c r="B31" s="21">
        <v>12</v>
      </c>
      <c r="C31" s="6">
        <v>5</v>
      </c>
      <c r="D31" s="5">
        <v>17</v>
      </c>
    </row>
    <row r="32" spans="1:4" ht="18" customHeight="1" x14ac:dyDescent="0.15">
      <c r="A32" s="8">
        <v>22</v>
      </c>
      <c r="B32" s="21">
        <v>15</v>
      </c>
      <c r="C32" s="6">
        <v>14</v>
      </c>
      <c r="D32" s="5">
        <v>29</v>
      </c>
    </row>
    <row r="33" spans="1:4" ht="18" customHeight="1" x14ac:dyDescent="0.15">
      <c r="A33" s="8">
        <v>23</v>
      </c>
      <c r="B33" s="21">
        <v>15</v>
      </c>
      <c r="C33" s="6">
        <v>9</v>
      </c>
      <c r="D33" s="5">
        <v>24</v>
      </c>
    </row>
    <row r="34" spans="1:4" ht="18" customHeight="1" x14ac:dyDescent="0.15">
      <c r="A34" s="8">
        <v>24</v>
      </c>
      <c r="B34" s="21">
        <v>15</v>
      </c>
      <c r="C34" s="6">
        <v>15</v>
      </c>
      <c r="D34" s="5">
        <v>30</v>
      </c>
    </row>
    <row r="35" spans="1:4" ht="18" customHeight="1" x14ac:dyDescent="0.15">
      <c r="A35" s="8" t="s">
        <v>20</v>
      </c>
      <c r="B35" s="21">
        <v>70</v>
      </c>
      <c r="C35" s="6">
        <v>59</v>
      </c>
      <c r="D35" s="5">
        <v>129</v>
      </c>
    </row>
    <row r="36" spans="1:4" ht="18" customHeight="1" x14ac:dyDescent="0.15">
      <c r="A36" s="8">
        <v>25</v>
      </c>
      <c r="B36" s="21">
        <v>14</v>
      </c>
      <c r="C36" s="6">
        <v>11</v>
      </c>
      <c r="D36" s="5">
        <v>25</v>
      </c>
    </row>
    <row r="37" spans="1:4" ht="18" customHeight="1" x14ac:dyDescent="0.15">
      <c r="A37" s="8">
        <v>26</v>
      </c>
      <c r="B37" s="21">
        <v>10</v>
      </c>
      <c r="C37" s="6">
        <v>7</v>
      </c>
      <c r="D37" s="5">
        <v>17</v>
      </c>
    </row>
    <row r="38" spans="1:4" ht="18" customHeight="1" x14ac:dyDescent="0.15">
      <c r="A38" s="8">
        <v>27</v>
      </c>
      <c r="B38" s="21">
        <v>8</v>
      </c>
      <c r="C38" s="6">
        <v>10</v>
      </c>
      <c r="D38" s="5">
        <v>18</v>
      </c>
    </row>
    <row r="39" spans="1:4" ht="18" customHeight="1" x14ac:dyDescent="0.15">
      <c r="A39" s="8">
        <v>28</v>
      </c>
      <c r="B39" s="21">
        <v>11</v>
      </c>
      <c r="C39" s="6">
        <v>5</v>
      </c>
      <c r="D39" s="5">
        <v>16</v>
      </c>
    </row>
    <row r="40" spans="1:4" ht="18" customHeight="1" x14ac:dyDescent="0.15">
      <c r="A40" s="8">
        <v>29</v>
      </c>
      <c r="B40" s="21">
        <v>11</v>
      </c>
      <c r="C40" s="6">
        <v>10</v>
      </c>
      <c r="D40" s="5">
        <v>21</v>
      </c>
    </row>
    <row r="41" spans="1:4" ht="18" customHeight="1" x14ac:dyDescent="0.15">
      <c r="A41" s="8" t="s">
        <v>19</v>
      </c>
      <c r="B41" s="21">
        <v>54</v>
      </c>
      <c r="C41" s="6">
        <v>43</v>
      </c>
      <c r="D41" s="5">
        <v>97</v>
      </c>
    </row>
    <row r="42" spans="1:4" ht="18" customHeight="1" x14ac:dyDescent="0.15">
      <c r="A42" s="8">
        <v>30</v>
      </c>
      <c r="B42" s="21">
        <v>9</v>
      </c>
      <c r="C42" s="6">
        <v>9</v>
      </c>
      <c r="D42" s="5">
        <v>18</v>
      </c>
    </row>
    <row r="43" spans="1:4" ht="18" customHeight="1" x14ac:dyDescent="0.15">
      <c r="A43" s="8">
        <v>31</v>
      </c>
      <c r="B43" s="21">
        <v>6</v>
      </c>
      <c r="C43" s="6">
        <v>11</v>
      </c>
      <c r="D43" s="5">
        <v>17</v>
      </c>
    </row>
    <row r="44" spans="1:4" ht="18" customHeight="1" x14ac:dyDescent="0.15">
      <c r="A44" s="8">
        <v>32</v>
      </c>
      <c r="B44" s="21">
        <v>13</v>
      </c>
      <c r="C44" s="6">
        <v>11</v>
      </c>
      <c r="D44" s="5">
        <v>24</v>
      </c>
    </row>
    <row r="45" spans="1:4" ht="18" customHeight="1" x14ac:dyDescent="0.15">
      <c r="A45" s="8">
        <v>33</v>
      </c>
      <c r="B45" s="21">
        <v>5</v>
      </c>
      <c r="C45" s="6">
        <v>13</v>
      </c>
      <c r="D45" s="5">
        <v>18</v>
      </c>
    </row>
    <row r="46" spans="1:4" ht="18" customHeight="1" x14ac:dyDescent="0.15">
      <c r="A46" s="8">
        <v>34</v>
      </c>
      <c r="B46" s="21">
        <v>18</v>
      </c>
      <c r="C46" s="6">
        <v>10</v>
      </c>
      <c r="D46" s="5">
        <v>28</v>
      </c>
    </row>
    <row r="47" spans="1:4" ht="18" customHeight="1" x14ac:dyDescent="0.15">
      <c r="A47" s="8" t="s">
        <v>18</v>
      </c>
      <c r="B47" s="21">
        <v>51</v>
      </c>
      <c r="C47" s="6">
        <v>54</v>
      </c>
      <c r="D47" s="5">
        <v>105</v>
      </c>
    </row>
    <row r="48" spans="1:4" ht="18" customHeight="1" x14ac:dyDescent="0.15">
      <c r="A48" s="8">
        <v>35</v>
      </c>
      <c r="B48" s="21">
        <v>13</v>
      </c>
      <c r="C48" s="6">
        <v>20</v>
      </c>
      <c r="D48" s="5">
        <v>33</v>
      </c>
    </row>
    <row r="49" spans="1:4" ht="18" customHeight="1" x14ac:dyDescent="0.15">
      <c r="A49" s="8">
        <v>36</v>
      </c>
      <c r="B49" s="21">
        <v>10</v>
      </c>
      <c r="C49" s="6">
        <v>10</v>
      </c>
      <c r="D49" s="5">
        <v>20</v>
      </c>
    </row>
    <row r="50" spans="1:4" ht="18" customHeight="1" x14ac:dyDescent="0.15">
      <c r="A50" s="8">
        <v>37</v>
      </c>
      <c r="B50" s="21">
        <v>16</v>
      </c>
      <c r="C50" s="6">
        <v>9</v>
      </c>
      <c r="D50" s="5">
        <v>25</v>
      </c>
    </row>
    <row r="51" spans="1:4" ht="18" customHeight="1" x14ac:dyDescent="0.15">
      <c r="A51" s="8">
        <v>38</v>
      </c>
      <c r="B51" s="21">
        <v>8</v>
      </c>
      <c r="C51" s="6">
        <v>11</v>
      </c>
      <c r="D51" s="5">
        <v>19</v>
      </c>
    </row>
    <row r="52" spans="1:4" ht="18" customHeight="1" x14ac:dyDescent="0.15">
      <c r="A52" s="8">
        <v>39</v>
      </c>
      <c r="B52" s="21">
        <v>16</v>
      </c>
      <c r="C52" s="6">
        <v>13</v>
      </c>
      <c r="D52" s="5">
        <v>29</v>
      </c>
    </row>
    <row r="53" spans="1:4" ht="18" customHeight="1" x14ac:dyDescent="0.15">
      <c r="A53" s="8" t="s">
        <v>17</v>
      </c>
      <c r="B53" s="21">
        <v>63</v>
      </c>
      <c r="C53" s="6">
        <v>63</v>
      </c>
      <c r="D53" s="5">
        <v>126</v>
      </c>
    </row>
    <row r="54" spans="1:4" ht="18" customHeight="1" x14ac:dyDescent="0.15">
      <c r="A54" s="8">
        <v>40</v>
      </c>
      <c r="B54" s="21">
        <v>15</v>
      </c>
      <c r="C54" s="6">
        <v>16</v>
      </c>
      <c r="D54" s="5">
        <v>31</v>
      </c>
    </row>
    <row r="55" spans="1:4" ht="18" customHeight="1" x14ac:dyDescent="0.15">
      <c r="A55" s="8">
        <v>41</v>
      </c>
      <c r="B55" s="21">
        <v>17</v>
      </c>
      <c r="C55" s="6">
        <v>13</v>
      </c>
      <c r="D55" s="5">
        <v>30</v>
      </c>
    </row>
    <row r="56" spans="1:4" ht="18" customHeight="1" x14ac:dyDescent="0.15">
      <c r="A56" s="8">
        <v>42</v>
      </c>
      <c r="B56" s="21">
        <v>18</v>
      </c>
      <c r="C56" s="6">
        <v>14</v>
      </c>
      <c r="D56" s="5">
        <v>32</v>
      </c>
    </row>
    <row r="57" spans="1:4" ht="18" customHeight="1" x14ac:dyDescent="0.15">
      <c r="A57" s="8">
        <v>43</v>
      </c>
      <c r="B57" s="21">
        <v>14</v>
      </c>
      <c r="C57" s="6">
        <v>11</v>
      </c>
      <c r="D57" s="5">
        <v>25</v>
      </c>
    </row>
    <row r="58" spans="1:4" ht="18" customHeight="1" x14ac:dyDescent="0.15">
      <c r="A58" s="8">
        <v>44</v>
      </c>
      <c r="B58" s="21">
        <v>21</v>
      </c>
      <c r="C58" s="6">
        <v>21</v>
      </c>
      <c r="D58" s="5">
        <v>42</v>
      </c>
    </row>
    <row r="59" spans="1:4" ht="18" customHeight="1" x14ac:dyDescent="0.15">
      <c r="A59" s="8" t="s">
        <v>16</v>
      </c>
      <c r="B59" s="21">
        <v>85</v>
      </c>
      <c r="C59" s="6">
        <v>75</v>
      </c>
      <c r="D59" s="5">
        <v>160</v>
      </c>
    </row>
    <row r="60" spans="1:4" ht="18" customHeight="1" x14ac:dyDescent="0.15">
      <c r="A60" s="8">
        <v>45</v>
      </c>
      <c r="B60" s="21">
        <v>13</v>
      </c>
      <c r="C60" s="6">
        <v>19</v>
      </c>
      <c r="D60" s="5">
        <v>32</v>
      </c>
    </row>
    <row r="61" spans="1:4" ht="18" customHeight="1" x14ac:dyDescent="0.15">
      <c r="A61" s="8">
        <v>46</v>
      </c>
      <c r="B61" s="21">
        <v>13</v>
      </c>
      <c r="C61" s="6">
        <v>21</v>
      </c>
      <c r="D61" s="5">
        <v>34</v>
      </c>
    </row>
    <row r="62" spans="1:4" ht="18" customHeight="1" x14ac:dyDescent="0.15">
      <c r="A62" s="8">
        <v>47</v>
      </c>
      <c r="B62" s="21">
        <v>26</v>
      </c>
      <c r="C62" s="6">
        <v>26</v>
      </c>
      <c r="D62" s="5">
        <v>52</v>
      </c>
    </row>
    <row r="63" spans="1:4" ht="18" customHeight="1" x14ac:dyDescent="0.15">
      <c r="A63" s="8">
        <v>48</v>
      </c>
      <c r="B63" s="21">
        <v>22</v>
      </c>
      <c r="C63" s="6">
        <v>27</v>
      </c>
      <c r="D63" s="5">
        <v>49</v>
      </c>
    </row>
    <row r="64" spans="1:4" ht="18" customHeight="1" x14ac:dyDescent="0.15">
      <c r="A64" s="8">
        <v>49</v>
      </c>
      <c r="B64" s="21">
        <v>30</v>
      </c>
      <c r="C64" s="6">
        <v>28</v>
      </c>
      <c r="D64" s="5">
        <v>58</v>
      </c>
    </row>
    <row r="65" spans="1:4" ht="18" customHeight="1" x14ac:dyDescent="0.15">
      <c r="A65" s="8" t="s">
        <v>15</v>
      </c>
      <c r="B65" s="21">
        <v>104</v>
      </c>
      <c r="C65" s="6">
        <v>121</v>
      </c>
      <c r="D65" s="5">
        <v>225</v>
      </c>
    </row>
    <row r="66" spans="1:4" ht="18" customHeight="1" x14ac:dyDescent="0.15">
      <c r="A66" s="8">
        <v>50</v>
      </c>
      <c r="B66" s="21">
        <v>24</v>
      </c>
      <c r="C66" s="6">
        <v>20</v>
      </c>
      <c r="D66" s="5">
        <v>44</v>
      </c>
    </row>
    <row r="67" spans="1:4" ht="18" customHeight="1" x14ac:dyDescent="0.15">
      <c r="A67" s="8">
        <v>51</v>
      </c>
      <c r="B67" s="21">
        <v>26</v>
      </c>
      <c r="C67" s="6">
        <v>20</v>
      </c>
      <c r="D67" s="5">
        <v>46</v>
      </c>
    </row>
    <row r="68" spans="1:4" ht="18" customHeight="1" x14ac:dyDescent="0.15">
      <c r="A68" s="8">
        <v>52</v>
      </c>
      <c r="B68" s="21">
        <v>29</v>
      </c>
      <c r="C68" s="6">
        <v>27</v>
      </c>
      <c r="D68" s="5">
        <v>56</v>
      </c>
    </row>
    <row r="69" spans="1:4" ht="18" customHeight="1" x14ac:dyDescent="0.15">
      <c r="A69" s="8">
        <v>53</v>
      </c>
      <c r="B69" s="21">
        <v>41</v>
      </c>
      <c r="C69" s="6">
        <v>22</v>
      </c>
      <c r="D69" s="5">
        <v>63</v>
      </c>
    </row>
    <row r="70" spans="1:4" ht="18" customHeight="1" x14ac:dyDescent="0.15">
      <c r="A70" s="8">
        <v>54</v>
      </c>
      <c r="B70" s="21">
        <v>35</v>
      </c>
      <c r="C70" s="6">
        <v>29</v>
      </c>
      <c r="D70" s="5">
        <v>64</v>
      </c>
    </row>
    <row r="71" spans="1:4" ht="18" customHeight="1" x14ac:dyDescent="0.15">
      <c r="A71" s="8" t="s">
        <v>14</v>
      </c>
      <c r="B71" s="21">
        <v>155</v>
      </c>
      <c r="C71" s="6">
        <v>118</v>
      </c>
      <c r="D71" s="5">
        <v>273</v>
      </c>
    </row>
    <row r="72" spans="1:4" ht="18" customHeight="1" x14ac:dyDescent="0.15">
      <c r="A72" s="8">
        <v>55</v>
      </c>
      <c r="B72" s="21">
        <v>30</v>
      </c>
      <c r="C72" s="6">
        <v>24</v>
      </c>
      <c r="D72" s="5">
        <v>54</v>
      </c>
    </row>
    <row r="73" spans="1:4" ht="18" customHeight="1" x14ac:dyDescent="0.15">
      <c r="A73" s="8">
        <v>56</v>
      </c>
      <c r="B73" s="21">
        <v>26</v>
      </c>
      <c r="C73" s="6">
        <v>25</v>
      </c>
      <c r="D73" s="5">
        <v>51</v>
      </c>
    </row>
    <row r="74" spans="1:4" ht="18" customHeight="1" x14ac:dyDescent="0.15">
      <c r="A74" s="8">
        <v>57</v>
      </c>
      <c r="B74" s="21">
        <v>28</v>
      </c>
      <c r="C74" s="6">
        <v>22</v>
      </c>
      <c r="D74" s="5">
        <v>50</v>
      </c>
    </row>
    <row r="75" spans="1:4" ht="18" customHeight="1" x14ac:dyDescent="0.15">
      <c r="A75" s="8">
        <v>58</v>
      </c>
      <c r="B75" s="21">
        <v>24</v>
      </c>
      <c r="C75" s="6">
        <v>21</v>
      </c>
      <c r="D75" s="5">
        <v>45</v>
      </c>
    </row>
    <row r="76" spans="1:4" ht="18" customHeight="1" x14ac:dyDescent="0.15">
      <c r="A76" s="8">
        <v>59</v>
      </c>
      <c r="B76" s="21">
        <v>14</v>
      </c>
      <c r="C76" s="6">
        <v>12</v>
      </c>
      <c r="D76" s="5">
        <v>26</v>
      </c>
    </row>
    <row r="77" spans="1:4" ht="18" customHeight="1" x14ac:dyDescent="0.15">
      <c r="A77" s="8" t="s">
        <v>13</v>
      </c>
      <c r="B77" s="21">
        <v>122</v>
      </c>
      <c r="C77" s="6">
        <v>104</v>
      </c>
      <c r="D77" s="5">
        <v>226</v>
      </c>
    </row>
    <row r="78" spans="1:4" ht="18" customHeight="1" x14ac:dyDescent="0.15">
      <c r="A78" s="8">
        <v>60</v>
      </c>
      <c r="B78" s="21">
        <v>21</v>
      </c>
      <c r="C78" s="6">
        <v>22</v>
      </c>
      <c r="D78" s="5">
        <v>43</v>
      </c>
    </row>
    <row r="79" spans="1:4" ht="18" customHeight="1" x14ac:dyDescent="0.15">
      <c r="A79" s="8">
        <v>61</v>
      </c>
      <c r="B79" s="21">
        <v>10</v>
      </c>
      <c r="C79" s="6">
        <v>21</v>
      </c>
      <c r="D79" s="5">
        <v>31</v>
      </c>
    </row>
    <row r="80" spans="1:4" ht="18" customHeight="1" x14ac:dyDescent="0.15">
      <c r="A80" s="8">
        <v>62</v>
      </c>
      <c r="B80" s="21">
        <v>18</v>
      </c>
      <c r="C80" s="6">
        <v>8</v>
      </c>
      <c r="D80" s="5">
        <v>26</v>
      </c>
    </row>
    <row r="81" spans="1:4" ht="18" customHeight="1" x14ac:dyDescent="0.15">
      <c r="A81" s="8">
        <v>63</v>
      </c>
      <c r="B81" s="21">
        <v>13</v>
      </c>
      <c r="C81" s="6">
        <v>11</v>
      </c>
      <c r="D81" s="5">
        <v>24</v>
      </c>
    </row>
    <row r="82" spans="1:4" ht="18" customHeight="1" x14ac:dyDescent="0.15">
      <c r="A82" s="8">
        <v>64</v>
      </c>
      <c r="B82" s="21">
        <v>14</v>
      </c>
      <c r="C82" s="6">
        <v>13</v>
      </c>
      <c r="D82" s="5">
        <v>27</v>
      </c>
    </row>
    <row r="83" spans="1:4" ht="18" customHeight="1" x14ac:dyDescent="0.15">
      <c r="A83" s="8" t="s">
        <v>12</v>
      </c>
      <c r="B83" s="21">
        <v>76</v>
      </c>
      <c r="C83" s="6">
        <v>75</v>
      </c>
      <c r="D83" s="5">
        <v>151</v>
      </c>
    </row>
    <row r="84" spans="1:4" ht="18" customHeight="1" x14ac:dyDescent="0.15">
      <c r="A84" s="8" t="s">
        <v>11</v>
      </c>
      <c r="B84" s="21">
        <v>864</v>
      </c>
      <c r="C84" s="6">
        <v>797</v>
      </c>
      <c r="D84" s="5">
        <v>1661</v>
      </c>
    </row>
    <row r="85" spans="1:4" ht="18" customHeight="1" x14ac:dyDescent="0.15">
      <c r="A85" s="8">
        <v>65</v>
      </c>
      <c r="B85" s="21">
        <v>12</v>
      </c>
      <c r="C85" s="6">
        <v>9</v>
      </c>
      <c r="D85" s="5">
        <v>21</v>
      </c>
    </row>
    <row r="86" spans="1:4" ht="18" customHeight="1" x14ac:dyDescent="0.15">
      <c r="A86" s="8">
        <v>66</v>
      </c>
      <c r="B86" s="21">
        <v>11</v>
      </c>
      <c r="C86" s="6">
        <v>15</v>
      </c>
      <c r="D86" s="5">
        <v>26</v>
      </c>
    </row>
    <row r="87" spans="1:4" ht="18" customHeight="1" x14ac:dyDescent="0.15">
      <c r="A87" s="8">
        <v>67</v>
      </c>
      <c r="B87" s="21">
        <v>10</v>
      </c>
      <c r="C87" s="6">
        <v>21</v>
      </c>
      <c r="D87" s="5">
        <v>31</v>
      </c>
    </row>
    <row r="88" spans="1:4" ht="18" customHeight="1" x14ac:dyDescent="0.15">
      <c r="A88" s="8">
        <v>68</v>
      </c>
      <c r="B88" s="21">
        <v>8</v>
      </c>
      <c r="C88" s="6">
        <v>12</v>
      </c>
      <c r="D88" s="5">
        <v>20</v>
      </c>
    </row>
    <row r="89" spans="1:4" ht="18" customHeight="1" x14ac:dyDescent="0.15">
      <c r="A89" s="8">
        <v>69</v>
      </c>
      <c r="B89" s="21">
        <v>11</v>
      </c>
      <c r="C89" s="6">
        <v>11</v>
      </c>
      <c r="D89" s="5">
        <v>22</v>
      </c>
    </row>
    <row r="90" spans="1:4" ht="18" customHeight="1" x14ac:dyDescent="0.15">
      <c r="A90" s="8" t="s">
        <v>10</v>
      </c>
      <c r="B90" s="21">
        <v>52</v>
      </c>
      <c r="C90" s="6">
        <v>68</v>
      </c>
      <c r="D90" s="5">
        <v>120</v>
      </c>
    </row>
    <row r="91" spans="1:4" ht="18" customHeight="1" x14ac:dyDescent="0.15">
      <c r="A91" s="8">
        <v>70</v>
      </c>
      <c r="B91" s="21">
        <v>11</v>
      </c>
      <c r="C91" s="6">
        <v>21</v>
      </c>
      <c r="D91" s="5">
        <v>32</v>
      </c>
    </row>
    <row r="92" spans="1:4" ht="18" customHeight="1" x14ac:dyDescent="0.15">
      <c r="A92" s="8">
        <v>71</v>
      </c>
      <c r="B92" s="21">
        <v>15</v>
      </c>
      <c r="C92" s="6">
        <v>23</v>
      </c>
      <c r="D92" s="5">
        <v>38</v>
      </c>
    </row>
    <row r="93" spans="1:4" ht="18" customHeight="1" x14ac:dyDescent="0.15">
      <c r="A93" s="8">
        <v>72</v>
      </c>
      <c r="B93" s="21">
        <v>15</v>
      </c>
      <c r="C93" s="6">
        <v>18</v>
      </c>
      <c r="D93" s="5">
        <v>33</v>
      </c>
    </row>
    <row r="94" spans="1:4" ht="18" customHeight="1" x14ac:dyDescent="0.15">
      <c r="A94" s="8">
        <v>73</v>
      </c>
      <c r="B94" s="21">
        <v>20</v>
      </c>
      <c r="C94" s="6">
        <v>16</v>
      </c>
      <c r="D94" s="5">
        <v>36</v>
      </c>
    </row>
    <row r="95" spans="1:4" ht="18" customHeight="1" x14ac:dyDescent="0.15">
      <c r="A95" s="8">
        <v>74</v>
      </c>
      <c r="B95" s="21">
        <v>21</v>
      </c>
      <c r="C95" s="6">
        <v>16</v>
      </c>
      <c r="D95" s="5">
        <v>37</v>
      </c>
    </row>
    <row r="96" spans="1:4" ht="18" customHeight="1" x14ac:dyDescent="0.15">
      <c r="A96" s="8" t="s">
        <v>9</v>
      </c>
      <c r="B96" s="21">
        <v>82</v>
      </c>
      <c r="C96" s="6">
        <v>94</v>
      </c>
      <c r="D96" s="5">
        <v>176</v>
      </c>
    </row>
    <row r="97" spans="1:4" ht="18" customHeight="1" x14ac:dyDescent="0.15">
      <c r="A97" s="8">
        <v>75</v>
      </c>
      <c r="B97" s="21">
        <v>11</v>
      </c>
      <c r="C97" s="6">
        <v>25</v>
      </c>
      <c r="D97" s="5">
        <v>36</v>
      </c>
    </row>
    <row r="98" spans="1:4" ht="18" customHeight="1" x14ac:dyDescent="0.15">
      <c r="A98" s="8">
        <v>76</v>
      </c>
      <c r="B98" s="21">
        <v>20</v>
      </c>
      <c r="C98" s="6">
        <v>28</v>
      </c>
      <c r="D98" s="5">
        <v>48</v>
      </c>
    </row>
    <row r="99" spans="1:4" ht="18" customHeight="1" x14ac:dyDescent="0.15">
      <c r="A99" s="8">
        <v>77</v>
      </c>
      <c r="B99" s="21">
        <v>14</v>
      </c>
      <c r="C99" s="6">
        <v>39</v>
      </c>
      <c r="D99" s="5">
        <v>53</v>
      </c>
    </row>
    <row r="100" spans="1:4" ht="18" customHeight="1" x14ac:dyDescent="0.15">
      <c r="A100" s="8">
        <v>78</v>
      </c>
      <c r="B100" s="21">
        <v>18</v>
      </c>
      <c r="C100" s="6">
        <v>38</v>
      </c>
      <c r="D100" s="5">
        <v>56</v>
      </c>
    </row>
    <row r="101" spans="1:4" ht="18" customHeight="1" x14ac:dyDescent="0.15">
      <c r="A101" s="8">
        <v>79</v>
      </c>
      <c r="B101" s="21">
        <v>13</v>
      </c>
      <c r="C101" s="6">
        <v>22</v>
      </c>
      <c r="D101" s="5">
        <v>35</v>
      </c>
    </row>
    <row r="102" spans="1:4" ht="18" customHeight="1" x14ac:dyDescent="0.15">
      <c r="A102" s="8" t="s">
        <v>8</v>
      </c>
      <c r="B102" s="21">
        <v>76</v>
      </c>
      <c r="C102" s="6">
        <v>152</v>
      </c>
      <c r="D102" s="5">
        <v>228</v>
      </c>
    </row>
    <row r="103" spans="1:4" ht="18" customHeight="1" x14ac:dyDescent="0.15">
      <c r="A103" s="8">
        <v>80</v>
      </c>
      <c r="B103" s="21">
        <v>8</v>
      </c>
      <c r="C103" s="6">
        <v>18</v>
      </c>
      <c r="D103" s="5">
        <v>26</v>
      </c>
    </row>
    <row r="104" spans="1:4" ht="18" customHeight="1" x14ac:dyDescent="0.15">
      <c r="A104" s="8">
        <v>81</v>
      </c>
      <c r="B104" s="21">
        <v>22</v>
      </c>
      <c r="C104" s="6">
        <v>28</v>
      </c>
      <c r="D104" s="5">
        <v>50</v>
      </c>
    </row>
    <row r="105" spans="1:4" ht="18" customHeight="1" x14ac:dyDescent="0.15">
      <c r="A105" s="8">
        <v>82</v>
      </c>
      <c r="B105" s="21">
        <v>11</v>
      </c>
      <c r="C105" s="6">
        <v>35</v>
      </c>
      <c r="D105" s="5">
        <v>46</v>
      </c>
    </row>
    <row r="106" spans="1:4" ht="18" customHeight="1" x14ac:dyDescent="0.15">
      <c r="A106" s="8">
        <v>83</v>
      </c>
      <c r="B106" s="21">
        <v>19</v>
      </c>
      <c r="C106" s="6">
        <v>26</v>
      </c>
      <c r="D106" s="5">
        <v>45</v>
      </c>
    </row>
    <row r="107" spans="1:4" ht="18" customHeight="1" x14ac:dyDescent="0.15">
      <c r="A107" s="8">
        <v>84</v>
      </c>
      <c r="B107" s="21">
        <v>23</v>
      </c>
      <c r="C107" s="6">
        <v>29</v>
      </c>
      <c r="D107" s="5">
        <v>52</v>
      </c>
    </row>
    <row r="108" spans="1:4" ht="18" customHeight="1" x14ac:dyDescent="0.15">
      <c r="A108" s="8" t="s">
        <v>7</v>
      </c>
      <c r="B108" s="21">
        <v>83</v>
      </c>
      <c r="C108" s="6">
        <v>136</v>
      </c>
      <c r="D108" s="5">
        <v>219</v>
      </c>
    </row>
    <row r="109" spans="1:4" ht="18" customHeight="1" x14ac:dyDescent="0.15">
      <c r="A109" s="8">
        <v>85</v>
      </c>
      <c r="B109" s="21">
        <v>13</v>
      </c>
      <c r="C109" s="6">
        <v>14</v>
      </c>
      <c r="D109" s="5">
        <v>27</v>
      </c>
    </row>
    <row r="110" spans="1:4" ht="18" customHeight="1" x14ac:dyDescent="0.15">
      <c r="A110" s="8">
        <v>86</v>
      </c>
      <c r="B110" s="21">
        <v>13</v>
      </c>
      <c r="C110" s="6">
        <v>18</v>
      </c>
      <c r="D110" s="5">
        <v>31</v>
      </c>
    </row>
    <row r="111" spans="1:4" ht="18" customHeight="1" x14ac:dyDescent="0.15">
      <c r="A111" s="8">
        <v>87</v>
      </c>
      <c r="B111" s="21">
        <v>8</v>
      </c>
      <c r="C111" s="6">
        <v>9</v>
      </c>
      <c r="D111" s="5">
        <v>17</v>
      </c>
    </row>
    <row r="112" spans="1:4" ht="18" customHeight="1" x14ac:dyDescent="0.15">
      <c r="A112" s="8">
        <v>88</v>
      </c>
      <c r="B112" s="21">
        <v>6</v>
      </c>
      <c r="C112" s="6">
        <v>18</v>
      </c>
      <c r="D112" s="5">
        <v>24</v>
      </c>
    </row>
    <row r="113" spans="1:4" ht="18" customHeight="1" x14ac:dyDescent="0.15">
      <c r="A113" s="8">
        <v>89</v>
      </c>
      <c r="B113" s="21">
        <v>7</v>
      </c>
      <c r="C113" s="6">
        <v>10</v>
      </c>
      <c r="D113" s="5">
        <v>17</v>
      </c>
    </row>
    <row r="114" spans="1:4" ht="18" customHeight="1" x14ac:dyDescent="0.15">
      <c r="A114" s="8" t="s">
        <v>6</v>
      </c>
      <c r="B114" s="21">
        <v>47</v>
      </c>
      <c r="C114" s="6">
        <v>69</v>
      </c>
      <c r="D114" s="5">
        <v>116</v>
      </c>
    </row>
    <row r="115" spans="1:4" ht="18" customHeight="1" x14ac:dyDescent="0.15">
      <c r="A115" s="8">
        <v>90</v>
      </c>
      <c r="B115" s="21">
        <v>6</v>
      </c>
      <c r="C115" s="6">
        <v>7</v>
      </c>
      <c r="D115" s="5">
        <v>13</v>
      </c>
    </row>
    <row r="116" spans="1:4" ht="18" customHeight="1" x14ac:dyDescent="0.15">
      <c r="A116" s="8">
        <v>91</v>
      </c>
      <c r="B116" s="21">
        <v>5</v>
      </c>
      <c r="C116" s="6">
        <v>20</v>
      </c>
      <c r="D116" s="5">
        <v>25</v>
      </c>
    </row>
    <row r="117" spans="1:4" ht="18" customHeight="1" x14ac:dyDescent="0.15">
      <c r="A117" s="8">
        <v>92</v>
      </c>
      <c r="B117" s="21">
        <v>4</v>
      </c>
      <c r="C117" s="6">
        <v>7</v>
      </c>
      <c r="D117" s="5">
        <v>11</v>
      </c>
    </row>
    <row r="118" spans="1:4" ht="18" customHeight="1" x14ac:dyDescent="0.15">
      <c r="A118" s="8">
        <v>93</v>
      </c>
      <c r="B118" s="21">
        <v>1</v>
      </c>
      <c r="C118" s="6">
        <v>5</v>
      </c>
      <c r="D118" s="5">
        <v>6</v>
      </c>
    </row>
    <row r="119" spans="1:4" ht="18" customHeight="1" x14ac:dyDescent="0.15">
      <c r="A119" s="8">
        <v>94</v>
      </c>
      <c r="B119" s="21">
        <v>0</v>
      </c>
      <c r="C119" s="6">
        <v>2</v>
      </c>
      <c r="D119" s="5">
        <v>2</v>
      </c>
    </row>
    <row r="120" spans="1:4" ht="18" customHeight="1" x14ac:dyDescent="0.15">
      <c r="A120" s="8" t="s">
        <v>5</v>
      </c>
      <c r="B120" s="21">
        <v>16</v>
      </c>
      <c r="C120" s="6">
        <v>41</v>
      </c>
      <c r="D120" s="5">
        <v>57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1</v>
      </c>
      <c r="C123" s="6">
        <v>4</v>
      </c>
      <c r="D123" s="5">
        <v>5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4</v>
      </c>
      <c r="D125" s="5">
        <v>4</v>
      </c>
    </row>
    <row r="126" spans="1:4" ht="18" customHeight="1" x14ac:dyDescent="0.15">
      <c r="A126" s="8" t="s">
        <v>4</v>
      </c>
      <c r="B126" s="21">
        <v>2</v>
      </c>
      <c r="C126" s="6">
        <v>15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58</v>
      </c>
      <c r="C130" s="6">
        <v>577</v>
      </c>
      <c r="D130" s="5">
        <v>935</v>
      </c>
    </row>
    <row r="131" spans="1:4" ht="18" customHeight="1" x14ac:dyDescent="0.15">
      <c r="A131" s="4" t="s">
        <v>0</v>
      </c>
      <c r="B131" s="20">
        <v>1398</v>
      </c>
      <c r="C131" s="2">
        <v>1549</v>
      </c>
      <c r="D131" s="1">
        <v>29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795967-47C1-46F7-8443-2D7576D7538B}">
  <sheetPr codeName="Sheet4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5</v>
      </c>
      <c r="C5" s="11">
        <v>42</v>
      </c>
      <c r="D5" s="10">
        <v>77</v>
      </c>
    </row>
    <row r="6" spans="1:4" ht="18" customHeight="1" x14ac:dyDescent="0.15">
      <c r="A6" s="8">
        <v>1</v>
      </c>
      <c r="B6" s="21">
        <v>34</v>
      </c>
      <c r="C6" s="6">
        <v>38</v>
      </c>
      <c r="D6" s="5">
        <v>72</v>
      </c>
    </row>
    <row r="7" spans="1:4" ht="18" customHeight="1" x14ac:dyDescent="0.15">
      <c r="A7" s="8">
        <v>2</v>
      </c>
      <c r="B7" s="21">
        <v>35</v>
      </c>
      <c r="C7" s="6">
        <v>36</v>
      </c>
      <c r="D7" s="5">
        <v>71</v>
      </c>
    </row>
    <row r="8" spans="1:4" ht="18" customHeight="1" x14ac:dyDescent="0.15">
      <c r="A8" s="8">
        <v>3</v>
      </c>
      <c r="B8" s="21">
        <v>42</v>
      </c>
      <c r="C8" s="6">
        <v>38</v>
      </c>
      <c r="D8" s="5">
        <v>80</v>
      </c>
    </row>
    <row r="9" spans="1:4" ht="18" customHeight="1" x14ac:dyDescent="0.15">
      <c r="A9" s="8">
        <v>4</v>
      </c>
      <c r="B9" s="21">
        <v>34</v>
      </c>
      <c r="C9" s="6">
        <v>30</v>
      </c>
      <c r="D9" s="5">
        <v>64</v>
      </c>
    </row>
    <row r="10" spans="1:4" ht="18" customHeight="1" x14ac:dyDescent="0.15">
      <c r="A10" s="8" t="s">
        <v>25</v>
      </c>
      <c r="B10" s="21">
        <v>180</v>
      </c>
      <c r="C10" s="6">
        <v>184</v>
      </c>
      <c r="D10" s="5">
        <v>364</v>
      </c>
    </row>
    <row r="11" spans="1:4" ht="18" customHeight="1" x14ac:dyDescent="0.15">
      <c r="A11" s="8">
        <v>5</v>
      </c>
      <c r="B11" s="21">
        <v>44</v>
      </c>
      <c r="C11" s="6">
        <v>50</v>
      </c>
      <c r="D11" s="5">
        <v>94</v>
      </c>
    </row>
    <row r="12" spans="1:4" ht="18" customHeight="1" x14ac:dyDescent="0.15">
      <c r="A12" s="8">
        <v>6</v>
      </c>
      <c r="B12" s="21">
        <v>56</v>
      </c>
      <c r="C12" s="6">
        <v>40</v>
      </c>
      <c r="D12" s="5">
        <v>96</v>
      </c>
    </row>
    <row r="13" spans="1:4" ht="18" customHeight="1" x14ac:dyDescent="0.15">
      <c r="A13" s="8">
        <v>7</v>
      </c>
      <c r="B13" s="21">
        <v>47</v>
      </c>
      <c r="C13" s="6">
        <v>40</v>
      </c>
      <c r="D13" s="5">
        <v>87</v>
      </c>
    </row>
    <row r="14" spans="1:4" ht="18" customHeight="1" x14ac:dyDescent="0.15">
      <c r="A14" s="8">
        <v>8</v>
      </c>
      <c r="B14" s="21">
        <v>61</v>
      </c>
      <c r="C14" s="6">
        <v>48</v>
      </c>
      <c r="D14" s="5">
        <v>109</v>
      </c>
    </row>
    <row r="15" spans="1:4" ht="18" customHeight="1" x14ac:dyDescent="0.15">
      <c r="A15" s="8">
        <v>9</v>
      </c>
      <c r="B15" s="21">
        <v>39</v>
      </c>
      <c r="C15" s="6">
        <v>51</v>
      </c>
      <c r="D15" s="5">
        <v>90</v>
      </c>
    </row>
    <row r="16" spans="1:4" ht="18" customHeight="1" x14ac:dyDescent="0.15">
      <c r="A16" s="8" t="s">
        <v>24</v>
      </c>
      <c r="B16" s="21">
        <v>247</v>
      </c>
      <c r="C16" s="6">
        <v>229</v>
      </c>
      <c r="D16" s="5">
        <v>476</v>
      </c>
    </row>
    <row r="17" spans="1:4" ht="18" customHeight="1" x14ac:dyDescent="0.15">
      <c r="A17" s="8">
        <v>10</v>
      </c>
      <c r="B17" s="21">
        <v>53</v>
      </c>
      <c r="C17" s="6">
        <v>44</v>
      </c>
      <c r="D17" s="5">
        <v>97</v>
      </c>
    </row>
    <row r="18" spans="1:4" ht="18" customHeight="1" x14ac:dyDescent="0.15">
      <c r="A18" s="8">
        <v>11</v>
      </c>
      <c r="B18" s="21">
        <v>59</v>
      </c>
      <c r="C18" s="6">
        <v>41</v>
      </c>
      <c r="D18" s="5">
        <v>100</v>
      </c>
    </row>
    <row r="19" spans="1:4" ht="18" customHeight="1" x14ac:dyDescent="0.15">
      <c r="A19" s="8">
        <v>12</v>
      </c>
      <c r="B19" s="21">
        <v>35</v>
      </c>
      <c r="C19" s="6">
        <v>45</v>
      </c>
      <c r="D19" s="5">
        <v>80</v>
      </c>
    </row>
    <row r="20" spans="1:4" ht="18" customHeight="1" x14ac:dyDescent="0.15">
      <c r="A20" s="8">
        <v>13</v>
      </c>
      <c r="B20" s="21">
        <v>52</v>
      </c>
      <c r="C20" s="6">
        <v>47</v>
      </c>
      <c r="D20" s="5">
        <v>99</v>
      </c>
    </row>
    <row r="21" spans="1:4" ht="18" customHeight="1" x14ac:dyDescent="0.15">
      <c r="A21" s="8">
        <v>14</v>
      </c>
      <c r="B21" s="21">
        <v>51</v>
      </c>
      <c r="C21" s="6">
        <v>63</v>
      </c>
      <c r="D21" s="5">
        <v>114</v>
      </c>
    </row>
    <row r="22" spans="1:4" ht="18" customHeight="1" x14ac:dyDescent="0.15">
      <c r="A22" s="8" t="s">
        <v>23</v>
      </c>
      <c r="B22" s="21">
        <v>250</v>
      </c>
      <c r="C22" s="6">
        <v>240</v>
      </c>
      <c r="D22" s="5">
        <v>490</v>
      </c>
    </row>
    <row r="23" spans="1:4" ht="18" customHeight="1" x14ac:dyDescent="0.15">
      <c r="A23" s="8" t="s">
        <v>22</v>
      </c>
      <c r="B23" s="21">
        <v>677</v>
      </c>
      <c r="C23" s="6">
        <v>653</v>
      </c>
      <c r="D23" s="5">
        <v>1330</v>
      </c>
    </row>
    <row r="24" spans="1:4" ht="18" customHeight="1" x14ac:dyDescent="0.15">
      <c r="A24" s="8">
        <v>15</v>
      </c>
      <c r="B24" s="21">
        <v>55</v>
      </c>
      <c r="C24" s="6">
        <v>48</v>
      </c>
      <c r="D24" s="5">
        <v>103</v>
      </c>
    </row>
    <row r="25" spans="1:4" ht="18" customHeight="1" x14ac:dyDescent="0.15">
      <c r="A25" s="8">
        <v>16</v>
      </c>
      <c r="B25" s="21">
        <v>53</v>
      </c>
      <c r="C25" s="6">
        <v>56</v>
      </c>
      <c r="D25" s="5">
        <v>109</v>
      </c>
    </row>
    <row r="26" spans="1:4" ht="18" customHeight="1" x14ac:dyDescent="0.15">
      <c r="A26" s="8">
        <v>17</v>
      </c>
      <c r="B26" s="21">
        <v>52</v>
      </c>
      <c r="C26" s="6">
        <v>46</v>
      </c>
      <c r="D26" s="5">
        <v>98</v>
      </c>
    </row>
    <row r="27" spans="1:4" ht="18" customHeight="1" x14ac:dyDescent="0.15">
      <c r="A27" s="8">
        <v>18</v>
      </c>
      <c r="B27" s="21">
        <v>46</v>
      </c>
      <c r="C27" s="6">
        <v>50</v>
      </c>
      <c r="D27" s="5">
        <v>96</v>
      </c>
    </row>
    <row r="28" spans="1:4" ht="18" customHeight="1" x14ac:dyDescent="0.15">
      <c r="A28" s="8">
        <v>19</v>
      </c>
      <c r="B28" s="21">
        <v>51</v>
      </c>
      <c r="C28" s="6">
        <v>62</v>
      </c>
      <c r="D28" s="5">
        <v>113</v>
      </c>
    </row>
    <row r="29" spans="1:4" ht="18" customHeight="1" x14ac:dyDescent="0.15">
      <c r="A29" s="8" t="s">
        <v>21</v>
      </c>
      <c r="B29" s="21">
        <v>257</v>
      </c>
      <c r="C29" s="6">
        <v>262</v>
      </c>
      <c r="D29" s="5">
        <v>519</v>
      </c>
    </row>
    <row r="30" spans="1:4" ht="18" customHeight="1" x14ac:dyDescent="0.15">
      <c r="A30" s="8">
        <v>20</v>
      </c>
      <c r="B30" s="21">
        <v>61</v>
      </c>
      <c r="C30" s="6">
        <v>39</v>
      </c>
      <c r="D30" s="5">
        <v>100</v>
      </c>
    </row>
    <row r="31" spans="1:4" ht="18" customHeight="1" x14ac:dyDescent="0.15">
      <c r="A31" s="8">
        <v>21</v>
      </c>
      <c r="B31" s="21">
        <v>54</v>
      </c>
      <c r="C31" s="6">
        <v>44</v>
      </c>
      <c r="D31" s="5">
        <v>98</v>
      </c>
    </row>
    <row r="32" spans="1:4" ht="18" customHeight="1" x14ac:dyDescent="0.15">
      <c r="A32" s="8">
        <v>22</v>
      </c>
      <c r="B32" s="21">
        <v>79</v>
      </c>
      <c r="C32" s="6">
        <v>44</v>
      </c>
      <c r="D32" s="5">
        <v>123</v>
      </c>
    </row>
    <row r="33" spans="1:4" ht="18" customHeight="1" x14ac:dyDescent="0.15">
      <c r="A33" s="8">
        <v>23</v>
      </c>
      <c r="B33" s="21">
        <v>60</v>
      </c>
      <c r="C33" s="6">
        <v>51</v>
      </c>
      <c r="D33" s="5">
        <v>111</v>
      </c>
    </row>
    <row r="34" spans="1:4" ht="18" customHeight="1" x14ac:dyDescent="0.15">
      <c r="A34" s="8">
        <v>24</v>
      </c>
      <c r="B34" s="21">
        <v>52</v>
      </c>
      <c r="C34" s="6">
        <v>50</v>
      </c>
      <c r="D34" s="5">
        <v>102</v>
      </c>
    </row>
    <row r="35" spans="1:4" ht="18" customHeight="1" x14ac:dyDescent="0.15">
      <c r="A35" s="8" t="s">
        <v>20</v>
      </c>
      <c r="B35" s="21">
        <v>306</v>
      </c>
      <c r="C35" s="6">
        <v>228</v>
      </c>
      <c r="D35" s="5">
        <v>534</v>
      </c>
    </row>
    <row r="36" spans="1:4" ht="18" customHeight="1" x14ac:dyDescent="0.15">
      <c r="A36" s="8">
        <v>25</v>
      </c>
      <c r="B36" s="21">
        <v>64</v>
      </c>
      <c r="C36" s="6">
        <v>44</v>
      </c>
      <c r="D36" s="5">
        <v>108</v>
      </c>
    </row>
    <row r="37" spans="1:4" ht="18" customHeight="1" x14ac:dyDescent="0.15">
      <c r="A37" s="8">
        <v>26</v>
      </c>
      <c r="B37" s="21">
        <v>64</v>
      </c>
      <c r="C37" s="6">
        <v>42</v>
      </c>
      <c r="D37" s="5">
        <v>106</v>
      </c>
    </row>
    <row r="38" spans="1:4" ht="18" customHeight="1" x14ac:dyDescent="0.15">
      <c r="A38" s="8">
        <v>27</v>
      </c>
      <c r="B38" s="21">
        <v>57</v>
      </c>
      <c r="C38" s="6">
        <v>49</v>
      </c>
      <c r="D38" s="5">
        <v>106</v>
      </c>
    </row>
    <row r="39" spans="1:4" ht="18" customHeight="1" x14ac:dyDescent="0.15">
      <c r="A39" s="8">
        <v>28</v>
      </c>
      <c r="B39" s="21">
        <v>73</v>
      </c>
      <c r="C39" s="6">
        <v>44</v>
      </c>
      <c r="D39" s="5">
        <v>117</v>
      </c>
    </row>
    <row r="40" spans="1:4" ht="18" customHeight="1" x14ac:dyDescent="0.15">
      <c r="A40" s="8">
        <v>29</v>
      </c>
      <c r="B40" s="21">
        <v>58</v>
      </c>
      <c r="C40" s="6">
        <v>47</v>
      </c>
      <c r="D40" s="5">
        <v>105</v>
      </c>
    </row>
    <row r="41" spans="1:4" ht="18" customHeight="1" x14ac:dyDescent="0.15">
      <c r="A41" s="8" t="s">
        <v>19</v>
      </c>
      <c r="B41" s="21">
        <v>316</v>
      </c>
      <c r="C41" s="6">
        <v>226</v>
      </c>
      <c r="D41" s="5">
        <v>542</v>
      </c>
    </row>
    <row r="42" spans="1:4" ht="18" customHeight="1" x14ac:dyDescent="0.15">
      <c r="A42" s="8">
        <v>30</v>
      </c>
      <c r="B42" s="21">
        <v>56</v>
      </c>
      <c r="C42" s="6">
        <v>46</v>
      </c>
      <c r="D42" s="5">
        <v>102</v>
      </c>
    </row>
    <row r="43" spans="1:4" ht="18" customHeight="1" x14ac:dyDescent="0.15">
      <c r="A43" s="8">
        <v>31</v>
      </c>
      <c r="B43" s="21">
        <v>56</v>
      </c>
      <c r="C43" s="6">
        <v>70</v>
      </c>
      <c r="D43" s="5">
        <v>126</v>
      </c>
    </row>
    <row r="44" spans="1:4" ht="18" customHeight="1" x14ac:dyDescent="0.15">
      <c r="A44" s="8">
        <v>32</v>
      </c>
      <c r="B44" s="21">
        <v>56</v>
      </c>
      <c r="C44" s="6">
        <v>45</v>
      </c>
      <c r="D44" s="5">
        <v>101</v>
      </c>
    </row>
    <row r="45" spans="1:4" ht="18" customHeight="1" x14ac:dyDescent="0.15">
      <c r="A45" s="8">
        <v>33</v>
      </c>
      <c r="B45" s="21">
        <v>77</v>
      </c>
      <c r="C45" s="6">
        <v>54</v>
      </c>
      <c r="D45" s="5">
        <v>131</v>
      </c>
    </row>
    <row r="46" spans="1:4" ht="18" customHeight="1" x14ac:dyDescent="0.15">
      <c r="A46" s="8">
        <v>34</v>
      </c>
      <c r="B46" s="21">
        <v>57</v>
      </c>
      <c r="C46" s="6">
        <v>66</v>
      </c>
      <c r="D46" s="5">
        <v>123</v>
      </c>
    </row>
    <row r="47" spans="1:4" ht="18" customHeight="1" x14ac:dyDescent="0.15">
      <c r="A47" s="8" t="s">
        <v>18</v>
      </c>
      <c r="B47" s="21">
        <v>302</v>
      </c>
      <c r="C47" s="6">
        <v>281</v>
      </c>
      <c r="D47" s="5">
        <v>583</v>
      </c>
    </row>
    <row r="48" spans="1:4" ht="18" customHeight="1" x14ac:dyDescent="0.15">
      <c r="A48" s="8">
        <v>35</v>
      </c>
      <c r="B48" s="21">
        <v>58</v>
      </c>
      <c r="C48" s="6">
        <v>48</v>
      </c>
      <c r="D48" s="5">
        <v>106</v>
      </c>
    </row>
    <row r="49" spans="1:4" ht="18" customHeight="1" x14ac:dyDescent="0.15">
      <c r="A49" s="8">
        <v>36</v>
      </c>
      <c r="B49" s="21">
        <v>62</v>
      </c>
      <c r="C49" s="6">
        <v>59</v>
      </c>
      <c r="D49" s="5">
        <v>121</v>
      </c>
    </row>
    <row r="50" spans="1:4" ht="18" customHeight="1" x14ac:dyDescent="0.15">
      <c r="A50" s="8">
        <v>37</v>
      </c>
      <c r="B50" s="21">
        <v>65</v>
      </c>
      <c r="C50" s="6">
        <v>61</v>
      </c>
      <c r="D50" s="5">
        <v>126</v>
      </c>
    </row>
    <row r="51" spans="1:4" ht="18" customHeight="1" x14ac:dyDescent="0.15">
      <c r="A51" s="8">
        <v>38</v>
      </c>
      <c r="B51" s="21">
        <v>75</v>
      </c>
      <c r="C51" s="6">
        <v>67</v>
      </c>
      <c r="D51" s="5">
        <v>142</v>
      </c>
    </row>
    <row r="52" spans="1:4" ht="18" customHeight="1" x14ac:dyDescent="0.15">
      <c r="A52" s="8">
        <v>39</v>
      </c>
      <c r="B52" s="21">
        <v>60</v>
      </c>
      <c r="C52" s="6">
        <v>51</v>
      </c>
      <c r="D52" s="5">
        <v>111</v>
      </c>
    </row>
    <row r="53" spans="1:4" ht="18" customHeight="1" x14ac:dyDescent="0.15">
      <c r="A53" s="8" t="s">
        <v>17</v>
      </c>
      <c r="B53" s="21">
        <v>320</v>
      </c>
      <c r="C53" s="6">
        <v>286</v>
      </c>
      <c r="D53" s="5">
        <v>606</v>
      </c>
    </row>
    <row r="54" spans="1:4" ht="18" customHeight="1" x14ac:dyDescent="0.15">
      <c r="A54" s="8">
        <v>40</v>
      </c>
      <c r="B54" s="21">
        <v>74</v>
      </c>
      <c r="C54" s="6">
        <v>54</v>
      </c>
      <c r="D54" s="5">
        <v>128</v>
      </c>
    </row>
    <row r="55" spans="1:4" ht="18" customHeight="1" x14ac:dyDescent="0.15">
      <c r="A55" s="8">
        <v>41</v>
      </c>
      <c r="B55" s="21">
        <v>57</v>
      </c>
      <c r="C55" s="6">
        <v>50</v>
      </c>
      <c r="D55" s="5">
        <v>107</v>
      </c>
    </row>
    <row r="56" spans="1:4" ht="18" customHeight="1" x14ac:dyDescent="0.15">
      <c r="A56" s="8">
        <v>42</v>
      </c>
      <c r="B56" s="21">
        <v>83</v>
      </c>
      <c r="C56" s="6">
        <v>68</v>
      </c>
      <c r="D56" s="5">
        <v>151</v>
      </c>
    </row>
    <row r="57" spans="1:4" ht="18" customHeight="1" x14ac:dyDescent="0.15">
      <c r="A57" s="8">
        <v>43</v>
      </c>
      <c r="B57" s="21">
        <v>70</v>
      </c>
      <c r="C57" s="6">
        <v>66</v>
      </c>
      <c r="D57" s="5">
        <v>136</v>
      </c>
    </row>
    <row r="58" spans="1:4" ht="18" customHeight="1" x14ac:dyDescent="0.15">
      <c r="A58" s="8">
        <v>44</v>
      </c>
      <c r="B58" s="21">
        <v>86</v>
      </c>
      <c r="C58" s="6">
        <v>74</v>
      </c>
      <c r="D58" s="5">
        <v>160</v>
      </c>
    </row>
    <row r="59" spans="1:4" ht="18" customHeight="1" x14ac:dyDescent="0.15">
      <c r="A59" s="8" t="s">
        <v>16</v>
      </c>
      <c r="B59" s="21">
        <v>370</v>
      </c>
      <c r="C59" s="6">
        <v>312</v>
      </c>
      <c r="D59" s="5">
        <v>682</v>
      </c>
    </row>
    <row r="60" spans="1:4" ht="18" customHeight="1" x14ac:dyDescent="0.15">
      <c r="A60" s="8">
        <v>45</v>
      </c>
      <c r="B60" s="21">
        <v>84</v>
      </c>
      <c r="C60" s="6">
        <v>70</v>
      </c>
      <c r="D60" s="5">
        <v>154</v>
      </c>
    </row>
    <row r="61" spans="1:4" ht="18" customHeight="1" x14ac:dyDescent="0.15">
      <c r="A61" s="8">
        <v>46</v>
      </c>
      <c r="B61" s="21">
        <v>70</v>
      </c>
      <c r="C61" s="6">
        <v>91</v>
      </c>
      <c r="D61" s="5">
        <v>161</v>
      </c>
    </row>
    <row r="62" spans="1:4" ht="18" customHeight="1" x14ac:dyDescent="0.15">
      <c r="A62" s="8">
        <v>47</v>
      </c>
      <c r="B62" s="21">
        <v>86</v>
      </c>
      <c r="C62" s="6">
        <v>77</v>
      </c>
      <c r="D62" s="5">
        <v>163</v>
      </c>
    </row>
    <row r="63" spans="1:4" ht="18" customHeight="1" x14ac:dyDescent="0.15">
      <c r="A63" s="8">
        <v>48</v>
      </c>
      <c r="B63" s="21">
        <v>91</v>
      </c>
      <c r="C63" s="6">
        <v>89</v>
      </c>
      <c r="D63" s="5">
        <v>180</v>
      </c>
    </row>
    <row r="64" spans="1:4" ht="18" customHeight="1" x14ac:dyDescent="0.15">
      <c r="A64" s="8">
        <v>49</v>
      </c>
      <c r="B64" s="21">
        <v>78</v>
      </c>
      <c r="C64" s="6">
        <v>100</v>
      </c>
      <c r="D64" s="5">
        <v>178</v>
      </c>
    </row>
    <row r="65" spans="1:4" ht="18" customHeight="1" x14ac:dyDescent="0.15">
      <c r="A65" s="8" t="s">
        <v>15</v>
      </c>
      <c r="B65" s="21">
        <v>409</v>
      </c>
      <c r="C65" s="6">
        <v>427</v>
      </c>
      <c r="D65" s="5">
        <v>836</v>
      </c>
    </row>
    <row r="66" spans="1:4" ht="18" customHeight="1" x14ac:dyDescent="0.15">
      <c r="A66" s="8">
        <v>50</v>
      </c>
      <c r="B66" s="21">
        <v>87</v>
      </c>
      <c r="C66" s="6">
        <v>83</v>
      </c>
      <c r="D66" s="5">
        <v>170</v>
      </c>
    </row>
    <row r="67" spans="1:4" ht="18" customHeight="1" x14ac:dyDescent="0.15">
      <c r="A67" s="8">
        <v>51</v>
      </c>
      <c r="B67" s="21">
        <v>90</v>
      </c>
      <c r="C67" s="6">
        <v>76</v>
      </c>
      <c r="D67" s="5">
        <v>166</v>
      </c>
    </row>
    <row r="68" spans="1:4" ht="18" customHeight="1" x14ac:dyDescent="0.15">
      <c r="A68" s="8">
        <v>52</v>
      </c>
      <c r="B68" s="21">
        <v>91</v>
      </c>
      <c r="C68" s="6">
        <v>96</v>
      </c>
      <c r="D68" s="5">
        <v>187</v>
      </c>
    </row>
    <row r="69" spans="1:4" ht="18" customHeight="1" x14ac:dyDescent="0.15">
      <c r="A69" s="8">
        <v>53</v>
      </c>
      <c r="B69" s="21">
        <v>109</v>
      </c>
      <c r="C69" s="6">
        <v>95</v>
      </c>
      <c r="D69" s="5">
        <v>204</v>
      </c>
    </row>
    <row r="70" spans="1:4" ht="18" customHeight="1" x14ac:dyDescent="0.15">
      <c r="A70" s="8">
        <v>54</v>
      </c>
      <c r="B70" s="21">
        <v>94</v>
      </c>
      <c r="C70" s="6">
        <v>83</v>
      </c>
      <c r="D70" s="5">
        <v>177</v>
      </c>
    </row>
    <row r="71" spans="1:4" ht="18" customHeight="1" x14ac:dyDescent="0.15">
      <c r="A71" s="8" t="s">
        <v>14</v>
      </c>
      <c r="B71" s="21">
        <v>471</v>
      </c>
      <c r="C71" s="6">
        <v>433</v>
      </c>
      <c r="D71" s="5">
        <v>904</v>
      </c>
    </row>
    <row r="72" spans="1:4" ht="18" customHeight="1" x14ac:dyDescent="0.15">
      <c r="A72" s="8">
        <v>55</v>
      </c>
      <c r="B72" s="21">
        <v>101</v>
      </c>
      <c r="C72" s="6">
        <v>91</v>
      </c>
      <c r="D72" s="5">
        <v>192</v>
      </c>
    </row>
    <row r="73" spans="1:4" ht="18" customHeight="1" x14ac:dyDescent="0.15">
      <c r="A73" s="8">
        <v>56</v>
      </c>
      <c r="B73" s="21">
        <v>68</v>
      </c>
      <c r="C73" s="6">
        <v>81</v>
      </c>
      <c r="D73" s="5">
        <v>149</v>
      </c>
    </row>
    <row r="74" spans="1:4" ht="18" customHeight="1" x14ac:dyDescent="0.15">
      <c r="A74" s="8">
        <v>57</v>
      </c>
      <c r="B74" s="21">
        <v>86</v>
      </c>
      <c r="C74" s="6">
        <v>72</v>
      </c>
      <c r="D74" s="5">
        <v>158</v>
      </c>
    </row>
    <row r="75" spans="1:4" ht="18" customHeight="1" x14ac:dyDescent="0.15">
      <c r="A75" s="8">
        <v>58</v>
      </c>
      <c r="B75" s="21">
        <v>97</v>
      </c>
      <c r="C75" s="6">
        <v>89</v>
      </c>
      <c r="D75" s="5">
        <v>186</v>
      </c>
    </row>
    <row r="76" spans="1:4" ht="18" customHeight="1" x14ac:dyDescent="0.15">
      <c r="A76" s="8">
        <v>59</v>
      </c>
      <c r="B76" s="21">
        <v>59</v>
      </c>
      <c r="C76" s="6">
        <v>65</v>
      </c>
      <c r="D76" s="5">
        <v>124</v>
      </c>
    </row>
    <row r="77" spans="1:4" ht="18" customHeight="1" x14ac:dyDescent="0.15">
      <c r="A77" s="8" t="s">
        <v>13</v>
      </c>
      <c r="B77" s="21">
        <v>411</v>
      </c>
      <c r="C77" s="6">
        <v>398</v>
      </c>
      <c r="D77" s="5">
        <v>809</v>
      </c>
    </row>
    <row r="78" spans="1:4" ht="18" customHeight="1" x14ac:dyDescent="0.15">
      <c r="A78" s="8">
        <v>60</v>
      </c>
      <c r="B78" s="21">
        <v>83</v>
      </c>
      <c r="C78" s="6">
        <v>69</v>
      </c>
      <c r="D78" s="5">
        <v>152</v>
      </c>
    </row>
    <row r="79" spans="1:4" ht="18" customHeight="1" x14ac:dyDescent="0.15">
      <c r="A79" s="8">
        <v>61</v>
      </c>
      <c r="B79" s="21">
        <v>81</v>
      </c>
      <c r="C79" s="6">
        <v>77</v>
      </c>
      <c r="D79" s="5">
        <v>158</v>
      </c>
    </row>
    <row r="80" spans="1:4" ht="18" customHeight="1" x14ac:dyDescent="0.15">
      <c r="A80" s="8">
        <v>62</v>
      </c>
      <c r="B80" s="21">
        <v>63</v>
      </c>
      <c r="C80" s="6">
        <v>84</v>
      </c>
      <c r="D80" s="5">
        <v>147</v>
      </c>
    </row>
    <row r="81" spans="1:4" ht="18" customHeight="1" x14ac:dyDescent="0.15">
      <c r="A81" s="8">
        <v>63</v>
      </c>
      <c r="B81" s="21">
        <v>68</v>
      </c>
      <c r="C81" s="6">
        <v>76</v>
      </c>
      <c r="D81" s="5">
        <v>144</v>
      </c>
    </row>
    <row r="82" spans="1:4" ht="18" customHeight="1" x14ac:dyDescent="0.15">
      <c r="A82" s="8">
        <v>64</v>
      </c>
      <c r="B82" s="21">
        <v>75</v>
      </c>
      <c r="C82" s="6">
        <v>64</v>
      </c>
      <c r="D82" s="5">
        <v>139</v>
      </c>
    </row>
    <row r="83" spans="1:4" ht="18" customHeight="1" x14ac:dyDescent="0.15">
      <c r="A83" s="8" t="s">
        <v>12</v>
      </c>
      <c r="B83" s="21">
        <v>370</v>
      </c>
      <c r="C83" s="6">
        <v>370</v>
      </c>
      <c r="D83" s="5">
        <v>740</v>
      </c>
    </row>
    <row r="84" spans="1:4" ht="18" customHeight="1" x14ac:dyDescent="0.15">
      <c r="A84" s="8" t="s">
        <v>11</v>
      </c>
      <c r="B84" s="21">
        <v>3532</v>
      </c>
      <c r="C84" s="6">
        <v>3223</v>
      </c>
      <c r="D84" s="5">
        <v>6755</v>
      </c>
    </row>
    <row r="85" spans="1:4" ht="18" customHeight="1" x14ac:dyDescent="0.15">
      <c r="A85" s="8">
        <v>65</v>
      </c>
      <c r="B85" s="21">
        <v>60</v>
      </c>
      <c r="C85" s="6">
        <v>69</v>
      </c>
      <c r="D85" s="5">
        <v>129</v>
      </c>
    </row>
    <row r="86" spans="1:4" ht="18" customHeight="1" x14ac:dyDescent="0.15">
      <c r="A86" s="8">
        <v>66</v>
      </c>
      <c r="B86" s="21">
        <v>78</v>
      </c>
      <c r="C86" s="6">
        <v>83</v>
      </c>
      <c r="D86" s="5">
        <v>161</v>
      </c>
    </row>
    <row r="87" spans="1:4" ht="18" customHeight="1" x14ac:dyDescent="0.15">
      <c r="A87" s="8">
        <v>67</v>
      </c>
      <c r="B87" s="21">
        <v>82</v>
      </c>
      <c r="C87" s="6">
        <v>84</v>
      </c>
      <c r="D87" s="5">
        <v>166</v>
      </c>
    </row>
    <row r="88" spans="1:4" ht="18" customHeight="1" x14ac:dyDescent="0.15">
      <c r="A88" s="8">
        <v>68</v>
      </c>
      <c r="B88" s="21">
        <v>61</v>
      </c>
      <c r="C88" s="6">
        <v>76</v>
      </c>
      <c r="D88" s="5">
        <v>137</v>
      </c>
    </row>
    <row r="89" spans="1:4" ht="18" customHeight="1" x14ac:dyDescent="0.15">
      <c r="A89" s="8">
        <v>69</v>
      </c>
      <c r="B89" s="21">
        <v>63</v>
      </c>
      <c r="C89" s="6">
        <v>83</v>
      </c>
      <c r="D89" s="5">
        <v>146</v>
      </c>
    </row>
    <row r="90" spans="1:4" ht="18" customHeight="1" x14ac:dyDescent="0.15">
      <c r="A90" s="8" t="s">
        <v>10</v>
      </c>
      <c r="B90" s="21">
        <v>344</v>
      </c>
      <c r="C90" s="6">
        <v>395</v>
      </c>
      <c r="D90" s="5">
        <v>739</v>
      </c>
    </row>
    <row r="91" spans="1:4" ht="18" customHeight="1" x14ac:dyDescent="0.15">
      <c r="A91" s="8">
        <v>70</v>
      </c>
      <c r="B91" s="21">
        <v>70</v>
      </c>
      <c r="C91" s="6">
        <v>84</v>
      </c>
      <c r="D91" s="5">
        <v>154</v>
      </c>
    </row>
    <row r="92" spans="1:4" ht="18" customHeight="1" x14ac:dyDescent="0.15">
      <c r="A92" s="8">
        <v>71</v>
      </c>
      <c r="B92" s="21">
        <v>70</v>
      </c>
      <c r="C92" s="6">
        <v>79</v>
      </c>
      <c r="D92" s="5">
        <v>149</v>
      </c>
    </row>
    <row r="93" spans="1:4" ht="18" customHeight="1" x14ac:dyDescent="0.15">
      <c r="A93" s="8">
        <v>72</v>
      </c>
      <c r="B93" s="21">
        <v>85</v>
      </c>
      <c r="C93" s="6">
        <v>99</v>
      </c>
      <c r="D93" s="5">
        <v>184</v>
      </c>
    </row>
    <row r="94" spans="1:4" ht="18" customHeight="1" x14ac:dyDescent="0.15">
      <c r="A94" s="8">
        <v>73</v>
      </c>
      <c r="B94" s="21">
        <v>83</v>
      </c>
      <c r="C94" s="6">
        <v>73</v>
      </c>
      <c r="D94" s="5">
        <v>156</v>
      </c>
    </row>
    <row r="95" spans="1:4" ht="18" customHeight="1" x14ac:dyDescent="0.15">
      <c r="A95" s="8">
        <v>74</v>
      </c>
      <c r="B95" s="21">
        <v>74</v>
      </c>
      <c r="C95" s="6">
        <v>107</v>
      </c>
      <c r="D95" s="5">
        <v>181</v>
      </c>
    </row>
    <row r="96" spans="1:4" ht="18" customHeight="1" x14ac:dyDescent="0.15">
      <c r="A96" s="8" t="s">
        <v>9</v>
      </c>
      <c r="B96" s="21">
        <v>382</v>
      </c>
      <c r="C96" s="6">
        <v>442</v>
      </c>
      <c r="D96" s="5">
        <v>824</v>
      </c>
    </row>
    <row r="97" spans="1:4" ht="18" customHeight="1" x14ac:dyDescent="0.15">
      <c r="A97" s="8">
        <v>75</v>
      </c>
      <c r="B97" s="21">
        <v>78</v>
      </c>
      <c r="C97" s="6">
        <v>96</v>
      </c>
      <c r="D97" s="5">
        <v>174</v>
      </c>
    </row>
    <row r="98" spans="1:4" ht="18" customHeight="1" x14ac:dyDescent="0.15">
      <c r="A98" s="8">
        <v>76</v>
      </c>
      <c r="B98" s="21">
        <v>94</v>
      </c>
      <c r="C98" s="6">
        <v>98</v>
      </c>
      <c r="D98" s="5">
        <v>192</v>
      </c>
    </row>
    <row r="99" spans="1:4" ht="18" customHeight="1" x14ac:dyDescent="0.15">
      <c r="A99" s="8">
        <v>77</v>
      </c>
      <c r="B99" s="21">
        <v>102</v>
      </c>
      <c r="C99" s="6">
        <v>114</v>
      </c>
      <c r="D99" s="5">
        <v>216</v>
      </c>
    </row>
    <row r="100" spans="1:4" ht="18" customHeight="1" x14ac:dyDescent="0.15">
      <c r="A100" s="8">
        <v>78</v>
      </c>
      <c r="B100" s="21">
        <v>106</v>
      </c>
      <c r="C100" s="6">
        <v>105</v>
      </c>
      <c r="D100" s="5">
        <v>211</v>
      </c>
    </row>
    <row r="101" spans="1:4" ht="18" customHeight="1" x14ac:dyDescent="0.15">
      <c r="A101" s="8">
        <v>79</v>
      </c>
      <c r="B101" s="21">
        <v>50</v>
      </c>
      <c r="C101" s="6">
        <v>64</v>
      </c>
      <c r="D101" s="5">
        <v>114</v>
      </c>
    </row>
    <row r="102" spans="1:4" ht="18" customHeight="1" x14ac:dyDescent="0.15">
      <c r="A102" s="8" t="s">
        <v>8</v>
      </c>
      <c r="B102" s="21">
        <v>430</v>
      </c>
      <c r="C102" s="6">
        <v>477</v>
      </c>
      <c r="D102" s="5">
        <v>907</v>
      </c>
    </row>
    <row r="103" spans="1:4" ht="18" customHeight="1" x14ac:dyDescent="0.15">
      <c r="A103" s="8">
        <v>80</v>
      </c>
      <c r="B103" s="21">
        <v>52</v>
      </c>
      <c r="C103" s="6">
        <v>73</v>
      </c>
      <c r="D103" s="5">
        <v>125</v>
      </c>
    </row>
    <row r="104" spans="1:4" ht="18" customHeight="1" x14ac:dyDescent="0.15">
      <c r="A104" s="8">
        <v>81</v>
      </c>
      <c r="B104" s="21">
        <v>63</v>
      </c>
      <c r="C104" s="6">
        <v>103</v>
      </c>
      <c r="D104" s="5">
        <v>166</v>
      </c>
    </row>
    <row r="105" spans="1:4" ht="18" customHeight="1" x14ac:dyDescent="0.15">
      <c r="A105" s="8">
        <v>82</v>
      </c>
      <c r="B105" s="21">
        <v>65</v>
      </c>
      <c r="C105" s="6">
        <v>85</v>
      </c>
      <c r="D105" s="5">
        <v>150</v>
      </c>
    </row>
    <row r="106" spans="1:4" ht="18" customHeight="1" x14ac:dyDescent="0.15">
      <c r="A106" s="8">
        <v>83</v>
      </c>
      <c r="B106" s="21">
        <v>46</v>
      </c>
      <c r="C106" s="6">
        <v>82</v>
      </c>
      <c r="D106" s="5">
        <v>128</v>
      </c>
    </row>
    <row r="107" spans="1:4" ht="18" customHeight="1" x14ac:dyDescent="0.15">
      <c r="A107" s="8">
        <v>84</v>
      </c>
      <c r="B107" s="21">
        <v>54</v>
      </c>
      <c r="C107" s="6">
        <v>86</v>
      </c>
      <c r="D107" s="5">
        <v>140</v>
      </c>
    </row>
    <row r="108" spans="1:4" ht="18" customHeight="1" x14ac:dyDescent="0.15">
      <c r="A108" s="8" t="s">
        <v>7</v>
      </c>
      <c r="B108" s="21">
        <v>280</v>
      </c>
      <c r="C108" s="6">
        <v>429</v>
      </c>
      <c r="D108" s="5">
        <v>709</v>
      </c>
    </row>
    <row r="109" spans="1:4" ht="18" customHeight="1" x14ac:dyDescent="0.15">
      <c r="A109" s="8">
        <v>85</v>
      </c>
      <c r="B109" s="21">
        <v>61</v>
      </c>
      <c r="C109" s="6">
        <v>75</v>
      </c>
      <c r="D109" s="5">
        <v>136</v>
      </c>
    </row>
    <row r="110" spans="1:4" ht="18" customHeight="1" x14ac:dyDescent="0.15">
      <c r="A110" s="8">
        <v>86</v>
      </c>
      <c r="B110" s="21">
        <v>30</v>
      </c>
      <c r="C110" s="6">
        <v>51</v>
      </c>
      <c r="D110" s="5">
        <v>81</v>
      </c>
    </row>
    <row r="111" spans="1:4" ht="18" customHeight="1" x14ac:dyDescent="0.15">
      <c r="A111" s="8">
        <v>87</v>
      </c>
      <c r="B111" s="21">
        <v>28</v>
      </c>
      <c r="C111" s="6">
        <v>36</v>
      </c>
      <c r="D111" s="5">
        <v>64</v>
      </c>
    </row>
    <row r="112" spans="1:4" ht="18" customHeight="1" x14ac:dyDescent="0.15">
      <c r="A112" s="8">
        <v>88</v>
      </c>
      <c r="B112" s="21">
        <v>21</v>
      </c>
      <c r="C112" s="6">
        <v>49</v>
      </c>
      <c r="D112" s="5">
        <v>70</v>
      </c>
    </row>
    <row r="113" spans="1:4" ht="18" customHeight="1" x14ac:dyDescent="0.15">
      <c r="A113" s="8">
        <v>89</v>
      </c>
      <c r="B113" s="21">
        <v>25</v>
      </c>
      <c r="C113" s="6">
        <v>64</v>
      </c>
      <c r="D113" s="5">
        <v>89</v>
      </c>
    </row>
    <row r="114" spans="1:4" ht="18" customHeight="1" x14ac:dyDescent="0.15">
      <c r="A114" s="8" t="s">
        <v>6</v>
      </c>
      <c r="B114" s="21">
        <v>165</v>
      </c>
      <c r="C114" s="6">
        <v>275</v>
      </c>
      <c r="D114" s="5">
        <v>440</v>
      </c>
    </row>
    <row r="115" spans="1:4" ht="18" customHeight="1" x14ac:dyDescent="0.15">
      <c r="A115" s="8">
        <v>90</v>
      </c>
      <c r="B115" s="21">
        <v>26</v>
      </c>
      <c r="C115" s="6">
        <v>44</v>
      </c>
      <c r="D115" s="5">
        <v>70</v>
      </c>
    </row>
    <row r="116" spans="1:4" ht="18" customHeight="1" x14ac:dyDescent="0.15">
      <c r="A116" s="8">
        <v>91</v>
      </c>
      <c r="B116" s="21">
        <v>13</v>
      </c>
      <c r="C116" s="6">
        <v>29</v>
      </c>
      <c r="D116" s="5">
        <v>42</v>
      </c>
    </row>
    <row r="117" spans="1:4" ht="18" customHeight="1" x14ac:dyDescent="0.15">
      <c r="A117" s="8">
        <v>92</v>
      </c>
      <c r="B117" s="21">
        <v>17</v>
      </c>
      <c r="C117" s="6">
        <v>46</v>
      </c>
      <c r="D117" s="5">
        <v>63</v>
      </c>
    </row>
    <row r="118" spans="1:4" ht="18" customHeight="1" x14ac:dyDescent="0.15">
      <c r="A118" s="8">
        <v>93</v>
      </c>
      <c r="B118" s="21">
        <v>7</v>
      </c>
      <c r="C118" s="6">
        <v>39</v>
      </c>
      <c r="D118" s="5">
        <v>46</v>
      </c>
    </row>
    <row r="119" spans="1:4" ht="18" customHeight="1" x14ac:dyDescent="0.15">
      <c r="A119" s="8">
        <v>94</v>
      </c>
      <c r="B119" s="21">
        <v>9</v>
      </c>
      <c r="C119" s="6">
        <v>38</v>
      </c>
      <c r="D119" s="5">
        <v>47</v>
      </c>
    </row>
    <row r="120" spans="1:4" ht="18" customHeight="1" x14ac:dyDescent="0.15">
      <c r="A120" s="8" t="s">
        <v>5</v>
      </c>
      <c r="B120" s="21">
        <v>72</v>
      </c>
      <c r="C120" s="6">
        <v>196</v>
      </c>
      <c r="D120" s="5">
        <v>268</v>
      </c>
    </row>
    <row r="121" spans="1:4" ht="18" customHeight="1" x14ac:dyDescent="0.15">
      <c r="A121" s="8">
        <v>95</v>
      </c>
      <c r="B121" s="21">
        <v>7</v>
      </c>
      <c r="C121" s="6">
        <v>14</v>
      </c>
      <c r="D121" s="5">
        <v>21</v>
      </c>
    </row>
    <row r="122" spans="1:4" ht="18" customHeight="1" x14ac:dyDescent="0.15">
      <c r="A122" s="8">
        <v>96</v>
      </c>
      <c r="B122" s="21">
        <v>2</v>
      </c>
      <c r="C122" s="6">
        <v>21</v>
      </c>
      <c r="D122" s="5">
        <v>23</v>
      </c>
    </row>
    <row r="123" spans="1:4" ht="18" customHeight="1" x14ac:dyDescent="0.15">
      <c r="A123" s="8">
        <v>97</v>
      </c>
      <c r="B123" s="21">
        <v>6</v>
      </c>
      <c r="C123" s="6">
        <v>7</v>
      </c>
      <c r="D123" s="5">
        <v>13</v>
      </c>
    </row>
    <row r="124" spans="1:4" ht="18" customHeight="1" x14ac:dyDescent="0.15">
      <c r="A124" s="8">
        <v>98</v>
      </c>
      <c r="B124" s="21">
        <v>0</v>
      </c>
      <c r="C124" s="6">
        <v>6</v>
      </c>
      <c r="D124" s="5">
        <v>6</v>
      </c>
    </row>
    <row r="125" spans="1:4" ht="18" customHeight="1" x14ac:dyDescent="0.15">
      <c r="A125" s="8">
        <v>99</v>
      </c>
      <c r="B125" s="21">
        <v>3</v>
      </c>
      <c r="C125" s="6">
        <v>8</v>
      </c>
      <c r="D125" s="5">
        <v>11</v>
      </c>
    </row>
    <row r="126" spans="1:4" ht="18" customHeight="1" x14ac:dyDescent="0.15">
      <c r="A126" s="8" t="s">
        <v>4</v>
      </c>
      <c r="B126" s="21">
        <v>18</v>
      </c>
      <c r="C126" s="6">
        <v>56</v>
      </c>
      <c r="D126" s="5">
        <v>74</v>
      </c>
    </row>
    <row r="127" spans="1:4" ht="18" customHeight="1" x14ac:dyDescent="0.15">
      <c r="A127" s="8">
        <v>100</v>
      </c>
      <c r="B127" s="21">
        <v>2</v>
      </c>
      <c r="C127" s="6">
        <v>5</v>
      </c>
      <c r="D127" s="5">
        <v>7</v>
      </c>
    </row>
    <row r="128" spans="1:4" ht="18" customHeight="1" x14ac:dyDescent="0.15">
      <c r="A128" s="9" t="s">
        <v>3</v>
      </c>
      <c r="B128" s="21">
        <v>1</v>
      </c>
      <c r="C128" s="6">
        <v>8</v>
      </c>
      <c r="D128" s="5">
        <v>9</v>
      </c>
    </row>
    <row r="129" spans="1:4" ht="18" customHeight="1" x14ac:dyDescent="0.15">
      <c r="A129" s="8" t="s">
        <v>2</v>
      </c>
      <c r="B129" s="21">
        <v>3</v>
      </c>
      <c r="C129" s="6">
        <v>13</v>
      </c>
      <c r="D129" s="5">
        <v>16</v>
      </c>
    </row>
    <row r="130" spans="1:4" ht="18" customHeight="1" x14ac:dyDescent="0.15">
      <c r="A130" s="8" t="s">
        <v>1</v>
      </c>
      <c r="B130" s="21">
        <v>1694</v>
      </c>
      <c r="C130" s="6">
        <v>2283</v>
      </c>
      <c r="D130" s="5">
        <v>3977</v>
      </c>
    </row>
    <row r="131" spans="1:4" ht="18" customHeight="1" x14ac:dyDescent="0.15">
      <c r="A131" s="4" t="s">
        <v>0</v>
      </c>
      <c r="B131" s="20">
        <v>5903</v>
      </c>
      <c r="C131" s="2">
        <v>6159</v>
      </c>
      <c r="D131" s="1">
        <v>120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8AD3ED-C82F-4027-842E-99849B14E6C3}">
  <sheetPr codeName="Sheet1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9</v>
      </c>
      <c r="D5" s="10">
        <v>13</v>
      </c>
    </row>
    <row r="6" spans="1:4" ht="18" customHeight="1" x14ac:dyDescent="0.15">
      <c r="A6" s="8">
        <v>1</v>
      </c>
      <c r="B6" s="21">
        <v>5</v>
      </c>
      <c r="C6" s="6">
        <v>12</v>
      </c>
      <c r="D6" s="5">
        <v>17</v>
      </c>
    </row>
    <row r="7" spans="1:4" ht="18" customHeight="1" x14ac:dyDescent="0.15">
      <c r="A7" s="8">
        <v>2</v>
      </c>
      <c r="B7" s="21">
        <v>11</v>
      </c>
      <c r="C7" s="6">
        <v>7</v>
      </c>
      <c r="D7" s="5">
        <v>18</v>
      </c>
    </row>
    <row r="8" spans="1:4" ht="18" customHeight="1" x14ac:dyDescent="0.15">
      <c r="A8" s="8">
        <v>3</v>
      </c>
      <c r="B8" s="21">
        <v>9</v>
      </c>
      <c r="C8" s="6">
        <v>10</v>
      </c>
      <c r="D8" s="5">
        <v>19</v>
      </c>
    </row>
    <row r="9" spans="1:4" ht="18" customHeight="1" x14ac:dyDescent="0.15">
      <c r="A9" s="8">
        <v>4</v>
      </c>
      <c r="B9" s="21">
        <v>10</v>
      </c>
      <c r="C9" s="6">
        <v>10</v>
      </c>
      <c r="D9" s="5">
        <v>20</v>
      </c>
    </row>
    <row r="10" spans="1:4" ht="18" customHeight="1" x14ac:dyDescent="0.15">
      <c r="A10" s="8" t="s">
        <v>25</v>
      </c>
      <c r="B10" s="21">
        <v>39</v>
      </c>
      <c r="C10" s="6">
        <v>48</v>
      </c>
      <c r="D10" s="5">
        <v>87</v>
      </c>
    </row>
    <row r="11" spans="1:4" ht="18" customHeight="1" x14ac:dyDescent="0.15">
      <c r="A11" s="8">
        <v>5</v>
      </c>
      <c r="B11" s="21">
        <v>13</v>
      </c>
      <c r="C11" s="6">
        <v>9</v>
      </c>
      <c r="D11" s="5">
        <v>22</v>
      </c>
    </row>
    <row r="12" spans="1:4" ht="18" customHeight="1" x14ac:dyDescent="0.15">
      <c r="A12" s="8">
        <v>6</v>
      </c>
      <c r="B12" s="21">
        <v>7</v>
      </c>
      <c r="C12" s="6">
        <v>8</v>
      </c>
      <c r="D12" s="5">
        <v>15</v>
      </c>
    </row>
    <row r="13" spans="1:4" ht="18" customHeight="1" x14ac:dyDescent="0.15">
      <c r="A13" s="8">
        <v>7</v>
      </c>
      <c r="B13" s="21">
        <v>8</v>
      </c>
      <c r="C13" s="6">
        <v>13</v>
      </c>
      <c r="D13" s="5">
        <v>21</v>
      </c>
    </row>
    <row r="14" spans="1:4" ht="18" customHeight="1" x14ac:dyDescent="0.15">
      <c r="A14" s="8">
        <v>8</v>
      </c>
      <c r="B14" s="21">
        <v>8</v>
      </c>
      <c r="C14" s="6">
        <v>13</v>
      </c>
      <c r="D14" s="5">
        <v>21</v>
      </c>
    </row>
    <row r="15" spans="1:4" ht="18" customHeight="1" x14ac:dyDescent="0.15">
      <c r="A15" s="8">
        <v>9</v>
      </c>
      <c r="B15" s="21">
        <v>16</v>
      </c>
      <c r="C15" s="6">
        <v>6</v>
      </c>
      <c r="D15" s="5">
        <v>22</v>
      </c>
    </row>
    <row r="16" spans="1:4" ht="18" customHeight="1" x14ac:dyDescent="0.15">
      <c r="A16" s="8" t="s">
        <v>24</v>
      </c>
      <c r="B16" s="21">
        <v>52</v>
      </c>
      <c r="C16" s="6">
        <v>49</v>
      </c>
      <c r="D16" s="5">
        <v>101</v>
      </c>
    </row>
    <row r="17" spans="1:4" ht="18" customHeight="1" x14ac:dyDescent="0.15">
      <c r="A17" s="8">
        <v>10</v>
      </c>
      <c r="B17" s="21">
        <v>11</v>
      </c>
      <c r="C17" s="6">
        <v>15</v>
      </c>
      <c r="D17" s="5">
        <v>26</v>
      </c>
    </row>
    <row r="18" spans="1:4" ht="18" customHeight="1" x14ac:dyDescent="0.15">
      <c r="A18" s="8">
        <v>11</v>
      </c>
      <c r="B18" s="21">
        <v>10</v>
      </c>
      <c r="C18" s="6">
        <v>9</v>
      </c>
      <c r="D18" s="5">
        <v>19</v>
      </c>
    </row>
    <row r="19" spans="1:4" ht="18" customHeight="1" x14ac:dyDescent="0.15">
      <c r="A19" s="8">
        <v>12</v>
      </c>
      <c r="B19" s="21">
        <v>16</v>
      </c>
      <c r="C19" s="6">
        <v>14</v>
      </c>
      <c r="D19" s="5">
        <v>30</v>
      </c>
    </row>
    <row r="20" spans="1:4" ht="18" customHeight="1" x14ac:dyDescent="0.15">
      <c r="A20" s="8">
        <v>13</v>
      </c>
      <c r="B20" s="21">
        <v>10</v>
      </c>
      <c r="C20" s="6">
        <v>16</v>
      </c>
      <c r="D20" s="5">
        <v>26</v>
      </c>
    </row>
    <row r="21" spans="1:4" ht="18" customHeight="1" x14ac:dyDescent="0.15">
      <c r="A21" s="8">
        <v>14</v>
      </c>
      <c r="B21" s="21">
        <v>16</v>
      </c>
      <c r="C21" s="6">
        <v>9</v>
      </c>
      <c r="D21" s="5">
        <v>25</v>
      </c>
    </row>
    <row r="22" spans="1:4" ht="18" customHeight="1" x14ac:dyDescent="0.15">
      <c r="A22" s="8" t="s">
        <v>23</v>
      </c>
      <c r="B22" s="21">
        <v>63</v>
      </c>
      <c r="C22" s="6">
        <v>63</v>
      </c>
      <c r="D22" s="5">
        <v>126</v>
      </c>
    </row>
    <row r="23" spans="1:4" ht="18" customHeight="1" x14ac:dyDescent="0.15">
      <c r="A23" s="8" t="s">
        <v>22</v>
      </c>
      <c r="B23" s="21">
        <v>154</v>
      </c>
      <c r="C23" s="6">
        <v>160</v>
      </c>
      <c r="D23" s="5">
        <v>314</v>
      </c>
    </row>
    <row r="24" spans="1:4" ht="18" customHeight="1" x14ac:dyDescent="0.15">
      <c r="A24" s="8">
        <v>15</v>
      </c>
      <c r="B24" s="21">
        <v>14</v>
      </c>
      <c r="C24" s="6">
        <v>15</v>
      </c>
      <c r="D24" s="5">
        <v>29</v>
      </c>
    </row>
    <row r="25" spans="1:4" ht="18" customHeight="1" x14ac:dyDescent="0.15">
      <c r="A25" s="8">
        <v>16</v>
      </c>
      <c r="B25" s="21">
        <v>9</v>
      </c>
      <c r="C25" s="6">
        <v>8</v>
      </c>
      <c r="D25" s="5">
        <v>17</v>
      </c>
    </row>
    <row r="26" spans="1:4" ht="18" customHeight="1" x14ac:dyDescent="0.15">
      <c r="A26" s="8">
        <v>17</v>
      </c>
      <c r="B26" s="21">
        <v>15</v>
      </c>
      <c r="C26" s="6">
        <v>21</v>
      </c>
      <c r="D26" s="5">
        <v>36</v>
      </c>
    </row>
    <row r="27" spans="1:4" ht="18" customHeight="1" x14ac:dyDescent="0.15">
      <c r="A27" s="8">
        <v>18</v>
      </c>
      <c r="B27" s="21">
        <v>22</v>
      </c>
      <c r="C27" s="6">
        <v>16</v>
      </c>
      <c r="D27" s="5">
        <v>38</v>
      </c>
    </row>
    <row r="28" spans="1:4" ht="18" customHeight="1" x14ac:dyDescent="0.15">
      <c r="A28" s="8">
        <v>19</v>
      </c>
      <c r="B28" s="21">
        <v>29</v>
      </c>
      <c r="C28" s="6">
        <v>25</v>
      </c>
      <c r="D28" s="5">
        <v>54</v>
      </c>
    </row>
    <row r="29" spans="1:4" ht="18" customHeight="1" x14ac:dyDescent="0.15">
      <c r="A29" s="8" t="s">
        <v>21</v>
      </c>
      <c r="B29" s="21">
        <v>89</v>
      </c>
      <c r="C29" s="6">
        <v>85</v>
      </c>
      <c r="D29" s="5">
        <v>174</v>
      </c>
    </row>
    <row r="30" spans="1:4" ht="18" customHeight="1" x14ac:dyDescent="0.15">
      <c r="A30" s="8">
        <v>20</v>
      </c>
      <c r="B30" s="21">
        <v>12</v>
      </c>
      <c r="C30" s="6">
        <v>15</v>
      </c>
      <c r="D30" s="5">
        <v>27</v>
      </c>
    </row>
    <row r="31" spans="1:4" ht="18" customHeight="1" x14ac:dyDescent="0.15">
      <c r="A31" s="8">
        <v>21</v>
      </c>
      <c r="B31" s="21">
        <v>12</v>
      </c>
      <c r="C31" s="6">
        <v>15</v>
      </c>
      <c r="D31" s="5">
        <v>27</v>
      </c>
    </row>
    <row r="32" spans="1:4" ht="18" customHeight="1" x14ac:dyDescent="0.15">
      <c r="A32" s="8">
        <v>22</v>
      </c>
      <c r="B32" s="21">
        <v>10</v>
      </c>
      <c r="C32" s="6">
        <v>13</v>
      </c>
      <c r="D32" s="5">
        <v>23</v>
      </c>
    </row>
    <row r="33" spans="1:4" ht="18" customHeight="1" x14ac:dyDescent="0.15">
      <c r="A33" s="8">
        <v>23</v>
      </c>
      <c r="B33" s="21">
        <v>15</v>
      </c>
      <c r="C33" s="6">
        <v>12</v>
      </c>
      <c r="D33" s="5">
        <v>27</v>
      </c>
    </row>
    <row r="34" spans="1:4" ht="18" customHeight="1" x14ac:dyDescent="0.15">
      <c r="A34" s="8">
        <v>24</v>
      </c>
      <c r="B34" s="21">
        <v>14</v>
      </c>
      <c r="C34" s="6">
        <v>9</v>
      </c>
      <c r="D34" s="5">
        <v>23</v>
      </c>
    </row>
    <row r="35" spans="1:4" ht="18" customHeight="1" x14ac:dyDescent="0.15">
      <c r="A35" s="8" t="s">
        <v>20</v>
      </c>
      <c r="B35" s="21">
        <v>63</v>
      </c>
      <c r="C35" s="6">
        <v>64</v>
      </c>
      <c r="D35" s="5">
        <v>127</v>
      </c>
    </row>
    <row r="36" spans="1:4" ht="18" customHeight="1" x14ac:dyDescent="0.15">
      <c r="A36" s="8">
        <v>25</v>
      </c>
      <c r="B36" s="21">
        <v>10</v>
      </c>
      <c r="C36" s="6">
        <v>9</v>
      </c>
      <c r="D36" s="5">
        <v>19</v>
      </c>
    </row>
    <row r="37" spans="1:4" ht="18" customHeight="1" x14ac:dyDescent="0.15">
      <c r="A37" s="8">
        <v>26</v>
      </c>
      <c r="B37" s="21">
        <v>16</v>
      </c>
      <c r="C37" s="6">
        <v>12</v>
      </c>
      <c r="D37" s="5">
        <v>28</v>
      </c>
    </row>
    <row r="38" spans="1:4" ht="18" customHeight="1" x14ac:dyDescent="0.15">
      <c r="A38" s="8">
        <v>27</v>
      </c>
      <c r="B38" s="21">
        <v>18</v>
      </c>
      <c r="C38" s="6">
        <v>7</v>
      </c>
      <c r="D38" s="5">
        <v>25</v>
      </c>
    </row>
    <row r="39" spans="1:4" ht="18" customHeight="1" x14ac:dyDescent="0.15">
      <c r="A39" s="8">
        <v>28</v>
      </c>
      <c r="B39" s="21">
        <v>12</v>
      </c>
      <c r="C39" s="6">
        <v>6</v>
      </c>
      <c r="D39" s="5">
        <v>18</v>
      </c>
    </row>
    <row r="40" spans="1:4" ht="18" customHeight="1" x14ac:dyDescent="0.15">
      <c r="A40" s="8">
        <v>29</v>
      </c>
      <c r="B40" s="21">
        <v>8</v>
      </c>
      <c r="C40" s="6">
        <v>12</v>
      </c>
      <c r="D40" s="5">
        <v>20</v>
      </c>
    </row>
    <row r="41" spans="1:4" ht="18" customHeight="1" x14ac:dyDescent="0.15">
      <c r="A41" s="8" t="s">
        <v>19</v>
      </c>
      <c r="B41" s="21">
        <v>64</v>
      </c>
      <c r="C41" s="6">
        <v>46</v>
      </c>
      <c r="D41" s="5">
        <v>110</v>
      </c>
    </row>
    <row r="42" spans="1:4" ht="18" customHeight="1" x14ac:dyDescent="0.15">
      <c r="A42" s="8">
        <v>30</v>
      </c>
      <c r="B42" s="21">
        <v>6</v>
      </c>
      <c r="C42" s="6">
        <v>5</v>
      </c>
      <c r="D42" s="5">
        <v>11</v>
      </c>
    </row>
    <row r="43" spans="1:4" ht="18" customHeight="1" x14ac:dyDescent="0.15">
      <c r="A43" s="8">
        <v>31</v>
      </c>
      <c r="B43" s="21">
        <v>14</v>
      </c>
      <c r="C43" s="6">
        <v>11</v>
      </c>
      <c r="D43" s="5">
        <v>25</v>
      </c>
    </row>
    <row r="44" spans="1:4" ht="18" customHeight="1" x14ac:dyDescent="0.15">
      <c r="A44" s="8">
        <v>32</v>
      </c>
      <c r="B44" s="21">
        <v>14</v>
      </c>
      <c r="C44" s="6">
        <v>12</v>
      </c>
      <c r="D44" s="5">
        <v>26</v>
      </c>
    </row>
    <row r="45" spans="1:4" ht="18" customHeight="1" x14ac:dyDescent="0.15">
      <c r="A45" s="8">
        <v>33</v>
      </c>
      <c r="B45" s="21">
        <v>10</v>
      </c>
      <c r="C45" s="6">
        <v>10</v>
      </c>
      <c r="D45" s="5">
        <v>20</v>
      </c>
    </row>
    <row r="46" spans="1:4" ht="18" customHeight="1" x14ac:dyDescent="0.15">
      <c r="A46" s="8">
        <v>34</v>
      </c>
      <c r="B46" s="21">
        <v>15</v>
      </c>
      <c r="C46" s="6">
        <v>6</v>
      </c>
      <c r="D46" s="5">
        <v>21</v>
      </c>
    </row>
    <row r="47" spans="1:4" ht="18" customHeight="1" x14ac:dyDescent="0.15">
      <c r="A47" s="8" t="s">
        <v>18</v>
      </c>
      <c r="B47" s="21">
        <v>59</v>
      </c>
      <c r="C47" s="6">
        <v>44</v>
      </c>
      <c r="D47" s="5">
        <v>103</v>
      </c>
    </row>
    <row r="48" spans="1:4" ht="18" customHeight="1" x14ac:dyDescent="0.15">
      <c r="A48" s="8">
        <v>35</v>
      </c>
      <c r="B48" s="21">
        <v>7</v>
      </c>
      <c r="C48" s="6">
        <v>11</v>
      </c>
      <c r="D48" s="5">
        <v>18</v>
      </c>
    </row>
    <row r="49" spans="1:4" ht="18" customHeight="1" x14ac:dyDescent="0.15">
      <c r="A49" s="8">
        <v>36</v>
      </c>
      <c r="B49" s="21">
        <v>16</v>
      </c>
      <c r="C49" s="6">
        <v>16</v>
      </c>
      <c r="D49" s="5">
        <v>32</v>
      </c>
    </row>
    <row r="50" spans="1:4" ht="18" customHeight="1" x14ac:dyDescent="0.15">
      <c r="A50" s="8">
        <v>37</v>
      </c>
      <c r="B50" s="21">
        <v>12</v>
      </c>
      <c r="C50" s="6">
        <v>9</v>
      </c>
      <c r="D50" s="5">
        <v>21</v>
      </c>
    </row>
    <row r="51" spans="1:4" ht="18" customHeight="1" x14ac:dyDescent="0.15">
      <c r="A51" s="8">
        <v>38</v>
      </c>
      <c r="B51" s="21">
        <v>14</v>
      </c>
      <c r="C51" s="6">
        <v>7</v>
      </c>
      <c r="D51" s="5">
        <v>21</v>
      </c>
    </row>
    <row r="52" spans="1:4" ht="18" customHeight="1" x14ac:dyDescent="0.15">
      <c r="A52" s="8">
        <v>39</v>
      </c>
      <c r="B52" s="21">
        <v>16</v>
      </c>
      <c r="C52" s="6">
        <v>14</v>
      </c>
      <c r="D52" s="5">
        <v>30</v>
      </c>
    </row>
    <row r="53" spans="1:4" ht="18" customHeight="1" x14ac:dyDescent="0.15">
      <c r="A53" s="8" t="s">
        <v>17</v>
      </c>
      <c r="B53" s="21">
        <v>65</v>
      </c>
      <c r="C53" s="6">
        <v>57</v>
      </c>
      <c r="D53" s="5">
        <v>122</v>
      </c>
    </row>
    <row r="54" spans="1:4" ht="18" customHeight="1" x14ac:dyDescent="0.15">
      <c r="A54" s="8">
        <v>40</v>
      </c>
      <c r="B54" s="21">
        <v>18</v>
      </c>
      <c r="C54" s="6">
        <v>15</v>
      </c>
      <c r="D54" s="5">
        <v>33</v>
      </c>
    </row>
    <row r="55" spans="1:4" ht="18" customHeight="1" x14ac:dyDescent="0.15">
      <c r="A55" s="8">
        <v>41</v>
      </c>
      <c r="B55" s="21">
        <v>23</v>
      </c>
      <c r="C55" s="6">
        <v>15</v>
      </c>
      <c r="D55" s="5">
        <v>38</v>
      </c>
    </row>
    <row r="56" spans="1:4" ht="18" customHeight="1" x14ac:dyDescent="0.15">
      <c r="A56" s="8">
        <v>42</v>
      </c>
      <c r="B56" s="21">
        <v>18</v>
      </c>
      <c r="C56" s="6">
        <v>18</v>
      </c>
      <c r="D56" s="5">
        <v>36</v>
      </c>
    </row>
    <row r="57" spans="1:4" ht="18" customHeight="1" x14ac:dyDescent="0.15">
      <c r="A57" s="8">
        <v>43</v>
      </c>
      <c r="B57" s="21">
        <v>15</v>
      </c>
      <c r="C57" s="6">
        <v>21</v>
      </c>
      <c r="D57" s="5">
        <v>36</v>
      </c>
    </row>
    <row r="58" spans="1:4" ht="18" customHeight="1" x14ac:dyDescent="0.15">
      <c r="A58" s="8">
        <v>44</v>
      </c>
      <c r="B58" s="21">
        <v>23</v>
      </c>
      <c r="C58" s="6">
        <v>12</v>
      </c>
      <c r="D58" s="5">
        <v>35</v>
      </c>
    </row>
    <row r="59" spans="1:4" ht="18" customHeight="1" x14ac:dyDescent="0.15">
      <c r="A59" s="8" t="s">
        <v>16</v>
      </c>
      <c r="B59" s="21">
        <v>97</v>
      </c>
      <c r="C59" s="6">
        <v>81</v>
      </c>
      <c r="D59" s="5">
        <v>178</v>
      </c>
    </row>
    <row r="60" spans="1:4" ht="18" customHeight="1" x14ac:dyDescent="0.15">
      <c r="A60" s="8">
        <v>45</v>
      </c>
      <c r="B60" s="21">
        <v>18</v>
      </c>
      <c r="C60" s="6">
        <v>19</v>
      </c>
      <c r="D60" s="5">
        <v>37</v>
      </c>
    </row>
    <row r="61" spans="1:4" ht="18" customHeight="1" x14ac:dyDescent="0.15">
      <c r="A61" s="8">
        <v>46</v>
      </c>
      <c r="B61" s="21">
        <v>25</v>
      </c>
      <c r="C61" s="6">
        <v>13</v>
      </c>
      <c r="D61" s="5">
        <v>38</v>
      </c>
    </row>
    <row r="62" spans="1:4" ht="18" customHeight="1" x14ac:dyDescent="0.15">
      <c r="A62" s="8">
        <v>47</v>
      </c>
      <c r="B62" s="21">
        <v>19</v>
      </c>
      <c r="C62" s="6">
        <v>16</v>
      </c>
      <c r="D62" s="5">
        <v>35</v>
      </c>
    </row>
    <row r="63" spans="1:4" ht="18" customHeight="1" x14ac:dyDescent="0.15">
      <c r="A63" s="8">
        <v>48</v>
      </c>
      <c r="B63" s="21">
        <v>20</v>
      </c>
      <c r="C63" s="6">
        <v>23</v>
      </c>
      <c r="D63" s="5">
        <v>43</v>
      </c>
    </row>
    <row r="64" spans="1:4" ht="18" customHeight="1" x14ac:dyDescent="0.15">
      <c r="A64" s="8">
        <v>49</v>
      </c>
      <c r="B64" s="21">
        <v>20</v>
      </c>
      <c r="C64" s="6">
        <v>34</v>
      </c>
      <c r="D64" s="5">
        <v>54</v>
      </c>
    </row>
    <row r="65" spans="1:4" ht="18" customHeight="1" x14ac:dyDescent="0.15">
      <c r="A65" s="8" t="s">
        <v>15</v>
      </c>
      <c r="B65" s="21">
        <v>102</v>
      </c>
      <c r="C65" s="6">
        <v>105</v>
      </c>
      <c r="D65" s="5">
        <v>207</v>
      </c>
    </row>
    <row r="66" spans="1:4" ht="18" customHeight="1" x14ac:dyDescent="0.15">
      <c r="A66" s="8">
        <v>50</v>
      </c>
      <c r="B66" s="21">
        <v>19</v>
      </c>
      <c r="C66" s="6">
        <v>21</v>
      </c>
      <c r="D66" s="5">
        <v>40</v>
      </c>
    </row>
    <row r="67" spans="1:4" ht="18" customHeight="1" x14ac:dyDescent="0.15">
      <c r="A67" s="8">
        <v>51</v>
      </c>
      <c r="B67" s="21">
        <v>22</v>
      </c>
      <c r="C67" s="6">
        <v>22</v>
      </c>
      <c r="D67" s="5">
        <v>44</v>
      </c>
    </row>
    <row r="68" spans="1:4" ht="18" customHeight="1" x14ac:dyDescent="0.15">
      <c r="A68" s="8">
        <v>52</v>
      </c>
      <c r="B68" s="21">
        <v>24</v>
      </c>
      <c r="C68" s="6">
        <v>24</v>
      </c>
      <c r="D68" s="5">
        <v>48</v>
      </c>
    </row>
    <row r="69" spans="1:4" ht="18" customHeight="1" x14ac:dyDescent="0.15">
      <c r="A69" s="8">
        <v>53</v>
      </c>
      <c r="B69" s="21">
        <v>25</v>
      </c>
      <c r="C69" s="6">
        <v>22</v>
      </c>
      <c r="D69" s="5">
        <v>47</v>
      </c>
    </row>
    <row r="70" spans="1:4" ht="18" customHeight="1" x14ac:dyDescent="0.15">
      <c r="A70" s="8">
        <v>54</v>
      </c>
      <c r="B70" s="21">
        <v>26</v>
      </c>
      <c r="C70" s="6">
        <v>30</v>
      </c>
      <c r="D70" s="5">
        <v>56</v>
      </c>
    </row>
    <row r="71" spans="1:4" ht="18" customHeight="1" x14ac:dyDescent="0.15">
      <c r="A71" s="8" t="s">
        <v>14</v>
      </c>
      <c r="B71" s="21">
        <v>116</v>
      </c>
      <c r="C71" s="6">
        <v>119</v>
      </c>
      <c r="D71" s="5">
        <v>235</v>
      </c>
    </row>
    <row r="72" spans="1:4" ht="18" customHeight="1" x14ac:dyDescent="0.15">
      <c r="A72" s="8">
        <v>55</v>
      </c>
      <c r="B72" s="21">
        <v>25</v>
      </c>
      <c r="C72" s="6">
        <v>19</v>
      </c>
      <c r="D72" s="5">
        <v>44</v>
      </c>
    </row>
    <row r="73" spans="1:4" ht="18" customHeight="1" x14ac:dyDescent="0.15">
      <c r="A73" s="8">
        <v>56</v>
      </c>
      <c r="B73" s="21">
        <v>20</v>
      </c>
      <c r="C73" s="6">
        <v>14</v>
      </c>
      <c r="D73" s="5">
        <v>34</v>
      </c>
    </row>
    <row r="74" spans="1:4" ht="18" customHeight="1" x14ac:dyDescent="0.15">
      <c r="A74" s="8">
        <v>57</v>
      </c>
      <c r="B74" s="21">
        <v>20</v>
      </c>
      <c r="C74" s="6">
        <v>25</v>
      </c>
      <c r="D74" s="5">
        <v>45</v>
      </c>
    </row>
    <row r="75" spans="1:4" ht="18" customHeight="1" x14ac:dyDescent="0.15">
      <c r="A75" s="8">
        <v>58</v>
      </c>
      <c r="B75" s="21">
        <v>19</v>
      </c>
      <c r="C75" s="6">
        <v>19</v>
      </c>
      <c r="D75" s="5">
        <v>38</v>
      </c>
    </row>
    <row r="76" spans="1:4" ht="18" customHeight="1" x14ac:dyDescent="0.15">
      <c r="A76" s="8">
        <v>59</v>
      </c>
      <c r="B76" s="21">
        <v>11</v>
      </c>
      <c r="C76" s="6">
        <v>15</v>
      </c>
      <c r="D76" s="5">
        <v>26</v>
      </c>
    </row>
    <row r="77" spans="1:4" ht="18" customHeight="1" x14ac:dyDescent="0.15">
      <c r="A77" s="8" t="s">
        <v>13</v>
      </c>
      <c r="B77" s="21">
        <v>95</v>
      </c>
      <c r="C77" s="6">
        <v>92</v>
      </c>
      <c r="D77" s="5">
        <v>187</v>
      </c>
    </row>
    <row r="78" spans="1:4" ht="18" customHeight="1" x14ac:dyDescent="0.15">
      <c r="A78" s="8">
        <v>60</v>
      </c>
      <c r="B78" s="21">
        <v>25</v>
      </c>
      <c r="C78" s="6">
        <v>24</v>
      </c>
      <c r="D78" s="5">
        <v>49</v>
      </c>
    </row>
    <row r="79" spans="1:4" ht="18" customHeight="1" x14ac:dyDescent="0.15">
      <c r="A79" s="8">
        <v>61</v>
      </c>
      <c r="B79" s="21">
        <v>14</v>
      </c>
      <c r="C79" s="6">
        <v>26</v>
      </c>
      <c r="D79" s="5">
        <v>40</v>
      </c>
    </row>
    <row r="80" spans="1:4" ht="18" customHeight="1" x14ac:dyDescent="0.15">
      <c r="A80" s="8">
        <v>62</v>
      </c>
      <c r="B80" s="21">
        <v>24</v>
      </c>
      <c r="C80" s="6">
        <v>26</v>
      </c>
      <c r="D80" s="5">
        <v>50</v>
      </c>
    </row>
    <row r="81" spans="1:4" ht="18" customHeight="1" x14ac:dyDescent="0.15">
      <c r="A81" s="8">
        <v>63</v>
      </c>
      <c r="B81" s="21">
        <v>14</v>
      </c>
      <c r="C81" s="6">
        <v>14</v>
      </c>
      <c r="D81" s="5">
        <v>28</v>
      </c>
    </row>
    <row r="82" spans="1:4" ht="18" customHeight="1" x14ac:dyDescent="0.15">
      <c r="A82" s="8">
        <v>64</v>
      </c>
      <c r="B82" s="21">
        <v>24</v>
      </c>
      <c r="C82" s="6">
        <v>20</v>
      </c>
      <c r="D82" s="5">
        <v>44</v>
      </c>
    </row>
    <row r="83" spans="1:4" ht="18" customHeight="1" x14ac:dyDescent="0.15">
      <c r="A83" s="8" t="s">
        <v>12</v>
      </c>
      <c r="B83" s="21">
        <v>101</v>
      </c>
      <c r="C83" s="6">
        <v>110</v>
      </c>
      <c r="D83" s="5">
        <v>211</v>
      </c>
    </row>
    <row r="84" spans="1:4" ht="18" customHeight="1" x14ac:dyDescent="0.15">
      <c r="A84" s="8" t="s">
        <v>11</v>
      </c>
      <c r="B84" s="21">
        <v>851</v>
      </c>
      <c r="C84" s="6">
        <v>803</v>
      </c>
      <c r="D84" s="5">
        <v>1654</v>
      </c>
    </row>
    <row r="85" spans="1:4" ht="18" customHeight="1" x14ac:dyDescent="0.15">
      <c r="A85" s="8">
        <v>65</v>
      </c>
      <c r="B85" s="21">
        <v>19</v>
      </c>
      <c r="C85" s="6">
        <v>18</v>
      </c>
      <c r="D85" s="5">
        <v>37</v>
      </c>
    </row>
    <row r="86" spans="1:4" ht="18" customHeight="1" x14ac:dyDescent="0.15">
      <c r="A86" s="8">
        <v>66</v>
      </c>
      <c r="B86" s="21">
        <v>12</v>
      </c>
      <c r="C86" s="6">
        <v>20</v>
      </c>
      <c r="D86" s="5">
        <v>32</v>
      </c>
    </row>
    <row r="87" spans="1:4" ht="18" customHeight="1" x14ac:dyDescent="0.15">
      <c r="A87" s="8">
        <v>67</v>
      </c>
      <c r="B87" s="21">
        <v>15</v>
      </c>
      <c r="C87" s="6">
        <v>11</v>
      </c>
      <c r="D87" s="5">
        <v>26</v>
      </c>
    </row>
    <row r="88" spans="1:4" ht="18" customHeight="1" x14ac:dyDescent="0.15">
      <c r="A88" s="8">
        <v>68</v>
      </c>
      <c r="B88" s="21">
        <v>15</v>
      </c>
      <c r="C88" s="6">
        <v>18</v>
      </c>
      <c r="D88" s="5">
        <v>33</v>
      </c>
    </row>
    <row r="89" spans="1:4" ht="18" customHeight="1" x14ac:dyDescent="0.15">
      <c r="A89" s="8">
        <v>69</v>
      </c>
      <c r="B89" s="21">
        <v>14</v>
      </c>
      <c r="C89" s="6">
        <v>17</v>
      </c>
      <c r="D89" s="5">
        <v>31</v>
      </c>
    </row>
    <row r="90" spans="1:4" ht="18" customHeight="1" x14ac:dyDescent="0.15">
      <c r="A90" s="8" t="s">
        <v>10</v>
      </c>
      <c r="B90" s="21">
        <v>75</v>
      </c>
      <c r="C90" s="6">
        <v>84</v>
      </c>
      <c r="D90" s="5">
        <v>159</v>
      </c>
    </row>
    <row r="91" spans="1:4" ht="18" customHeight="1" x14ac:dyDescent="0.15">
      <c r="A91" s="8">
        <v>70</v>
      </c>
      <c r="B91" s="21">
        <v>13</v>
      </c>
      <c r="C91" s="6">
        <v>20</v>
      </c>
      <c r="D91" s="5">
        <v>33</v>
      </c>
    </row>
    <row r="92" spans="1:4" ht="18" customHeight="1" x14ac:dyDescent="0.15">
      <c r="A92" s="8">
        <v>71</v>
      </c>
      <c r="B92" s="21">
        <v>14</v>
      </c>
      <c r="C92" s="6">
        <v>18</v>
      </c>
      <c r="D92" s="5">
        <v>32</v>
      </c>
    </row>
    <row r="93" spans="1:4" ht="18" customHeight="1" x14ac:dyDescent="0.15">
      <c r="A93" s="8">
        <v>72</v>
      </c>
      <c r="B93" s="21">
        <v>20</v>
      </c>
      <c r="C93" s="6">
        <v>33</v>
      </c>
      <c r="D93" s="5">
        <v>53</v>
      </c>
    </row>
    <row r="94" spans="1:4" ht="18" customHeight="1" x14ac:dyDescent="0.15">
      <c r="A94" s="8">
        <v>73</v>
      </c>
      <c r="B94" s="21">
        <v>15</v>
      </c>
      <c r="C94" s="6">
        <v>22</v>
      </c>
      <c r="D94" s="5">
        <v>37</v>
      </c>
    </row>
    <row r="95" spans="1:4" ht="18" customHeight="1" x14ac:dyDescent="0.15">
      <c r="A95" s="8">
        <v>74</v>
      </c>
      <c r="B95" s="21">
        <v>16</v>
      </c>
      <c r="C95" s="6">
        <v>23</v>
      </c>
      <c r="D95" s="5">
        <v>39</v>
      </c>
    </row>
    <row r="96" spans="1:4" ht="18" customHeight="1" x14ac:dyDescent="0.15">
      <c r="A96" s="8" t="s">
        <v>9</v>
      </c>
      <c r="B96" s="21">
        <v>78</v>
      </c>
      <c r="C96" s="6">
        <v>116</v>
      </c>
      <c r="D96" s="5">
        <v>194</v>
      </c>
    </row>
    <row r="97" spans="1:4" ht="18" customHeight="1" x14ac:dyDescent="0.15">
      <c r="A97" s="8">
        <v>75</v>
      </c>
      <c r="B97" s="21">
        <v>14</v>
      </c>
      <c r="C97" s="6">
        <v>21</v>
      </c>
      <c r="D97" s="5">
        <v>35</v>
      </c>
    </row>
    <row r="98" spans="1:4" ht="18" customHeight="1" x14ac:dyDescent="0.15">
      <c r="A98" s="8">
        <v>76</v>
      </c>
      <c r="B98" s="21">
        <v>26</v>
      </c>
      <c r="C98" s="6">
        <v>28</v>
      </c>
      <c r="D98" s="5">
        <v>54</v>
      </c>
    </row>
    <row r="99" spans="1:4" ht="18" customHeight="1" x14ac:dyDescent="0.15">
      <c r="A99" s="8">
        <v>77</v>
      </c>
      <c r="B99" s="21">
        <v>16</v>
      </c>
      <c r="C99" s="6">
        <v>34</v>
      </c>
      <c r="D99" s="5">
        <v>50</v>
      </c>
    </row>
    <row r="100" spans="1:4" ht="18" customHeight="1" x14ac:dyDescent="0.15">
      <c r="A100" s="8">
        <v>78</v>
      </c>
      <c r="B100" s="21">
        <v>23</v>
      </c>
      <c r="C100" s="6">
        <v>30</v>
      </c>
      <c r="D100" s="5">
        <v>53</v>
      </c>
    </row>
    <row r="101" spans="1:4" ht="18" customHeight="1" x14ac:dyDescent="0.15">
      <c r="A101" s="8">
        <v>79</v>
      </c>
      <c r="B101" s="21">
        <v>15</v>
      </c>
      <c r="C101" s="6">
        <v>13</v>
      </c>
      <c r="D101" s="5">
        <v>28</v>
      </c>
    </row>
    <row r="102" spans="1:4" ht="18" customHeight="1" x14ac:dyDescent="0.15">
      <c r="A102" s="8" t="s">
        <v>8</v>
      </c>
      <c r="B102" s="21">
        <v>94</v>
      </c>
      <c r="C102" s="6">
        <v>126</v>
      </c>
      <c r="D102" s="5">
        <v>220</v>
      </c>
    </row>
    <row r="103" spans="1:4" ht="18" customHeight="1" x14ac:dyDescent="0.15">
      <c r="A103" s="8">
        <v>80</v>
      </c>
      <c r="B103" s="21">
        <v>12</v>
      </c>
      <c r="C103" s="6">
        <v>11</v>
      </c>
      <c r="D103" s="5">
        <v>23</v>
      </c>
    </row>
    <row r="104" spans="1:4" ht="18" customHeight="1" x14ac:dyDescent="0.15">
      <c r="A104" s="8">
        <v>81</v>
      </c>
      <c r="B104" s="21">
        <v>13</v>
      </c>
      <c r="C104" s="6">
        <v>16</v>
      </c>
      <c r="D104" s="5">
        <v>29</v>
      </c>
    </row>
    <row r="105" spans="1:4" ht="18" customHeight="1" x14ac:dyDescent="0.15">
      <c r="A105" s="8">
        <v>82</v>
      </c>
      <c r="B105" s="21">
        <v>15</v>
      </c>
      <c r="C105" s="6">
        <v>17</v>
      </c>
      <c r="D105" s="5">
        <v>32</v>
      </c>
    </row>
    <row r="106" spans="1:4" ht="18" customHeight="1" x14ac:dyDescent="0.15">
      <c r="A106" s="8">
        <v>83</v>
      </c>
      <c r="B106" s="21">
        <v>13</v>
      </c>
      <c r="C106" s="6">
        <v>13</v>
      </c>
      <c r="D106" s="5">
        <v>26</v>
      </c>
    </row>
    <row r="107" spans="1:4" ht="18" customHeight="1" x14ac:dyDescent="0.15">
      <c r="A107" s="8">
        <v>84</v>
      </c>
      <c r="B107" s="21">
        <v>9</v>
      </c>
      <c r="C107" s="6">
        <v>12</v>
      </c>
      <c r="D107" s="5">
        <v>21</v>
      </c>
    </row>
    <row r="108" spans="1:4" ht="18" customHeight="1" x14ac:dyDescent="0.15">
      <c r="A108" s="8" t="s">
        <v>7</v>
      </c>
      <c r="B108" s="21">
        <v>62</v>
      </c>
      <c r="C108" s="6">
        <v>69</v>
      </c>
      <c r="D108" s="5">
        <v>131</v>
      </c>
    </row>
    <row r="109" spans="1:4" ht="18" customHeight="1" x14ac:dyDescent="0.15">
      <c r="A109" s="8">
        <v>85</v>
      </c>
      <c r="B109" s="21">
        <v>10</v>
      </c>
      <c r="C109" s="6">
        <v>19</v>
      </c>
      <c r="D109" s="5">
        <v>29</v>
      </c>
    </row>
    <row r="110" spans="1:4" ht="18" customHeight="1" x14ac:dyDescent="0.15">
      <c r="A110" s="8">
        <v>86</v>
      </c>
      <c r="B110" s="21">
        <v>4</v>
      </c>
      <c r="C110" s="6">
        <v>8</v>
      </c>
      <c r="D110" s="5">
        <v>12</v>
      </c>
    </row>
    <row r="111" spans="1:4" ht="18" customHeight="1" x14ac:dyDescent="0.15">
      <c r="A111" s="8">
        <v>87</v>
      </c>
      <c r="B111" s="21">
        <v>3</v>
      </c>
      <c r="C111" s="6">
        <v>11</v>
      </c>
      <c r="D111" s="5">
        <v>14</v>
      </c>
    </row>
    <row r="112" spans="1:4" ht="18" customHeight="1" x14ac:dyDescent="0.15">
      <c r="A112" s="8">
        <v>88</v>
      </c>
      <c r="B112" s="21">
        <v>8</v>
      </c>
      <c r="C112" s="6">
        <v>8</v>
      </c>
      <c r="D112" s="5">
        <v>16</v>
      </c>
    </row>
    <row r="113" spans="1:4" ht="18" customHeight="1" x14ac:dyDescent="0.15">
      <c r="A113" s="8">
        <v>89</v>
      </c>
      <c r="B113" s="21">
        <v>5</v>
      </c>
      <c r="C113" s="6">
        <v>14</v>
      </c>
      <c r="D113" s="5">
        <v>19</v>
      </c>
    </row>
    <row r="114" spans="1:4" ht="18" customHeight="1" x14ac:dyDescent="0.15">
      <c r="A114" s="8" t="s">
        <v>6</v>
      </c>
      <c r="B114" s="21">
        <v>30</v>
      </c>
      <c r="C114" s="6">
        <v>60</v>
      </c>
      <c r="D114" s="5">
        <v>90</v>
      </c>
    </row>
    <row r="115" spans="1:4" ht="18" customHeight="1" x14ac:dyDescent="0.15">
      <c r="A115" s="8">
        <v>90</v>
      </c>
      <c r="B115" s="21">
        <v>5</v>
      </c>
      <c r="C115" s="6">
        <v>8</v>
      </c>
      <c r="D115" s="5">
        <v>13</v>
      </c>
    </row>
    <row r="116" spans="1:4" ht="18" customHeight="1" x14ac:dyDescent="0.15">
      <c r="A116" s="8">
        <v>91</v>
      </c>
      <c r="B116" s="21">
        <v>3</v>
      </c>
      <c r="C116" s="6">
        <v>7</v>
      </c>
      <c r="D116" s="5">
        <v>10</v>
      </c>
    </row>
    <row r="117" spans="1:4" ht="18" customHeight="1" x14ac:dyDescent="0.15">
      <c r="A117" s="8">
        <v>92</v>
      </c>
      <c r="B117" s="21">
        <v>6</v>
      </c>
      <c r="C117" s="6">
        <v>8</v>
      </c>
      <c r="D117" s="5">
        <v>14</v>
      </c>
    </row>
    <row r="118" spans="1:4" ht="18" customHeight="1" x14ac:dyDescent="0.15">
      <c r="A118" s="8">
        <v>93</v>
      </c>
      <c r="B118" s="21">
        <v>2</v>
      </c>
      <c r="C118" s="6">
        <v>11</v>
      </c>
      <c r="D118" s="5">
        <v>13</v>
      </c>
    </row>
    <row r="119" spans="1:4" ht="18" customHeight="1" x14ac:dyDescent="0.15">
      <c r="A119" s="8">
        <v>94</v>
      </c>
      <c r="B119" s="21">
        <v>1</v>
      </c>
      <c r="C119" s="6">
        <v>8</v>
      </c>
      <c r="D119" s="5">
        <v>9</v>
      </c>
    </row>
    <row r="120" spans="1:4" ht="18" customHeight="1" x14ac:dyDescent="0.15">
      <c r="A120" s="8" t="s">
        <v>5</v>
      </c>
      <c r="B120" s="21">
        <v>17</v>
      </c>
      <c r="C120" s="6">
        <v>42</v>
      </c>
      <c r="D120" s="5">
        <v>59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0</v>
      </c>
      <c r="C122" s="6">
        <v>5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7</v>
      </c>
      <c r="D126" s="5">
        <v>18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357</v>
      </c>
      <c r="C130" s="6">
        <v>519</v>
      </c>
      <c r="D130" s="5">
        <v>876</v>
      </c>
    </row>
    <row r="131" spans="1:4" ht="18" customHeight="1" x14ac:dyDescent="0.15">
      <c r="A131" s="4" t="s">
        <v>0</v>
      </c>
      <c r="B131" s="20">
        <v>1362</v>
      </c>
      <c r="C131" s="2">
        <v>1482</v>
      </c>
      <c r="D131" s="1">
        <v>28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CDD894-EB9C-4382-A847-27073399FF07}">
  <sheetPr codeName="Sheet5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6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6</v>
      </c>
      <c r="C5" s="11">
        <v>12</v>
      </c>
      <c r="D5" s="10">
        <v>18</v>
      </c>
    </row>
    <row r="6" spans="1:4" ht="18" customHeight="1" x14ac:dyDescent="0.15">
      <c r="A6" s="8">
        <v>1</v>
      </c>
      <c r="B6" s="21">
        <v>10</v>
      </c>
      <c r="C6" s="6">
        <v>9</v>
      </c>
      <c r="D6" s="5">
        <v>19</v>
      </c>
    </row>
    <row r="7" spans="1:4" ht="18" customHeight="1" x14ac:dyDescent="0.15">
      <c r="A7" s="8">
        <v>2</v>
      </c>
      <c r="B7" s="21">
        <v>15</v>
      </c>
      <c r="C7" s="6">
        <v>11</v>
      </c>
      <c r="D7" s="5">
        <v>26</v>
      </c>
    </row>
    <row r="8" spans="1:4" ht="18" customHeight="1" x14ac:dyDescent="0.15">
      <c r="A8" s="8">
        <v>3</v>
      </c>
      <c r="B8" s="21">
        <v>10</v>
      </c>
      <c r="C8" s="6">
        <v>13</v>
      </c>
      <c r="D8" s="5">
        <v>23</v>
      </c>
    </row>
    <row r="9" spans="1:4" ht="18" customHeight="1" x14ac:dyDescent="0.15">
      <c r="A9" s="8">
        <v>4</v>
      </c>
      <c r="B9" s="21">
        <v>11</v>
      </c>
      <c r="C9" s="6">
        <v>16</v>
      </c>
      <c r="D9" s="5">
        <v>27</v>
      </c>
    </row>
    <row r="10" spans="1:4" ht="18" customHeight="1" x14ac:dyDescent="0.15">
      <c r="A10" s="8" t="s">
        <v>25</v>
      </c>
      <c r="B10" s="21">
        <v>52</v>
      </c>
      <c r="C10" s="6">
        <v>61</v>
      </c>
      <c r="D10" s="5">
        <v>113</v>
      </c>
    </row>
    <row r="11" spans="1:4" ht="18" customHeight="1" x14ac:dyDescent="0.15">
      <c r="A11" s="8">
        <v>5</v>
      </c>
      <c r="B11" s="21">
        <v>10</v>
      </c>
      <c r="C11" s="6">
        <v>14</v>
      </c>
      <c r="D11" s="5">
        <v>24</v>
      </c>
    </row>
    <row r="12" spans="1:4" ht="18" customHeight="1" x14ac:dyDescent="0.15">
      <c r="A12" s="8">
        <v>6</v>
      </c>
      <c r="B12" s="21">
        <v>12</v>
      </c>
      <c r="C12" s="6">
        <v>12</v>
      </c>
      <c r="D12" s="5">
        <v>24</v>
      </c>
    </row>
    <row r="13" spans="1:4" ht="18" customHeight="1" x14ac:dyDescent="0.15">
      <c r="A13" s="8">
        <v>7</v>
      </c>
      <c r="B13" s="21">
        <v>13</v>
      </c>
      <c r="C13" s="6">
        <v>14</v>
      </c>
      <c r="D13" s="5">
        <v>27</v>
      </c>
    </row>
    <row r="14" spans="1:4" ht="18" customHeight="1" x14ac:dyDescent="0.15">
      <c r="A14" s="8">
        <v>8</v>
      </c>
      <c r="B14" s="21">
        <v>14</v>
      </c>
      <c r="C14" s="6">
        <v>19</v>
      </c>
      <c r="D14" s="5">
        <v>33</v>
      </c>
    </row>
    <row r="15" spans="1:4" ht="18" customHeight="1" x14ac:dyDescent="0.15">
      <c r="A15" s="8">
        <v>9</v>
      </c>
      <c r="B15" s="21">
        <v>16</v>
      </c>
      <c r="C15" s="6">
        <v>7</v>
      </c>
      <c r="D15" s="5">
        <v>23</v>
      </c>
    </row>
    <row r="16" spans="1:4" ht="18" customHeight="1" x14ac:dyDescent="0.15">
      <c r="A16" s="8" t="s">
        <v>24</v>
      </c>
      <c r="B16" s="21">
        <v>65</v>
      </c>
      <c r="C16" s="6">
        <v>66</v>
      </c>
      <c r="D16" s="5">
        <v>131</v>
      </c>
    </row>
    <row r="17" spans="1:4" ht="18" customHeight="1" x14ac:dyDescent="0.15">
      <c r="A17" s="8">
        <v>10</v>
      </c>
      <c r="B17" s="21">
        <v>9</v>
      </c>
      <c r="C17" s="6">
        <v>11</v>
      </c>
      <c r="D17" s="5">
        <v>20</v>
      </c>
    </row>
    <row r="18" spans="1:4" ht="18" customHeight="1" x14ac:dyDescent="0.15">
      <c r="A18" s="8">
        <v>11</v>
      </c>
      <c r="B18" s="21">
        <v>10</v>
      </c>
      <c r="C18" s="6">
        <v>12</v>
      </c>
      <c r="D18" s="5">
        <v>22</v>
      </c>
    </row>
    <row r="19" spans="1:4" ht="18" customHeight="1" x14ac:dyDescent="0.15">
      <c r="A19" s="8">
        <v>12</v>
      </c>
      <c r="B19" s="21">
        <v>19</v>
      </c>
      <c r="C19" s="6">
        <v>18</v>
      </c>
      <c r="D19" s="5">
        <v>37</v>
      </c>
    </row>
    <row r="20" spans="1:4" ht="18" customHeight="1" x14ac:dyDescent="0.15">
      <c r="A20" s="8">
        <v>13</v>
      </c>
      <c r="B20" s="21">
        <v>19</v>
      </c>
      <c r="C20" s="6">
        <v>14</v>
      </c>
      <c r="D20" s="5">
        <v>33</v>
      </c>
    </row>
    <row r="21" spans="1:4" ht="18" customHeight="1" x14ac:dyDescent="0.15">
      <c r="A21" s="8">
        <v>14</v>
      </c>
      <c r="B21" s="21">
        <v>19</v>
      </c>
      <c r="C21" s="6">
        <v>14</v>
      </c>
      <c r="D21" s="5">
        <v>33</v>
      </c>
    </row>
    <row r="22" spans="1:4" ht="18" customHeight="1" x14ac:dyDescent="0.15">
      <c r="A22" s="8" t="s">
        <v>23</v>
      </c>
      <c r="B22" s="21">
        <v>76</v>
      </c>
      <c r="C22" s="6">
        <v>69</v>
      </c>
      <c r="D22" s="5">
        <v>145</v>
      </c>
    </row>
    <row r="23" spans="1:4" ht="18" customHeight="1" x14ac:dyDescent="0.15">
      <c r="A23" s="8" t="s">
        <v>22</v>
      </c>
      <c r="B23" s="21">
        <v>193</v>
      </c>
      <c r="C23" s="6">
        <v>196</v>
      </c>
      <c r="D23" s="5">
        <v>389</v>
      </c>
    </row>
    <row r="24" spans="1:4" ht="18" customHeight="1" x14ac:dyDescent="0.15">
      <c r="A24" s="8">
        <v>15</v>
      </c>
      <c r="B24" s="21">
        <v>12</v>
      </c>
      <c r="C24" s="6">
        <v>16</v>
      </c>
      <c r="D24" s="5">
        <v>28</v>
      </c>
    </row>
    <row r="25" spans="1:4" ht="18" customHeight="1" x14ac:dyDescent="0.15">
      <c r="A25" s="8">
        <v>16</v>
      </c>
      <c r="B25" s="21">
        <v>13</v>
      </c>
      <c r="C25" s="6">
        <v>12</v>
      </c>
      <c r="D25" s="5">
        <v>25</v>
      </c>
    </row>
    <row r="26" spans="1:4" ht="18" customHeight="1" x14ac:dyDescent="0.15">
      <c r="A26" s="8">
        <v>17</v>
      </c>
      <c r="B26" s="21">
        <v>14</v>
      </c>
      <c r="C26" s="6">
        <v>13</v>
      </c>
      <c r="D26" s="5">
        <v>27</v>
      </c>
    </row>
    <row r="27" spans="1:4" ht="18" customHeight="1" x14ac:dyDescent="0.15">
      <c r="A27" s="8">
        <v>18</v>
      </c>
      <c r="B27" s="21">
        <v>16</v>
      </c>
      <c r="C27" s="6">
        <v>16</v>
      </c>
      <c r="D27" s="5">
        <v>32</v>
      </c>
    </row>
    <row r="28" spans="1:4" ht="18" customHeight="1" x14ac:dyDescent="0.15">
      <c r="A28" s="8">
        <v>19</v>
      </c>
      <c r="B28" s="21">
        <v>8</v>
      </c>
      <c r="C28" s="6">
        <v>17</v>
      </c>
      <c r="D28" s="5">
        <v>25</v>
      </c>
    </row>
    <row r="29" spans="1:4" ht="18" customHeight="1" x14ac:dyDescent="0.15">
      <c r="A29" s="8" t="s">
        <v>21</v>
      </c>
      <c r="B29" s="21">
        <v>63</v>
      </c>
      <c r="C29" s="6">
        <v>74</v>
      </c>
      <c r="D29" s="5">
        <v>137</v>
      </c>
    </row>
    <row r="30" spans="1:4" ht="18" customHeight="1" x14ac:dyDescent="0.15">
      <c r="A30" s="8">
        <v>20</v>
      </c>
      <c r="B30" s="21">
        <v>15</v>
      </c>
      <c r="C30" s="6">
        <v>12</v>
      </c>
      <c r="D30" s="5">
        <v>27</v>
      </c>
    </row>
    <row r="31" spans="1:4" ht="18" customHeight="1" x14ac:dyDescent="0.15">
      <c r="A31" s="8">
        <v>21</v>
      </c>
      <c r="B31" s="21">
        <v>15</v>
      </c>
      <c r="C31" s="6">
        <v>12</v>
      </c>
      <c r="D31" s="5">
        <v>27</v>
      </c>
    </row>
    <row r="32" spans="1:4" ht="18" customHeight="1" x14ac:dyDescent="0.15">
      <c r="A32" s="8">
        <v>22</v>
      </c>
      <c r="B32" s="21">
        <v>18</v>
      </c>
      <c r="C32" s="6">
        <v>23</v>
      </c>
      <c r="D32" s="5">
        <v>41</v>
      </c>
    </row>
    <row r="33" spans="1:4" ht="18" customHeight="1" x14ac:dyDescent="0.15">
      <c r="A33" s="8">
        <v>23</v>
      </c>
      <c r="B33" s="21">
        <v>15</v>
      </c>
      <c r="C33" s="6">
        <v>12</v>
      </c>
      <c r="D33" s="5">
        <v>27</v>
      </c>
    </row>
    <row r="34" spans="1:4" ht="18" customHeight="1" x14ac:dyDescent="0.15">
      <c r="A34" s="8">
        <v>24</v>
      </c>
      <c r="B34" s="21">
        <v>16</v>
      </c>
      <c r="C34" s="6">
        <v>11</v>
      </c>
      <c r="D34" s="5">
        <v>27</v>
      </c>
    </row>
    <row r="35" spans="1:4" ht="18" customHeight="1" x14ac:dyDescent="0.15">
      <c r="A35" s="8" t="s">
        <v>20</v>
      </c>
      <c r="B35" s="21">
        <v>79</v>
      </c>
      <c r="C35" s="6">
        <v>70</v>
      </c>
      <c r="D35" s="5">
        <v>149</v>
      </c>
    </row>
    <row r="36" spans="1:4" ht="18" customHeight="1" x14ac:dyDescent="0.15">
      <c r="A36" s="8">
        <v>25</v>
      </c>
      <c r="B36" s="21">
        <v>24</v>
      </c>
      <c r="C36" s="6">
        <v>13</v>
      </c>
      <c r="D36" s="5">
        <v>37</v>
      </c>
    </row>
    <row r="37" spans="1:4" ht="18" customHeight="1" x14ac:dyDescent="0.15">
      <c r="A37" s="8">
        <v>26</v>
      </c>
      <c r="B37" s="21">
        <v>12</v>
      </c>
      <c r="C37" s="6">
        <v>25</v>
      </c>
      <c r="D37" s="5">
        <v>37</v>
      </c>
    </row>
    <row r="38" spans="1:4" ht="18" customHeight="1" x14ac:dyDescent="0.15">
      <c r="A38" s="8">
        <v>27</v>
      </c>
      <c r="B38" s="21">
        <v>30</v>
      </c>
      <c r="C38" s="6">
        <v>22</v>
      </c>
      <c r="D38" s="5">
        <v>52</v>
      </c>
    </row>
    <row r="39" spans="1:4" ht="18" customHeight="1" x14ac:dyDescent="0.15">
      <c r="A39" s="8">
        <v>28</v>
      </c>
      <c r="B39" s="21">
        <v>19</v>
      </c>
      <c r="C39" s="6">
        <v>21</v>
      </c>
      <c r="D39" s="5">
        <v>40</v>
      </c>
    </row>
    <row r="40" spans="1:4" ht="18" customHeight="1" x14ac:dyDescent="0.15">
      <c r="A40" s="8">
        <v>29</v>
      </c>
      <c r="B40" s="21">
        <v>20</v>
      </c>
      <c r="C40" s="6">
        <v>20</v>
      </c>
      <c r="D40" s="5">
        <v>40</v>
      </c>
    </row>
    <row r="41" spans="1:4" ht="18" customHeight="1" x14ac:dyDescent="0.15">
      <c r="A41" s="8" t="s">
        <v>19</v>
      </c>
      <c r="B41" s="21">
        <v>105</v>
      </c>
      <c r="C41" s="6">
        <v>101</v>
      </c>
      <c r="D41" s="5">
        <v>206</v>
      </c>
    </row>
    <row r="42" spans="1:4" ht="18" customHeight="1" x14ac:dyDescent="0.15">
      <c r="A42" s="8">
        <v>30</v>
      </c>
      <c r="B42" s="21">
        <v>23</v>
      </c>
      <c r="C42" s="6">
        <v>26</v>
      </c>
      <c r="D42" s="5">
        <v>49</v>
      </c>
    </row>
    <row r="43" spans="1:4" ht="18" customHeight="1" x14ac:dyDescent="0.15">
      <c r="A43" s="8">
        <v>31</v>
      </c>
      <c r="B43" s="21">
        <v>24</v>
      </c>
      <c r="C43" s="6">
        <v>23</v>
      </c>
      <c r="D43" s="5">
        <v>47</v>
      </c>
    </row>
    <row r="44" spans="1:4" ht="18" customHeight="1" x14ac:dyDescent="0.15">
      <c r="A44" s="8">
        <v>32</v>
      </c>
      <c r="B44" s="21">
        <v>16</v>
      </c>
      <c r="C44" s="6">
        <v>21</v>
      </c>
      <c r="D44" s="5">
        <v>37</v>
      </c>
    </row>
    <row r="45" spans="1:4" ht="18" customHeight="1" x14ac:dyDescent="0.15">
      <c r="A45" s="8">
        <v>33</v>
      </c>
      <c r="B45" s="21">
        <v>14</v>
      </c>
      <c r="C45" s="6">
        <v>17</v>
      </c>
      <c r="D45" s="5">
        <v>31</v>
      </c>
    </row>
    <row r="46" spans="1:4" ht="18" customHeight="1" x14ac:dyDescent="0.15">
      <c r="A46" s="8">
        <v>34</v>
      </c>
      <c r="B46" s="21">
        <v>22</v>
      </c>
      <c r="C46" s="6">
        <v>8</v>
      </c>
      <c r="D46" s="5">
        <v>30</v>
      </c>
    </row>
    <row r="47" spans="1:4" ht="18" customHeight="1" x14ac:dyDescent="0.15">
      <c r="A47" s="8" t="s">
        <v>18</v>
      </c>
      <c r="B47" s="21">
        <v>99</v>
      </c>
      <c r="C47" s="6">
        <v>95</v>
      </c>
      <c r="D47" s="5">
        <v>194</v>
      </c>
    </row>
    <row r="48" spans="1:4" ht="18" customHeight="1" x14ac:dyDescent="0.15">
      <c r="A48" s="8">
        <v>35</v>
      </c>
      <c r="B48" s="21">
        <v>16</v>
      </c>
      <c r="C48" s="6">
        <v>22</v>
      </c>
      <c r="D48" s="5">
        <v>38</v>
      </c>
    </row>
    <row r="49" spans="1:4" ht="18" customHeight="1" x14ac:dyDescent="0.15">
      <c r="A49" s="8">
        <v>36</v>
      </c>
      <c r="B49" s="21">
        <v>16</v>
      </c>
      <c r="C49" s="6">
        <v>14</v>
      </c>
      <c r="D49" s="5">
        <v>30</v>
      </c>
    </row>
    <row r="50" spans="1:4" ht="18" customHeight="1" x14ac:dyDescent="0.15">
      <c r="A50" s="8">
        <v>37</v>
      </c>
      <c r="B50" s="21">
        <v>24</v>
      </c>
      <c r="C50" s="6">
        <v>19</v>
      </c>
      <c r="D50" s="5">
        <v>43</v>
      </c>
    </row>
    <row r="51" spans="1:4" ht="18" customHeight="1" x14ac:dyDescent="0.15">
      <c r="A51" s="8">
        <v>38</v>
      </c>
      <c r="B51" s="21">
        <v>22</v>
      </c>
      <c r="C51" s="6">
        <v>17</v>
      </c>
      <c r="D51" s="5">
        <v>39</v>
      </c>
    </row>
    <row r="52" spans="1:4" ht="18" customHeight="1" x14ac:dyDescent="0.15">
      <c r="A52" s="8">
        <v>39</v>
      </c>
      <c r="B52" s="21">
        <v>27</v>
      </c>
      <c r="C52" s="6">
        <v>24</v>
      </c>
      <c r="D52" s="5">
        <v>51</v>
      </c>
    </row>
    <row r="53" spans="1:4" ht="18" customHeight="1" x14ac:dyDescent="0.15">
      <c r="A53" s="8" t="s">
        <v>17</v>
      </c>
      <c r="B53" s="21">
        <v>105</v>
      </c>
      <c r="C53" s="6">
        <v>96</v>
      </c>
      <c r="D53" s="5">
        <v>201</v>
      </c>
    </row>
    <row r="54" spans="1:4" ht="18" customHeight="1" x14ac:dyDescent="0.15">
      <c r="A54" s="8">
        <v>40</v>
      </c>
      <c r="B54" s="21">
        <v>22</v>
      </c>
      <c r="C54" s="6">
        <v>16</v>
      </c>
      <c r="D54" s="5">
        <v>38</v>
      </c>
    </row>
    <row r="55" spans="1:4" ht="18" customHeight="1" x14ac:dyDescent="0.15">
      <c r="A55" s="8">
        <v>41</v>
      </c>
      <c r="B55" s="21">
        <v>21</v>
      </c>
      <c r="C55" s="6">
        <v>28</v>
      </c>
      <c r="D55" s="5">
        <v>49</v>
      </c>
    </row>
    <row r="56" spans="1:4" ht="18" customHeight="1" x14ac:dyDescent="0.15">
      <c r="A56" s="8">
        <v>42</v>
      </c>
      <c r="B56" s="21">
        <v>21</v>
      </c>
      <c r="C56" s="6">
        <v>19</v>
      </c>
      <c r="D56" s="5">
        <v>40</v>
      </c>
    </row>
    <row r="57" spans="1:4" ht="18" customHeight="1" x14ac:dyDescent="0.15">
      <c r="A57" s="8">
        <v>43</v>
      </c>
      <c r="B57" s="21">
        <v>13</v>
      </c>
      <c r="C57" s="6">
        <v>23</v>
      </c>
      <c r="D57" s="5">
        <v>36</v>
      </c>
    </row>
    <row r="58" spans="1:4" ht="18" customHeight="1" x14ac:dyDescent="0.15">
      <c r="A58" s="8">
        <v>44</v>
      </c>
      <c r="B58" s="21">
        <v>18</v>
      </c>
      <c r="C58" s="6">
        <v>15</v>
      </c>
      <c r="D58" s="5">
        <v>33</v>
      </c>
    </row>
    <row r="59" spans="1:4" ht="18" customHeight="1" x14ac:dyDescent="0.15">
      <c r="A59" s="8" t="s">
        <v>16</v>
      </c>
      <c r="B59" s="21">
        <v>95</v>
      </c>
      <c r="C59" s="6">
        <v>101</v>
      </c>
      <c r="D59" s="5">
        <v>196</v>
      </c>
    </row>
    <row r="60" spans="1:4" ht="18" customHeight="1" x14ac:dyDescent="0.15">
      <c r="A60" s="8">
        <v>45</v>
      </c>
      <c r="B60" s="21">
        <v>19</v>
      </c>
      <c r="C60" s="6">
        <v>27</v>
      </c>
      <c r="D60" s="5">
        <v>46</v>
      </c>
    </row>
    <row r="61" spans="1:4" ht="18" customHeight="1" x14ac:dyDescent="0.15">
      <c r="A61" s="8">
        <v>46</v>
      </c>
      <c r="B61" s="21">
        <v>25</v>
      </c>
      <c r="C61" s="6">
        <v>27</v>
      </c>
      <c r="D61" s="5">
        <v>52</v>
      </c>
    </row>
    <row r="62" spans="1:4" ht="18" customHeight="1" x14ac:dyDescent="0.15">
      <c r="A62" s="8">
        <v>47</v>
      </c>
      <c r="B62" s="21">
        <v>22</v>
      </c>
      <c r="C62" s="6">
        <v>29</v>
      </c>
      <c r="D62" s="5">
        <v>51</v>
      </c>
    </row>
    <row r="63" spans="1:4" ht="18" customHeight="1" x14ac:dyDescent="0.15">
      <c r="A63" s="8">
        <v>48</v>
      </c>
      <c r="B63" s="21">
        <v>31</v>
      </c>
      <c r="C63" s="6">
        <v>19</v>
      </c>
      <c r="D63" s="5">
        <v>50</v>
      </c>
    </row>
    <row r="64" spans="1:4" ht="18" customHeight="1" x14ac:dyDescent="0.15">
      <c r="A64" s="8">
        <v>49</v>
      </c>
      <c r="B64" s="21">
        <v>34</v>
      </c>
      <c r="C64" s="6">
        <v>23</v>
      </c>
      <c r="D64" s="5">
        <v>57</v>
      </c>
    </row>
    <row r="65" spans="1:4" ht="18" customHeight="1" x14ac:dyDescent="0.15">
      <c r="A65" s="8" t="s">
        <v>15</v>
      </c>
      <c r="B65" s="21">
        <v>131</v>
      </c>
      <c r="C65" s="6">
        <v>125</v>
      </c>
      <c r="D65" s="5">
        <v>256</v>
      </c>
    </row>
    <row r="66" spans="1:4" ht="18" customHeight="1" x14ac:dyDescent="0.15">
      <c r="A66" s="8">
        <v>50</v>
      </c>
      <c r="B66" s="21">
        <v>28</v>
      </c>
      <c r="C66" s="6">
        <v>24</v>
      </c>
      <c r="D66" s="5">
        <v>52</v>
      </c>
    </row>
    <row r="67" spans="1:4" ht="18" customHeight="1" x14ac:dyDescent="0.15">
      <c r="A67" s="8">
        <v>51</v>
      </c>
      <c r="B67" s="21">
        <v>36</v>
      </c>
      <c r="C67" s="6">
        <v>35</v>
      </c>
      <c r="D67" s="5">
        <v>71</v>
      </c>
    </row>
    <row r="68" spans="1:4" ht="18" customHeight="1" x14ac:dyDescent="0.15">
      <c r="A68" s="8">
        <v>52</v>
      </c>
      <c r="B68" s="21">
        <v>41</v>
      </c>
      <c r="C68" s="6">
        <v>25</v>
      </c>
      <c r="D68" s="5">
        <v>66</v>
      </c>
    </row>
    <row r="69" spans="1:4" ht="18" customHeight="1" x14ac:dyDescent="0.15">
      <c r="A69" s="8">
        <v>53</v>
      </c>
      <c r="B69" s="21">
        <v>33</v>
      </c>
      <c r="C69" s="6">
        <v>29</v>
      </c>
      <c r="D69" s="5">
        <v>62</v>
      </c>
    </row>
    <row r="70" spans="1:4" ht="18" customHeight="1" x14ac:dyDescent="0.15">
      <c r="A70" s="8">
        <v>54</v>
      </c>
      <c r="B70" s="21">
        <v>32</v>
      </c>
      <c r="C70" s="6">
        <v>23</v>
      </c>
      <c r="D70" s="5">
        <v>55</v>
      </c>
    </row>
    <row r="71" spans="1:4" ht="18" customHeight="1" x14ac:dyDescent="0.15">
      <c r="A71" s="8" t="s">
        <v>14</v>
      </c>
      <c r="B71" s="21">
        <v>170</v>
      </c>
      <c r="C71" s="6">
        <v>136</v>
      </c>
      <c r="D71" s="5">
        <v>306</v>
      </c>
    </row>
    <row r="72" spans="1:4" ht="18" customHeight="1" x14ac:dyDescent="0.15">
      <c r="A72" s="8">
        <v>55</v>
      </c>
      <c r="B72" s="21">
        <v>24</v>
      </c>
      <c r="C72" s="6">
        <v>22</v>
      </c>
      <c r="D72" s="5">
        <v>46</v>
      </c>
    </row>
    <row r="73" spans="1:4" ht="18" customHeight="1" x14ac:dyDescent="0.15">
      <c r="A73" s="8">
        <v>56</v>
      </c>
      <c r="B73" s="21">
        <v>32</v>
      </c>
      <c r="C73" s="6">
        <v>35</v>
      </c>
      <c r="D73" s="5">
        <v>67</v>
      </c>
    </row>
    <row r="74" spans="1:4" ht="18" customHeight="1" x14ac:dyDescent="0.15">
      <c r="A74" s="8">
        <v>57</v>
      </c>
      <c r="B74" s="21">
        <v>26</v>
      </c>
      <c r="C74" s="6">
        <v>28</v>
      </c>
      <c r="D74" s="5">
        <v>54</v>
      </c>
    </row>
    <row r="75" spans="1:4" ht="18" customHeight="1" x14ac:dyDescent="0.15">
      <c r="A75" s="8">
        <v>58</v>
      </c>
      <c r="B75" s="21">
        <v>32</v>
      </c>
      <c r="C75" s="6">
        <v>31</v>
      </c>
      <c r="D75" s="5">
        <v>63</v>
      </c>
    </row>
    <row r="76" spans="1:4" ht="18" customHeight="1" x14ac:dyDescent="0.15">
      <c r="A76" s="8">
        <v>59</v>
      </c>
      <c r="B76" s="21">
        <v>25</v>
      </c>
      <c r="C76" s="6">
        <v>17</v>
      </c>
      <c r="D76" s="5">
        <v>42</v>
      </c>
    </row>
    <row r="77" spans="1:4" ht="18" customHeight="1" x14ac:dyDescent="0.15">
      <c r="A77" s="8" t="s">
        <v>13</v>
      </c>
      <c r="B77" s="21">
        <v>139</v>
      </c>
      <c r="C77" s="6">
        <v>133</v>
      </c>
      <c r="D77" s="5">
        <v>272</v>
      </c>
    </row>
    <row r="78" spans="1:4" ht="18" customHeight="1" x14ac:dyDescent="0.15">
      <c r="A78" s="8">
        <v>60</v>
      </c>
      <c r="B78" s="21">
        <v>21</v>
      </c>
      <c r="C78" s="6">
        <v>29</v>
      </c>
      <c r="D78" s="5">
        <v>50</v>
      </c>
    </row>
    <row r="79" spans="1:4" ht="18" customHeight="1" x14ac:dyDescent="0.15">
      <c r="A79" s="8">
        <v>61</v>
      </c>
      <c r="B79" s="21">
        <v>36</v>
      </c>
      <c r="C79" s="6">
        <v>29</v>
      </c>
      <c r="D79" s="5">
        <v>65</v>
      </c>
    </row>
    <row r="80" spans="1:4" ht="18" customHeight="1" x14ac:dyDescent="0.15">
      <c r="A80" s="8">
        <v>62</v>
      </c>
      <c r="B80" s="21">
        <v>26</v>
      </c>
      <c r="C80" s="6">
        <v>28</v>
      </c>
      <c r="D80" s="5">
        <v>54</v>
      </c>
    </row>
    <row r="81" spans="1:4" ht="18" customHeight="1" x14ac:dyDescent="0.15">
      <c r="A81" s="8">
        <v>63</v>
      </c>
      <c r="B81" s="21">
        <v>26</v>
      </c>
      <c r="C81" s="6">
        <v>24</v>
      </c>
      <c r="D81" s="5">
        <v>50</v>
      </c>
    </row>
    <row r="82" spans="1:4" ht="18" customHeight="1" x14ac:dyDescent="0.15">
      <c r="A82" s="8">
        <v>64</v>
      </c>
      <c r="B82" s="21">
        <v>27</v>
      </c>
      <c r="C82" s="6">
        <v>22</v>
      </c>
      <c r="D82" s="5">
        <v>49</v>
      </c>
    </row>
    <row r="83" spans="1:4" ht="18" customHeight="1" x14ac:dyDescent="0.15">
      <c r="A83" s="8" t="s">
        <v>12</v>
      </c>
      <c r="B83" s="21">
        <v>136</v>
      </c>
      <c r="C83" s="6">
        <v>132</v>
      </c>
      <c r="D83" s="5">
        <v>268</v>
      </c>
    </row>
    <row r="84" spans="1:4" ht="18" customHeight="1" x14ac:dyDescent="0.15">
      <c r="A84" s="8" t="s">
        <v>11</v>
      </c>
      <c r="B84" s="21">
        <v>1122</v>
      </c>
      <c r="C84" s="6">
        <v>1063</v>
      </c>
      <c r="D84" s="5">
        <v>2185</v>
      </c>
    </row>
    <row r="85" spans="1:4" ht="18" customHeight="1" x14ac:dyDescent="0.15">
      <c r="A85" s="8">
        <v>65</v>
      </c>
      <c r="B85" s="21">
        <v>27</v>
      </c>
      <c r="C85" s="6">
        <v>22</v>
      </c>
      <c r="D85" s="5">
        <v>49</v>
      </c>
    </row>
    <row r="86" spans="1:4" ht="18" customHeight="1" x14ac:dyDescent="0.15">
      <c r="A86" s="8">
        <v>66</v>
      </c>
      <c r="B86" s="21">
        <v>25</v>
      </c>
      <c r="C86" s="6">
        <v>25</v>
      </c>
      <c r="D86" s="5">
        <v>50</v>
      </c>
    </row>
    <row r="87" spans="1:4" ht="18" customHeight="1" x14ac:dyDescent="0.15">
      <c r="A87" s="8">
        <v>67</v>
      </c>
      <c r="B87" s="21">
        <v>15</v>
      </c>
      <c r="C87" s="6">
        <v>28</v>
      </c>
      <c r="D87" s="5">
        <v>43</v>
      </c>
    </row>
    <row r="88" spans="1:4" ht="18" customHeight="1" x14ac:dyDescent="0.15">
      <c r="A88" s="8">
        <v>68</v>
      </c>
      <c r="B88" s="21">
        <v>18</v>
      </c>
      <c r="C88" s="6">
        <v>23</v>
      </c>
      <c r="D88" s="5">
        <v>41</v>
      </c>
    </row>
    <row r="89" spans="1:4" ht="18" customHeight="1" x14ac:dyDescent="0.15">
      <c r="A89" s="8">
        <v>69</v>
      </c>
      <c r="B89" s="21">
        <v>22</v>
      </c>
      <c r="C89" s="6">
        <v>24</v>
      </c>
      <c r="D89" s="5">
        <v>46</v>
      </c>
    </row>
    <row r="90" spans="1:4" ht="18" customHeight="1" x14ac:dyDescent="0.15">
      <c r="A90" s="8" t="s">
        <v>10</v>
      </c>
      <c r="B90" s="21">
        <v>107</v>
      </c>
      <c r="C90" s="6">
        <v>122</v>
      </c>
      <c r="D90" s="5">
        <v>229</v>
      </c>
    </row>
    <row r="91" spans="1:4" ht="18" customHeight="1" x14ac:dyDescent="0.15">
      <c r="A91" s="8">
        <v>70</v>
      </c>
      <c r="B91" s="21">
        <v>25</v>
      </c>
      <c r="C91" s="6">
        <v>16</v>
      </c>
      <c r="D91" s="5">
        <v>41</v>
      </c>
    </row>
    <row r="92" spans="1:4" ht="18" customHeight="1" x14ac:dyDescent="0.15">
      <c r="A92" s="8">
        <v>71</v>
      </c>
      <c r="B92" s="21">
        <v>24</v>
      </c>
      <c r="C92" s="6">
        <v>27</v>
      </c>
      <c r="D92" s="5">
        <v>51</v>
      </c>
    </row>
    <row r="93" spans="1:4" ht="18" customHeight="1" x14ac:dyDescent="0.15">
      <c r="A93" s="8">
        <v>72</v>
      </c>
      <c r="B93" s="21">
        <v>28</v>
      </c>
      <c r="C93" s="6">
        <v>29</v>
      </c>
      <c r="D93" s="5">
        <v>57</v>
      </c>
    </row>
    <row r="94" spans="1:4" ht="18" customHeight="1" x14ac:dyDescent="0.15">
      <c r="A94" s="8">
        <v>73</v>
      </c>
      <c r="B94" s="21">
        <v>32</v>
      </c>
      <c r="C94" s="6">
        <v>37</v>
      </c>
      <c r="D94" s="5">
        <v>69</v>
      </c>
    </row>
    <row r="95" spans="1:4" ht="18" customHeight="1" x14ac:dyDescent="0.15">
      <c r="A95" s="8">
        <v>74</v>
      </c>
      <c r="B95" s="21">
        <v>28</v>
      </c>
      <c r="C95" s="6">
        <v>35</v>
      </c>
      <c r="D95" s="5">
        <v>63</v>
      </c>
    </row>
    <row r="96" spans="1:4" ht="18" customHeight="1" x14ac:dyDescent="0.15">
      <c r="A96" s="8" t="s">
        <v>9</v>
      </c>
      <c r="B96" s="21">
        <v>137</v>
      </c>
      <c r="C96" s="6">
        <v>144</v>
      </c>
      <c r="D96" s="5">
        <v>281</v>
      </c>
    </row>
    <row r="97" spans="1:4" ht="18" customHeight="1" x14ac:dyDescent="0.15">
      <c r="A97" s="8">
        <v>75</v>
      </c>
      <c r="B97" s="21">
        <v>28</v>
      </c>
      <c r="C97" s="6">
        <v>30</v>
      </c>
      <c r="D97" s="5">
        <v>58</v>
      </c>
    </row>
    <row r="98" spans="1:4" ht="18" customHeight="1" x14ac:dyDescent="0.15">
      <c r="A98" s="8">
        <v>76</v>
      </c>
      <c r="B98" s="21">
        <v>38</v>
      </c>
      <c r="C98" s="6">
        <v>40</v>
      </c>
      <c r="D98" s="5">
        <v>78</v>
      </c>
    </row>
    <row r="99" spans="1:4" ht="18" customHeight="1" x14ac:dyDescent="0.15">
      <c r="A99" s="8">
        <v>77</v>
      </c>
      <c r="B99" s="21">
        <v>39</v>
      </c>
      <c r="C99" s="6">
        <v>44</v>
      </c>
      <c r="D99" s="5">
        <v>83</v>
      </c>
    </row>
    <row r="100" spans="1:4" ht="18" customHeight="1" x14ac:dyDescent="0.15">
      <c r="A100" s="8">
        <v>78</v>
      </c>
      <c r="B100" s="21">
        <v>25</v>
      </c>
      <c r="C100" s="6">
        <v>49</v>
      </c>
      <c r="D100" s="5">
        <v>74</v>
      </c>
    </row>
    <row r="101" spans="1:4" ht="18" customHeight="1" x14ac:dyDescent="0.15">
      <c r="A101" s="8">
        <v>79</v>
      </c>
      <c r="B101" s="21">
        <v>16</v>
      </c>
      <c r="C101" s="6">
        <v>20</v>
      </c>
      <c r="D101" s="5">
        <v>36</v>
      </c>
    </row>
    <row r="102" spans="1:4" ht="18" customHeight="1" x14ac:dyDescent="0.15">
      <c r="A102" s="8" t="s">
        <v>8</v>
      </c>
      <c r="B102" s="21">
        <v>146</v>
      </c>
      <c r="C102" s="6">
        <v>183</v>
      </c>
      <c r="D102" s="5">
        <v>329</v>
      </c>
    </row>
    <row r="103" spans="1:4" ht="18" customHeight="1" x14ac:dyDescent="0.15">
      <c r="A103" s="8">
        <v>80</v>
      </c>
      <c r="B103" s="21">
        <v>17</v>
      </c>
      <c r="C103" s="6">
        <v>26</v>
      </c>
      <c r="D103" s="5">
        <v>43</v>
      </c>
    </row>
    <row r="104" spans="1:4" ht="18" customHeight="1" x14ac:dyDescent="0.15">
      <c r="A104" s="8">
        <v>81</v>
      </c>
      <c r="B104" s="21">
        <v>11</v>
      </c>
      <c r="C104" s="6">
        <v>34</v>
      </c>
      <c r="D104" s="5">
        <v>45</v>
      </c>
    </row>
    <row r="105" spans="1:4" ht="18" customHeight="1" x14ac:dyDescent="0.15">
      <c r="A105" s="8">
        <v>82</v>
      </c>
      <c r="B105" s="21">
        <v>17</v>
      </c>
      <c r="C105" s="6">
        <v>27</v>
      </c>
      <c r="D105" s="5">
        <v>44</v>
      </c>
    </row>
    <row r="106" spans="1:4" ht="18" customHeight="1" x14ac:dyDescent="0.15">
      <c r="A106" s="8">
        <v>83</v>
      </c>
      <c r="B106" s="21">
        <v>23</v>
      </c>
      <c r="C106" s="6">
        <v>26</v>
      </c>
      <c r="D106" s="5">
        <v>49</v>
      </c>
    </row>
    <row r="107" spans="1:4" ht="18" customHeight="1" x14ac:dyDescent="0.15">
      <c r="A107" s="8">
        <v>84</v>
      </c>
      <c r="B107" s="21">
        <v>29</v>
      </c>
      <c r="C107" s="6">
        <v>27</v>
      </c>
      <c r="D107" s="5">
        <v>56</v>
      </c>
    </row>
    <row r="108" spans="1:4" ht="18" customHeight="1" x14ac:dyDescent="0.15">
      <c r="A108" s="8" t="s">
        <v>7</v>
      </c>
      <c r="B108" s="21">
        <v>97</v>
      </c>
      <c r="C108" s="6">
        <v>140</v>
      </c>
      <c r="D108" s="5">
        <v>237</v>
      </c>
    </row>
    <row r="109" spans="1:4" ht="18" customHeight="1" x14ac:dyDescent="0.15">
      <c r="A109" s="8">
        <v>85</v>
      </c>
      <c r="B109" s="21">
        <v>9</v>
      </c>
      <c r="C109" s="6">
        <v>16</v>
      </c>
      <c r="D109" s="5">
        <v>25</v>
      </c>
    </row>
    <row r="110" spans="1:4" ht="18" customHeight="1" x14ac:dyDescent="0.15">
      <c r="A110" s="8">
        <v>86</v>
      </c>
      <c r="B110" s="21">
        <v>6</v>
      </c>
      <c r="C110" s="6">
        <v>19</v>
      </c>
      <c r="D110" s="5">
        <v>25</v>
      </c>
    </row>
    <row r="111" spans="1:4" ht="18" customHeight="1" x14ac:dyDescent="0.15">
      <c r="A111" s="8">
        <v>87</v>
      </c>
      <c r="B111" s="21">
        <v>9</v>
      </c>
      <c r="C111" s="6">
        <v>17</v>
      </c>
      <c r="D111" s="5">
        <v>26</v>
      </c>
    </row>
    <row r="112" spans="1:4" ht="18" customHeight="1" x14ac:dyDescent="0.15">
      <c r="A112" s="8">
        <v>88</v>
      </c>
      <c r="B112" s="21">
        <v>14</v>
      </c>
      <c r="C112" s="6">
        <v>13</v>
      </c>
      <c r="D112" s="5">
        <v>27</v>
      </c>
    </row>
    <row r="113" spans="1:4" ht="18" customHeight="1" x14ac:dyDescent="0.15">
      <c r="A113" s="8">
        <v>89</v>
      </c>
      <c r="B113" s="21">
        <v>9</v>
      </c>
      <c r="C113" s="6">
        <v>13</v>
      </c>
      <c r="D113" s="5">
        <v>22</v>
      </c>
    </row>
    <row r="114" spans="1:4" ht="18" customHeight="1" x14ac:dyDescent="0.15">
      <c r="A114" s="8" t="s">
        <v>6</v>
      </c>
      <c r="B114" s="21">
        <v>47</v>
      </c>
      <c r="C114" s="6">
        <v>78</v>
      </c>
      <c r="D114" s="5">
        <v>125</v>
      </c>
    </row>
    <row r="115" spans="1:4" ht="18" customHeight="1" x14ac:dyDescent="0.15">
      <c r="A115" s="8">
        <v>90</v>
      </c>
      <c r="B115" s="21">
        <v>4</v>
      </c>
      <c r="C115" s="6">
        <v>5</v>
      </c>
      <c r="D115" s="5">
        <v>9</v>
      </c>
    </row>
    <row r="116" spans="1:4" ht="18" customHeight="1" x14ac:dyDescent="0.15">
      <c r="A116" s="8">
        <v>91</v>
      </c>
      <c r="B116" s="21">
        <v>6</v>
      </c>
      <c r="C116" s="6">
        <v>7</v>
      </c>
      <c r="D116" s="5">
        <v>13</v>
      </c>
    </row>
    <row r="117" spans="1:4" ht="18" customHeight="1" x14ac:dyDescent="0.15">
      <c r="A117" s="8">
        <v>92</v>
      </c>
      <c r="B117" s="21">
        <v>4</v>
      </c>
      <c r="C117" s="6">
        <v>13</v>
      </c>
      <c r="D117" s="5">
        <v>17</v>
      </c>
    </row>
    <row r="118" spans="1:4" ht="18" customHeight="1" x14ac:dyDescent="0.15">
      <c r="A118" s="8">
        <v>93</v>
      </c>
      <c r="B118" s="21">
        <v>2</v>
      </c>
      <c r="C118" s="6">
        <v>10</v>
      </c>
      <c r="D118" s="5">
        <v>12</v>
      </c>
    </row>
    <row r="119" spans="1:4" ht="18" customHeight="1" x14ac:dyDescent="0.15">
      <c r="A119" s="8">
        <v>94</v>
      </c>
      <c r="B119" s="21">
        <v>2</v>
      </c>
      <c r="C119" s="6">
        <v>7</v>
      </c>
      <c r="D119" s="5">
        <v>9</v>
      </c>
    </row>
    <row r="120" spans="1:4" ht="18" customHeight="1" x14ac:dyDescent="0.15">
      <c r="A120" s="8" t="s">
        <v>5</v>
      </c>
      <c r="B120" s="21">
        <v>18</v>
      </c>
      <c r="C120" s="6">
        <v>42</v>
      </c>
      <c r="D120" s="5">
        <v>60</v>
      </c>
    </row>
    <row r="121" spans="1:4" ht="18" customHeight="1" x14ac:dyDescent="0.15">
      <c r="A121" s="8">
        <v>95</v>
      </c>
      <c r="B121" s="21">
        <v>0</v>
      </c>
      <c r="C121" s="6">
        <v>3</v>
      </c>
      <c r="D121" s="5">
        <v>3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7</v>
      </c>
      <c r="D123" s="5">
        <v>8</v>
      </c>
    </row>
    <row r="124" spans="1:4" ht="18" customHeight="1" x14ac:dyDescent="0.15">
      <c r="A124" s="8">
        <v>98</v>
      </c>
      <c r="B124" s="21">
        <v>1</v>
      </c>
      <c r="C124" s="6">
        <v>1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4</v>
      </c>
      <c r="C126" s="6">
        <v>16</v>
      </c>
      <c r="D126" s="5">
        <v>20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556</v>
      </c>
      <c r="C130" s="6">
        <v>729</v>
      </c>
      <c r="D130" s="5">
        <v>1285</v>
      </c>
    </row>
    <row r="131" spans="1:4" ht="18" customHeight="1" x14ac:dyDescent="0.15">
      <c r="A131" s="4" t="s">
        <v>0</v>
      </c>
      <c r="B131" s="20">
        <v>1871</v>
      </c>
      <c r="C131" s="2">
        <v>1988</v>
      </c>
      <c r="D131" s="1">
        <v>38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5C30DF-F61C-4558-A202-33C63E1C876C}">
  <sheetPr codeName="Sheet5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6</v>
      </c>
      <c r="C5" s="11">
        <v>5</v>
      </c>
      <c r="D5" s="10">
        <v>11</v>
      </c>
    </row>
    <row r="6" spans="1:4" ht="18" customHeight="1" x14ac:dyDescent="0.15">
      <c r="A6" s="8">
        <v>1</v>
      </c>
      <c r="B6" s="21">
        <v>4</v>
      </c>
      <c r="C6" s="6">
        <v>1</v>
      </c>
      <c r="D6" s="5">
        <v>5</v>
      </c>
    </row>
    <row r="7" spans="1:4" ht="18" customHeight="1" x14ac:dyDescent="0.15">
      <c r="A7" s="8">
        <v>2</v>
      </c>
      <c r="B7" s="21">
        <v>4</v>
      </c>
      <c r="C7" s="6">
        <v>5</v>
      </c>
      <c r="D7" s="5">
        <v>9</v>
      </c>
    </row>
    <row r="8" spans="1:4" ht="18" customHeight="1" x14ac:dyDescent="0.15">
      <c r="A8" s="8">
        <v>3</v>
      </c>
      <c r="B8" s="21">
        <v>4</v>
      </c>
      <c r="C8" s="6">
        <v>7</v>
      </c>
      <c r="D8" s="5">
        <v>11</v>
      </c>
    </row>
    <row r="9" spans="1:4" ht="18" customHeight="1" x14ac:dyDescent="0.15">
      <c r="A9" s="8">
        <v>4</v>
      </c>
      <c r="B9" s="21">
        <v>5</v>
      </c>
      <c r="C9" s="6">
        <v>7</v>
      </c>
      <c r="D9" s="5">
        <v>12</v>
      </c>
    </row>
    <row r="10" spans="1:4" ht="18" customHeight="1" x14ac:dyDescent="0.15">
      <c r="A10" s="8" t="s">
        <v>25</v>
      </c>
      <c r="B10" s="21">
        <v>23</v>
      </c>
      <c r="C10" s="6">
        <v>25</v>
      </c>
      <c r="D10" s="5">
        <v>48</v>
      </c>
    </row>
    <row r="11" spans="1:4" ht="18" customHeight="1" x14ac:dyDescent="0.15">
      <c r="A11" s="8">
        <v>5</v>
      </c>
      <c r="B11" s="21">
        <v>5</v>
      </c>
      <c r="C11" s="6">
        <v>4</v>
      </c>
      <c r="D11" s="5">
        <v>9</v>
      </c>
    </row>
    <row r="12" spans="1:4" ht="18" customHeight="1" x14ac:dyDescent="0.15">
      <c r="A12" s="8">
        <v>6</v>
      </c>
      <c r="B12" s="21">
        <v>6</v>
      </c>
      <c r="C12" s="6">
        <v>6</v>
      </c>
      <c r="D12" s="5">
        <v>12</v>
      </c>
    </row>
    <row r="13" spans="1:4" ht="18" customHeight="1" x14ac:dyDescent="0.15">
      <c r="A13" s="8">
        <v>7</v>
      </c>
      <c r="B13" s="21">
        <v>7</v>
      </c>
      <c r="C13" s="6">
        <v>6</v>
      </c>
      <c r="D13" s="5">
        <v>13</v>
      </c>
    </row>
    <row r="14" spans="1:4" ht="18" customHeight="1" x14ac:dyDescent="0.15">
      <c r="A14" s="8">
        <v>8</v>
      </c>
      <c r="B14" s="21">
        <v>8</v>
      </c>
      <c r="C14" s="6">
        <v>1</v>
      </c>
      <c r="D14" s="5">
        <v>9</v>
      </c>
    </row>
    <row r="15" spans="1:4" ht="18" customHeight="1" x14ac:dyDescent="0.15">
      <c r="A15" s="8">
        <v>9</v>
      </c>
      <c r="B15" s="21">
        <v>3</v>
      </c>
      <c r="C15" s="6">
        <v>8</v>
      </c>
      <c r="D15" s="5">
        <v>11</v>
      </c>
    </row>
    <row r="16" spans="1:4" ht="18" customHeight="1" x14ac:dyDescent="0.15">
      <c r="A16" s="8" t="s">
        <v>24</v>
      </c>
      <c r="B16" s="21">
        <v>29</v>
      </c>
      <c r="C16" s="6">
        <v>25</v>
      </c>
      <c r="D16" s="5">
        <v>54</v>
      </c>
    </row>
    <row r="17" spans="1:4" ht="18" customHeight="1" x14ac:dyDescent="0.15">
      <c r="A17" s="8">
        <v>10</v>
      </c>
      <c r="B17" s="21">
        <v>3</v>
      </c>
      <c r="C17" s="6">
        <v>5</v>
      </c>
      <c r="D17" s="5">
        <v>8</v>
      </c>
    </row>
    <row r="18" spans="1:4" ht="18" customHeight="1" x14ac:dyDescent="0.15">
      <c r="A18" s="8">
        <v>11</v>
      </c>
      <c r="B18" s="21">
        <v>11</v>
      </c>
      <c r="C18" s="6">
        <v>4</v>
      </c>
      <c r="D18" s="5">
        <v>15</v>
      </c>
    </row>
    <row r="19" spans="1:4" ht="18" customHeight="1" x14ac:dyDescent="0.15">
      <c r="A19" s="8">
        <v>12</v>
      </c>
      <c r="B19" s="21">
        <v>8</v>
      </c>
      <c r="C19" s="6">
        <v>9</v>
      </c>
      <c r="D19" s="5">
        <v>17</v>
      </c>
    </row>
    <row r="20" spans="1:4" ht="18" customHeight="1" x14ac:dyDescent="0.15">
      <c r="A20" s="8">
        <v>13</v>
      </c>
      <c r="B20" s="21">
        <v>6</v>
      </c>
      <c r="C20" s="6">
        <v>6</v>
      </c>
      <c r="D20" s="5">
        <v>12</v>
      </c>
    </row>
    <row r="21" spans="1:4" ht="18" customHeight="1" x14ac:dyDescent="0.15">
      <c r="A21" s="8">
        <v>14</v>
      </c>
      <c r="B21" s="21">
        <v>6</v>
      </c>
      <c r="C21" s="6">
        <v>7</v>
      </c>
      <c r="D21" s="5">
        <v>13</v>
      </c>
    </row>
    <row r="22" spans="1:4" ht="18" customHeight="1" x14ac:dyDescent="0.15">
      <c r="A22" s="8" t="s">
        <v>23</v>
      </c>
      <c r="B22" s="21">
        <v>34</v>
      </c>
      <c r="C22" s="6">
        <v>31</v>
      </c>
      <c r="D22" s="5">
        <v>65</v>
      </c>
    </row>
    <row r="23" spans="1:4" ht="18" customHeight="1" x14ac:dyDescent="0.15">
      <c r="A23" s="8" t="s">
        <v>22</v>
      </c>
      <c r="B23" s="21">
        <v>86</v>
      </c>
      <c r="C23" s="6">
        <v>81</v>
      </c>
      <c r="D23" s="5">
        <v>167</v>
      </c>
    </row>
    <row r="24" spans="1:4" ht="18" customHeight="1" x14ac:dyDescent="0.15">
      <c r="A24" s="8">
        <v>15</v>
      </c>
      <c r="B24" s="21">
        <v>8</v>
      </c>
      <c r="C24" s="6">
        <v>5</v>
      </c>
      <c r="D24" s="5">
        <v>13</v>
      </c>
    </row>
    <row r="25" spans="1:4" ht="18" customHeight="1" x14ac:dyDescent="0.15">
      <c r="A25" s="8">
        <v>16</v>
      </c>
      <c r="B25" s="21">
        <v>6</v>
      </c>
      <c r="C25" s="6">
        <v>11</v>
      </c>
      <c r="D25" s="5">
        <v>17</v>
      </c>
    </row>
    <row r="26" spans="1:4" ht="18" customHeight="1" x14ac:dyDescent="0.15">
      <c r="A26" s="8">
        <v>17</v>
      </c>
      <c r="B26" s="21">
        <v>8</v>
      </c>
      <c r="C26" s="6">
        <v>5</v>
      </c>
      <c r="D26" s="5">
        <v>13</v>
      </c>
    </row>
    <row r="27" spans="1:4" ht="18" customHeight="1" x14ac:dyDescent="0.15">
      <c r="A27" s="8">
        <v>18</v>
      </c>
      <c r="B27" s="21">
        <v>7</v>
      </c>
      <c r="C27" s="6">
        <v>8</v>
      </c>
      <c r="D27" s="5">
        <v>15</v>
      </c>
    </row>
    <row r="28" spans="1:4" ht="18" customHeight="1" x14ac:dyDescent="0.15">
      <c r="A28" s="8">
        <v>19</v>
      </c>
      <c r="B28" s="21">
        <v>6</v>
      </c>
      <c r="C28" s="6">
        <v>7</v>
      </c>
      <c r="D28" s="5">
        <v>13</v>
      </c>
    </row>
    <row r="29" spans="1:4" ht="18" customHeight="1" x14ac:dyDescent="0.15">
      <c r="A29" s="8" t="s">
        <v>21</v>
      </c>
      <c r="B29" s="21">
        <v>35</v>
      </c>
      <c r="C29" s="6">
        <v>36</v>
      </c>
      <c r="D29" s="5">
        <v>71</v>
      </c>
    </row>
    <row r="30" spans="1:4" ht="18" customHeight="1" x14ac:dyDescent="0.15">
      <c r="A30" s="8">
        <v>20</v>
      </c>
      <c r="B30" s="21">
        <v>8</v>
      </c>
      <c r="C30" s="6">
        <v>4</v>
      </c>
      <c r="D30" s="5">
        <v>12</v>
      </c>
    </row>
    <row r="31" spans="1:4" ht="18" customHeight="1" x14ac:dyDescent="0.15">
      <c r="A31" s="8">
        <v>21</v>
      </c>
      <c r="B31" s="21">
        <v>11</v>
      </c>
      <c r="C31" s="6">
        <v>7</v>
      </c>
      <c r="D31" s="5">
        <v>18</v>
      </c>
    </row>
    <row r="32" spans="1:4" ht="18" customHeight="1" x14ac:dyDescent="0.15">
      <c r="A32" s="8">
        <v>22</v>
      </c>
      <c r="B32" s="21">
        <v>10</v>
      </c>
      <c r="C32" s="6">
        <v>8</v>
      </c>
      <c r="D32" s="5">
        <v>18</v>
      </c>
    </row>
    <row r="33" spans="1:4" ht="18" customHeight="1" x14ac:dyDescent="0.15">
      <c r="A33" s="8">
        <v>23</v>
      </c>
      <c r="B33" s="21">
        <v>9</v>
      </c>
      <c r="C33" s="6">
        <v>5</v>
      </c>
      <c r="D33" s="5">
        <v>14</v>
      </c>
    </row>
    <row r="34" spans="1:4" ht="18" customHeight="1" x14ac:dyDescent="0.15">
      <c r="A34" s="8">
        <v>24</v>
      </c>
      <c r="B34" s="21">
        <v>5</v>
      </c>
      <c r="C34" s="6">
        <v>6</v>
      </c>
      <c r="D34" s="5">
        <v>11</v>
      </c>
    </row>
    <row r="35" spans="1:4" ht="18" customHeight="1" x14ac:dyDescent="0.15">
      <c r="A35" s="8" t="s">
        <v>20</v>
      </c>
      <c r="B35" s="21">
        <v>43</v>
      </c>
      <c r="C35" s="6">
        <v>30</v>
      </c>
      <c r="D35" s="5">
        <v>73</v>
      </c>
    </row>
    <row r="36" spans="1:4" ht="18" customHeight="1" x14ac:dyDescent="0.15">
      <c r="A36" s="8">
        <v>25</v>
      </c>
      <c r="B36" s="21">
        <v>5</v>
      </c>
      <c r="C36" s="6">
        <v>4</v>
      </c>
      <c r="D36" s="5">
        <v>9</v>
      </c>
    </row>
    <row r="37" spans="1:4" ht="18" customHeight="1" x14ac:dyDescent="0.15">
      <c r="A37" s="8">
        <v>26</v>
      </c>
      <c r="B37" s="21">
        <v>12</v>
      </c>
      <c r="C37" s="6">
        <v>7</v>
      </c>
      <c r="D37" s="5">
        <v>19</v>
      </c>
    </row>
    <row r="38" spans="1:4" ht="18" customHeight="1" x14ac:dyDescent="0.15">
      <c r="A38" s="8">
        <v>27</v>
      </c>
      <c r="B38" s="21">
        <v>11</v>
      </c>
      <c r="C38" s="6">
        <v>8</v>
      </c>
      <c r="D38" s="5">
        <v>19</v>
      </c>
    </row>
    <row r="39" spans="1:4" ht="18" customHeight="1" x14ac:dyDescent="0.15">
      <c r="A39" s="8">
        <v>28</v>
      </c>
      <c r="B39" s="21">
        <v>4</v>
      </c>
      <c r="C39" s="6">
        <v>6</v>
      </c>
      <c r="D39" s="5">
        <v>10</v>
      </c>
    </row>
    <row r="40" spans="1:4" ht="18" customHeight="1" x14ac:dyDescent="0.15">
      <c r="A40" s="8">
        <v>29</v>
      </c>
      <c r="B40" s="21">
        <v>12</v>
      </c>
      <c r="C40" s="6">
        <v>3</v>
      </c>
      <c r="D40" s="5">
        <v>15</v>
      </c>
    </row>
    <row r="41" spans="1:4" ht="18" customHeight="1" x14ac:dyDescent="0.15">
      <c r="A41" s="8" t="s">
        <v>19</v>
      </c>
      <c r="B41" s="21">
        <v>44</v>
      </c>
      <c r="C41" s="6">
        <v>28</v>
      </c>
      <c r="D41" s="5">
        <v>72</v>
      </c>
    </row>
    <row r="42" spans="1:4" ht="18" customHeight="1" x14ac:dyDescent="0.15">
      <c r="A42" s="8">
        <v>30</v>
      </c>
      <c r="B42" s="21">
        <v>8</v>
      </c>
      <c r="C42" s="6">
        <v>7</v>
      </c>
      <c r="D42" s="5">
        <v>15</v>
      </c>
    </row>
    <row r="43" spans="1:4" ht="18" customHeight="1" x14ac:dyDescent="0.15">
      <c r="A43" s="8">
        <v>31</v>
      </c>
      <c r="B43" s="21">
        <v>9</v>
      </c>
      <c r="C43" s="6">
        <v>7</v>
      </c>
      <c r="D43" s="5">
        <v>16</v>
      </c>
    </row>
    <row r="44" spans="1:4" ht="18" customHeight="1" x14ac:dyDescent="0.15">
      <c r="A44" s="8">
        <v>32</v>
      </c>
      <c r="B44" s="21">
        <v>9</v>
      </c>
      <c r="C44" s="6">
        <v>6</v>
      </c>
      <c r="D44" s="5">
        <v>15</v>
      </c>
    </row>
    <row r="45" spans="1:4" ht="18" customHeight="1" x14ac:dyDescent="0.15">
      <c r="A45" s="8">
        <v>33</v>
      </c>
      <c r="B45" s="21">
        <v>8</v>
      </c>
      <c r="C45" s="6">
        <v>7</v>
      </c>
      <c r="D45" s="5">
        <v>15</v>
      </c>
    </row>
    <row r="46" spans="1:4" ht="18" customHeight="1" x14ac:dyDescent="0.15">
      <c r="A46" s="8">
        <v>34</v>
      </c>
      <c r="B46" s="21">
        <v>6</v>
      </c>
      <c r="C46" s="6">
        <v>1</v>
      </c>
      <c r="D46" s="5">
        <v>7</v>
      </c>
    </row>
    <row r="47" spans="1:4" ht="18" customHeight="1" x14ac:dyDescent="0.15">
      <c r="A47" s="8" t="s">
        <v>18</v>
      </c>
      <c r="B47" s="21">
        <v>40</v>
      </c>
      <c r="C47" s="6">
        <v>28</v>
      </c>
      <c r="D47" s="5">
        <v>68</v>
      </c>
    </row>
    <row r="48" spans="1:4" ht="18" customHeight="1" x14ac:dyDescent="0.15">
      <c r="A48" s="8">
        <v>35</v>
      </c>
      <c r="B48" s="21">
        <v>15</v>
      </c>
      <c r="C48" s="6">
        <v>5</v>
      </c>
      <c r="D48" s="5">
        <v>20</v>
      </c>
    </row>
    <row r="49" spans="1:4" ht="18" customHeight="1" x14ac:dyDescent="0.15">
      <c r="A49" s="8">
        <v>36</v>
      </c>
      <c r="B49" s="21">
        <v>9</v>
      </c>
      <c r="C49" s="6">
        <v>6</v>
      </c>
      <c r="D49" s="5">
        <v>15</v>
      </c>
    </row>
    <row r="50" spans="1:4" ht="18" customHeight="1" x14ac:dyDescent="0.15">
      <c r="A50" s="8">
        <v>37</v>
      </c>
      <c r="B50" s="21">
        <v>10</v>
      </c>
      <c r="C50" s="6">
        <v>4</v>
      </c>
      <c r="D50" s="5">
        <v>14</v>
      </c>
    </row>
    <row r="51" spans="1:4" ht="18" customHeight="1" x14ac:dyDescent="0.15">
      <c r="A51" s="8">
        <v>38</v>
      </c>
      <c r="B51" s="21">
        <v>8</v>
      </c>
      <c r="C51" s="6">
        <v>8</v>
      </c>
      <c r="D51" s="5">
        <v>16</v>
      </c>
    </row>
    <row r="52" spans="1:4" ht="18" customHeight="1" x14ac:dyDescent="0.15">
      <c r="A52" s="8">
        <v>39</v>
      </c>
      <c r="B52" s="21">
        <v>8</v>
      </c>
      <c r="C52" s="6">
        <v>9</v>
      </c>
      <c r="D52" s="5">
        <v>17</v>
      </c>
    </row>
    <row r="53" spans="1:4" ht="18" customHeight="1" x14ac:dyDescent="0.15">
      <c r="A53" s="8" t="s">
        <v>17</v>
      </c>
      <c r="B53" s="21">
        <v>50</v>
      </c>
      <c r="C53" s="6">
        <v>32</v>
      </c>
      <c r="D53" s="5">
        <v>82</v>
      </c>
    </row>
    <row r="54" spans="1:4" ht="18" customHeight="1" x14ac:dyDescent="0.15">
      <c r="A54" s="8">
        <v>40</v>
      </c>
      <c r="B54" s="21">
        <v>10</v>
      </c>
      <c r="C54" s="6">
        <v>1</v>
      </c>
      <c r="D54" s="5">
        <v>11</v>
      </c>
    </row>
    <row r="55" spans="1:4" ht="18" customHeight="1" x14ac:dyDescent="0.15">
      <c r="A55" s="8">
        <v>41</v>
      </c>
      <c r="B55" s="21">
        <v>10</v>
      </c>
      <c r="C55" s="6">
        <v>8</v>
      </c>
      <c r="D55" s="5">
        <v>18</v>
      </c>
    </row>
    <row r="56" spans="1:4" ht="18" customHeight="1" x14ac:dyDescent="0.15">
      <c r="A56" s="8">
        <v>42</v>
      </c>
      <c r="B56" s="21">
        <v>13</v>
      </c>
      <c r="C56" s="6">
        <v>7</v>
      </c>
      <c r="D56" s="5">
        <v>20</v>
      </c>
    </row>
    <row r="57" spans="1:4" ht="18" customHeight="1" x14ac:dyDescent="0.15">
      <c r="A57" s="8">
        <v>43</v>
      </c>
      <c r="B57" s="21">
        <v>9</v>
      </c>
      <c r="C57" s="6">
        <v>6</v>
      </c>
      <c r="D57" s="5">
        <v>15</v>
      </c>
    </row>
    <row r="58" spans="1:4" ht="18" customHeight="1" x14ac:dyDescent="0.15">
      <c r="A58" s="8">
        <v>44</v>
      </c>
      <c r="B58" s="21">
        <v>11</v>
      </c>
      <c r="C58" s="6">
        <v>10</v>
      </c>
      <c r="D58" s="5">
        <v>21</v>
      </c>
    </row>
    <row r="59" spans="1:4" ht="18" customHeight="1" x14ac:dyDescent="0.15">
      <c r="A59" s="8" t="s">
        <v>16</v>
      </c>
      <c r="B59" s="21">
        <v>53</v>
      </c>
      <c r="C59" s="6">
        <v>32</v>
      </c>
      <c r="D59" s="5">
        <v>85</v>
      </c>
    </row>
    <row r="60" spans="1:4" ht="18" customHeight="1" x14ac:dyDescent="0.15">
      <c r="A60" s="8">
        <v>45</v>
      </c>
      <c r="B60" s="21">
        <v>9</v>
      </c>
      <c r="C60" s="6">
        <v>10</v>
      </c>
      <c r="D60" s="5">
        <v>19</v>
      </c>
    </row>
    <row r="61" spans="1:4" ht="18" customHeight="1" x14ac:dyDescent="0.15">
      <c r="A61" s="8">
        <v>46</v>
      </c>
      <c r="B61" s="21">
        <v>7</v>
      </c>
      <c r="C61" s="6">
        <v>7</v>
      </c>
      <c r="D61" s="5">
        <v>14</v>
      </c>
    </row>
    <row r="62" spans="1:4" ht="18" customHeight="1" x14ac:dyDescent="0.15">
      <c r="A62" s="8">
        <v>47</v>
      </c>
      <c r="B62" s="21">
        <v>10</v>
      </c>
      <c r="C62" s="6">
        <v>9</v>
      </c>
      <c r="D62" s="5">
        <v>19</v>
      </c>
    </row>
    <row r="63" spans="1:4" ht="18" customHeight="1" x14ac:dyDescent="0.15">
      <c r="A63" s="8">
        <v>48</v>
      </c>
      <c r="B63" s="21">
        <v>14</v>
      </c>
      <c r="C63" s="6">
        <v>6</v>
      </c>
      <c r="D63" s="5">
        <v>20</v>
      </c>
    </row>
    <row r="64" spans="1:4" ht="18" customHeight="1" x14ac:dyDescent="0.15">
      <c r="A64" s="8">
        <v>49</v>
      </c>
      <c r="B64" s="21">
        <v>11</v>
      </c>
      <c r="C64" s="6">
        <v>17</v>
      </c>
      <c r="D64" s="5">
        <v>28</v>
      </c>
    </row>
    <row r="65" spans="1:4" ht="18" customHeight="1" x14ac:dyDescent="0.15">
      <c r="A65" s="8" t="s">
        <v>15</v>
      </c>
      <c r="B65" s="21">
        <v>51</v>
      </c>
      <c r="C65" s="6">
        <v>49</v>
      </c>
      <c r="D65" s="5">
        <v>100</v>
      </c>
    </row>
    <row r="66" spans="1:4" ht="18" customHeight="1" x14ac:dyDescent="0.15">
      <c r="A66" s="8">
        <v>50</v>
      </c>
      <c r="B66" s="21">
        <v>13</v>
      </c>
      <c r="C66" s="6">
        <v>10</v>
      </c>
      <c r="D66" s="5">
        <v>23</v>
      </c>
    </row>
    <row r="67" spans="1:4" ht="18" customHeight="1" x14ac:dyDescent="0.15">
      <c r="A67" s="8">
        <v>51</v>
      </c>
      <c r="B67" s="21">
        <v>5</v>
      </c>
      <c r="C67" s="6">
        <v>13</v>
      </c>
      <c r="D67" s="5">
        <v>18</v>
      </c>
    </row>
    <row r="68" spans="1:4" ht="18" customHeight="1" x14ac:dyDescent="0.15">
      <c r="A68" s="8">
        <v>52</v>
      </c>
      <c r="B68" s="21">
        <v>16</v>
      </c>
      <c r="C68" s="6">
        <v>13</v>
      </c>
      <c r="D68" s="5">
        <v>29</v>
      </c>
    </row>
    <row r="69" spans="1:4" ht="18" customHeight="1" x14ac:dyDescent="0.15">
      <c r="A69" s="8">
        <v>53</v>
      </c>
      <c r="B69" s="21">
        <v>12</v>
      </c>
      <c r="C69" s="6">
        <v>12</v>
      </c>
      <c r="D69" s="5">
        <v>24</v>
      </c>
    </row>
    <row r="70" spans="1:4" ht="18" customHeight="1" x14ac:dyDescent="0.15">
      <c r="A70" s="8">
        <v>54</v>
      </c>
      <c r="B70" s="21">
        <v>12</v>
      </c>
      <c r="C70" s="6">
        <v>15</v>
      </c>
      <c r="D70" s="5">
        <v>27</v>
      </c>
    </row>
    <row r="71" spans="1:4" ht="18" customHeight="1" x14ac:dyDescent="0.15">
      <c r="A71" s="8" t="s">
        <v>14</v>
      </c>
      <c r="B71" s="21">
        <v>58</v>
      </c>
      <c r="C71" s="6">
        <v>63</v>
      </c>
      <c r="D71" s="5">
        <v>121</v>
      </c>
    </row>
    <row r="72" spans="1:4" ht="18" customHeight="1" x14ac:dyDescent="0.15">
      <c r="A72" s="8">
        <v>55</v>
      </c>
      <c r="B72" s="21">
        <v>12</v>
      </c>
      <c r="C72" s="6">
        <v>8</v>
      </c>
      <c r="D72" s="5">
        <v>20</v>
      </c>
    </row>
    <row r="73" spans="1:4" ht="18" customHeight="1" x14ac:dyDescent="0.15">
      <c r="A73" s="8">
        <v>56</v>
      </c>
      <c r="B73" s="21">
        <v>9</v>
      </c>
      <c r="C73" s="6">
        <v>8</v>
      </c>
      <c r="D73" s="5">
        <v>17</v>
      </c>
    </row>
    <row r="74" spans="1:4" ht="18" customHeight="1" x14ac:dyDescent="0.15">
      <c r="A74" s="8">
        <v>57</v>
      </c>
      <c r="B74" s="21">
        <v>9</v>
      </c>
      <c r="C74" s="6">
        <v>8</v>
      </c>
      <c r="D74" s="5">
        <v>17</v>
      </c>
    </row>
    <row r="75" spans="1:4" ht="18" customHeight="1" x14ac:dyDescent="0.15">
      <c r="A75" s="8">
        <v>58</v>
      </c>
      <c r="B75" s="21">
        <v>16</v>
      </c>
      <c r="C75" s="6">
        <v>16</v>
      </c>
      <c r="D75" s="5">
        <v>32</v>
      </c>
    </row>
    <row r="76" spans="1:4" ht="18" customHeight="1" x14ac:dyDescent="0.15">
      <c r="A76" s="8">
        <v>59</v>
      </c>
      <c r="B76" s="21">
        <v>7</v>
      </c>
      <c r="C76" s="6">
        <v>4</v>
      </c>
      <c r="D76" s="5">
        <v>11</v>
      </c>
    </row>
    <row r="77" spans="1:4" ht="18" customHeight="1" x14ac:dyDescent="0.15">
      <c r="A77" s="8" t="s">
        <v>13</v>
      </c>
      <c r="B77" s="21">
        <v>53</v>
      </c>
      <c r="C77" s="6">
        <v>44</v>
      </c>
      <c r="D77" s="5">
        <v>97</v>
      </c>
    </row>
    <row r="78" spans="1:4" ht="18" customHeight="1" x14ac:dyDescent="0.15">
      <c r="A78" s="8">
        <v>60</v>
      </c>
      <c r="B78" s="21">
        <v>8</v>
      </c>
      <c r="C78" s="6">
        <v>8</v>
      </c>
      <c r="D78" s="5">
        <v>16</v>
      </c>
    </row>
    <row r="79" spans="1:4" ht="18" customHeight="1" x14ac:dyDescent="0.15">
      <c r="A79" s="8">
        <v>61</v>
      </c>
      <c r="B79" s="21">
        <v>12</v>
      </c>
      <c r="C79" s="6">
        <v>14</v>
      </c>
      <c r="D79" s="5">
        <v>26</v>
      </c>
    </row>
    <row r="80" spans="1:4" ht="18" customHeight="1" x14ac:dyDescent="0.15">
      <c r="A80" s="8">
        <v>62</v>
      </c>
      <c r="B80" s="21">
        <v>17</v>
      </c>
      <c r="C80" s="6">
        <v>11</v>
      </c>
      <c r="D80" s="5">
        <v>28</v>
      </c>
    </row>
    <row r="81" spans="1:4" ht="18" customHeight="1" x14ac:dyDescent="0.15">
      <c r="A81" s="8">
        <v>63</v>
      </c>
      <c r="B81" s="21">
        <v>5</v>
      </c>
      <c r="C81" s="6">
        <v>10</v>
      </c>
      <c r="D81" s="5">
        <v>15</v>
      </c>
    </row>
    <row r="82" spans="1:4" ht="18" customHeight="1" x14ac:dyDescent="0.15">
      <c r="A82" s="8">
        <v>64</v>
      </c>
      <c r="B82" s="21">
        <v>9</v>
      </c>
      <c r="C82" s="6">
        <v>6</v>
      </c>
      <c r="D82" s="5">
        <v>15</v>
      </c>
    </row>
    <row r="83" spans="1:4" ht="18" customHeight="1" x14ac:dyDescent="0.15">
      <c r="A83" s="8" t="s">
        <v>12</v>
      </c>
      <c r="B83" s="21">
        <v>51</v>
      </c>
      <c r="C83" s="6">
        <v>49</v>
      </c>
      <c r="D83" s="5">
        <v>100</v>
      </c>
    </row>
    <row r="84" spans="1:4" ht="18" customHeight="1" x14ac:dyDescent="0.15">
      <c r="A84" s="8" t="s">
        <v>11</v>
      </c>
      <c r="B84" s="21">
        <v>478</v>
      </c>
      <c r="C84" s="6">
        <v>391</v>
      </c>
      <c r="D84" s="5">
        <v>869</v>
      </c>
    </row>
    <row r="85" spans="1:4" ht="18" customHeight="1" x14ac:dyDescent="0.15">
      <c r="A85" s="8">
        <v>65</v>
      </c>
      <c r="B85" s="21">
        <v>12</v>
      </c>
      <c r="C85" s="6">
        <v>12</v>
      </c>
      <c r="D85" s="5">
        <v>24</v>
      </c>
    </row>
    <row r="86" spans="1:4" ht="18" customHeight="1" x14ac:dyDescent="0.15">
      <c r="A86" s="8">
        <v>66</v>
      </c>
      <c r="B86" s="21">
        <v>11</v>
      </c>
      <c r="C86" s="6">
        <v>11</v>
      </c>
      <c r="D86" s="5">
        <v>22</v>
      </c>
    </row>
    <row r="87" spans="1:4" ht="18" customHeight="1" x14ac:dyDescent="0.15">
      <c r="A87" s="8">
        <v>67</v>
      </c>
      <c r="B87" s="21">
        <v>11</v>
      </c>
      <c r="C87" s="6">
        <v>11</v>
      </c>
      <c r="D87" s="5">
        <v>22</v>
      </c>
    </row>
    <row r="88" spans="1:4" ht="18" customHeight="1" x14ac:dyDescent="0.15">
      <c r="A88" s="8">
        <v>68</v>
      </c>
      <c r="B88" s="21">
        <v>9</v>
      </c>
      <c r="C88" s="6">
        <v>13</v>
      </c>
      <c r="D88" s="5">
        <v>22</v>
      </c>
    </row>
    <row r="89" spans="1:4" ht="18" customHeight="1" x14ac:dyDescent="0.15">
      <c r="A89" s="8">
        <v>69</v>
      </c>
      <c r="B89" s="21">
        <v>10</v>
      </c>
      <c r="C89" s="6">
        <v>9</v>
      </c>
      <c r="D89" s="5">
        <v>19</v>
      </c>
    </row>
    <row r="90" spans="1:4" ht="18" customHeight="1" x14ac:dyDescent="0.15">
      <c r="A90" s="8" t="s">
        <v>10</v>
      </c>
      <c r="B90" s="21">
        <v>53</v>
      </c>
      <c r="C90" s="6">
        <v>56</v>
      </c>
      <c r="D90" s="5">
        <v>109</v>
      </c>
    </row>
    <row r="91" spans="1:4" ht="18" customHeight="1" x14ac:dyDescent="0.15">
      <c r="A91" s="8">
        <v>70</v>
      </c>
      <c r="B91" s="21">
        <v>12</v>
      </c>
      <c r="C91" s="6">
        <v>12</v>
      </c>
      <c r="D91" s="5">
        <v>24</v>
      </c>
    </row>
    <row r="92" spans="1:4" ht="18" customHeight="1" x14ac:dyDescent="0.15">
      <c r="A92" s="8">
        <v>71</v>
      </c>
      <c r="B92" s="21">
        <v>4</v>
      </c>
      <c r="C92" s="6">
        <v>6</v>
      </c>
      <c r="D92" s="5">
        <v>10</v>
      </c>
    </row>
    <row r="93" spans="1:4" ht="18" customHeight="1" x14ac:dyDescent="0.15">
      <c r="A93" s="8">
        <v>72</v>
      </c>
      <c r="B93" s="21">
        <v>9</v>
      </c>
      <c r="C93" s="6">
        <v>11</v>
      </c>
      <c r="D93" s="5">
        <v>20</v>
      </c>
    </row>
    <row r="94" spans="1:4" ht="18" customHeight="1" x14ac:dyDescent="0.15">
      <c r="A94" s="8">
        <v>73</v>
      </c>
      <c r="B94" s="21">
        <v>15</v>
      </c>
      <c r="C94" s="6">
        <v>14</v>
      </c>
      <c r="D94" s="5">
        <v>29</v>
      </c>
    </row>
    <row r="95" spans="1:4" ht="18" customHeight="1" x14ac:dyDescent="0.15">
      <c r="A95" s="8">
        <v>74</v>
      </c>
      <c r="B95" s="21">
        <v>7</v>
      </c>
      <c r="C95" s="6">
        <v>11</v>
      </c>
      <c r="D95" s="5">
        <v>18</v>
      </c>
    </row>
    <row r="96" spans="1:4" ht="18" customHeight="1" x14ac:dyDescent="0.15">
      <c r="A96" s="8" t="s">
        <v>9</v>
      </c>
      <c r="B96" s="21">
        <v>47</v>
      </c>
      <c r="C96" s="6">
        <v>54</v>
      </c>
      <c r="D96" s="5">
        <v>101</v>
      </c>
    </row>
    <row r="97" spans="1:4" ht="18" customHeight="1" x14ac:dyDescent="0.15">
      <c r="A97" s="8">
        <v>75</v>
      </c>
      <c r="B97" s="21">
        <v>5</v>
      </c>
      <c r="C97" s="6">
        <v>13</v>
      </c>
      <c r="D97" s="5">
        <v>18</v>
      </c>
    </row>
    <row r="98" spans="1:4" ht="18" customHeight="1" x14ac:dyDescent="0.15">
      <c r="A98" s="8">
        <v>76</v>
      </c>
      <c r="B98" s="21">
        <v>18</v>
      </c>
      <c r="C98" s="6">
        <v>13</v>
      </c>
      <c r="D98" s="5">
        <v>31</v>
      </c>
    </row>
    <row r="99" spans="1:4" ht="18" customHeight="1" x14ac:dyDescent="0.15">
      <c r="A99" s="8">
        <v>77</v>
      </c>
      <c r="B99" s="21">
        <v>14</v>
      </c>
      <c r="C99" s="6">
        <v>18</v>
      </c>
      <c r="D99" s="5">
        <v>32</v>
      </c>
    </row>
    <row r="100" spans="1:4" ht="18" customHeight="1" x14ac:dyDescent="0.15">
      <c r="A100" s="8">
        <v>78</v>
      </c>
      <c r="B100" s="21">
        <v>15</v>
      </c>
      <c r="C100" s="6">
        <v>11</v>
      </c>
      <c r="D100" s="5">
        <v>26</v>
      </c>
    </row>
    <row r="101" spans="1:4" ht="18" customHeight="1" x14ac:dyDescent="0.15">
      <c r="A101" s="8">
        <v>79</v>
      </c>
      <c r="B101" s="21">
        <v>7</v>
      </c>
      <c r="C101" s="6">
        <v>14</v>
      </c>
      <c r="D101" s="5">
        <v>21</v>
      </c>
    </row>
    <row r="102" spans="1:4" ht="18" customHeight="1" x14ac:dyDescent="0.15">
      <c r="A102" s="8" t="s">
        <v>8</v>
      </c>
      <c r="B102" s="21">
        <v>59</v>
      </c>
      <c r="C102" s="6">
        <v>69</v>
      </c>
      <c r="D102" s="5">
        <v>128</v>
      </c>
    </row>
    <row r="103" spans="1:4" ht="18" customHeight="1" x14ac:dyDescent="0.15">
      <c r="A103" s="8">
        <v>80</v>
      </c>
      <c r="B103" s="21">
        <v>8</v>
      </c>
      <c r="C103" s="6">
        <v>9</v>
      </c>
      <c r="D103" s="5">
        <v>17</v>
      </c>
    </row>
    <row r="104" spans="1:4" ht="18" customHeight="1" x14ac:dyDescent="0.15">
      <c r="A104" s="8">
        <v>81</v>
      </c>
      <c r="B104" s="21">
        <v>9</v>
      </c>
      <c r="C104" s="6">
        <v>8</v>
      </c>
      <c r="D104" s="5">
        <v>17</v>
      </c>
    </row>
    <row r="105" spans="1:4" ht="18" customHeight="1" x14ac:dyDescent="0.15">
      <c r="A105" s="8">
        <v>82</v>
      </c>
      <c r="B105" s="21">
        <v>6</v>
      </c>
      <c r="C105" s="6">
        <v>8</v>
      </c>
      <c r="D105" s="5">
        <v>14</v>
      </c>
    </row>
    <row r="106" spans="1:4" ht="18" customHeight="1" x14ac:dyDescent="0.15">
      <c r="A106" s="8">
        <v>83</v>
      </c>
      <c r="B106" s="21">
        <v>10</v>
      </c>
      <c r="C106" s="6">
        <v>9</v>
      </c>
      <c r="D106" s="5">
        <v>19</v>
      </c>
    </row>
    <row r="107" spans="1:4" ht="18" customHeight="1" x14ac:dyDescent="0.15">
      <c r="A107" s="8">
        <v>84</v>
      </c>
      <c r="B107" s="21">
        <v>5</v>
      </c>
      <c r="C107" s="6">
        <v>12</v>
      </c>
      <c r="D107" s="5">
        <v>17</v>
      </c>
    </row>
    <row r="108" spans="1:4" ht="18" customHeight="1" x14ac:dyDescent="0.15">
      <c r="A108" s="8" t="s">
        <v>7</v>
      </c>
      <c r="B108" s="21">
        <v>38</v>
      </c>
      <c r="C108" s="6">
        <v>46</v>
      </c>
      <c r="D108" s="5">
        <v>84</v>
      </c>
    </row>
    <row r="109" spans="1:4" ht="18" customHeight="1" x14ac:dyDescent="0.15">
      <c r="A109" s="8">
        <v>85</v>
      </c>
      <c r="B109" s="21">
        <v>5</v>
      </c>
      <c r="C109" s="6">
        <v>13</v>
      </c>
      <c r="D109" s="5">
        <v>18</v>
      </c>
    </row>
    <row r="110" spans="1:4" ht="18" customHeight="1" x14ac:dyDescent="0.15">
      <c r="A110" s="8">
        <v>86</v>
      </c>
      <c r="B110" s="21">
        <v>3</v>
      </c>
      <c r="C110" s="6">
        <v>12</v>
      </c>
      <c r="D110" s="5">
        <v>15</v>
      </c>
    </row>
    <row r="111" spans="1:4" ht="18" customHeight="1" x14ac:dyDescent="0.15">
      <c r="A111" s="8">
        <v>87</v>
      </c>
      <c r="B111" s="21">
        <v>2</v>
      </c>
      <c r="C111" s="6">
        <v>6</v>
      </c>
      <c r="D111" s="5">
        <v>8</v>
      </c>
    </row>
    <row r="112" spans="1:4" ht="18" customHeight="1" x14ac:dyDescent="0.15">
      <c r="A112" s="8">
        <v>88</v>
      </c>
      <c r="B112" s="21">
        <v>5</v>
      </c>
      <c r="C112" s="6">
        <v>14</v>
      </c>
      <c r="D112" s="5">
        <v>19</v>
      </c>
    </row>
    <row r="113" spans="1:4" ht="18" customHeight="1" x14ac:dyDescent="0.15">
      <c r="A113" s="8">
        <v>89</v>
      </c>
      <c r="B113" s="21">
        <v>5</v>
      </c>
      <c r="C113" s="6">
        <v>10</v>
      </c>
      <c r="D113" s="5">
        <v>15</v>
      </c>
    </row>
    <row r="114" spans="1:4" ht="18" customHeight="1" x14ac:dyDescent="0.15">
      <c r="A114" s="8" t="s">
        <v>6</v>
      </c>
      <c r="B114" s="21">
        <v>20</v>
      </c>
      <c r="C114" s="6">
        <v>55</v>
      </c>
      <c r="D114" s="5">
        <v>75</v>
      </c>
    </row>
    <row r="115" spans="1:4" ht="18" customHeight="1" x14ac:dyDescent="0.15">
      <c r="A115" s="8">
        <v>90</v>
      </c>
      <c r="B115" s="21">
        <v>1</v>
      </c>
      <c r="C115" s="6">
        <v>9</v>
      </c>
      <c r="D115" s="5">
        <v>10</v>
      </c>
    </row>
    <row r="116" spans="1:4" ht="18" customHeight="1" x14ac:dyDescent="0.15">
      <c r="A116" s="8">
        <v>91</v>
      </c>
      <c r="B116" s="21">
        <v>2</v>
      </c>
      <c r="C116" s="6">
        <v>3</v>
      </c>
      <c r="D116" s="5">
        <v>5</v>
      </c>
    </row>
    <row r="117" spans="1:4" ht="18" customHeight="1" x14ac:dyDescent="0.15">
      <c r="A117" s="8">
        <v>92</v>
      </c>
      <c r="B117" s="21">
        <v>0</v>
      </c>
      <c r="C117" s="6">
        <v>4</v>
      </c>
      <c r="D117" s="5">
        <v>4</v>
      </c>
    </row>
    <row r="118" spans="1:4" ht="18" customHeight="1" x14ac:dyDescent="0.15">
      <c r="A118" s="8">
        <v>93</v>
      </c>
      <c r="B118" s="21">
        <v>1</v>
      </c>
      <c r="C118" s="6">
        <v>4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3</v>
      </c>
      <c r="D119" s="5">
        <v>3</v>
      </c>
    </row>
    <row r="120" spans="1:4" ht="18" customHeight="1" x14ac:dyDescent="0.15">
      <c r="A120" s="8" t="s">
        <v>5</v>
      </c>
      <c r="B120" s="21">
        <v>4</v>
      </c>
      <c r="C120" s="6">
        <v>23</v>
      </c>
      <c r="D120" s="5">
        <v>27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1</v>
      </c>
      <c r="C122" s="6">
        <v>0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223</v>
      </c>
      <c r="C130" s="6">
        <v>310</v>
      </c>
      <c r="D130" s="5">
        <v>533</v>
      </c>
    </row>
    <row r="131" spans="1:4" ht="18" customHeight="1" x14ac:dyDescent="0.15">
      <c r="A131" s="4" t="s">
        <v>0</v>
      </c>
      <c r="B131" s="20">
        <v>787</v>
      </c>
      <c r="C131" s="2">
        <v>782</v>
      </c>
      <c r="D131" s="1">
        <v>156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D89A54-5946-4A88-989C-28803FD6AC90}">
  <sheetPr codeName="Sheet5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</v>
      </c>
      <c r="C5" s="11">
        <v>0</v>
      </c>
      <c r="D5" s="10">
        <v>3</v>
      </c>
    </row>
    <row r="6" spans="1:4" ht="18" customHeight="1" x14ac:dyDescent="0.15">
      <c r="A6" s="8">
        <v>1</v>
      </c>
      <c r="B6" s="21">
        <v>2</v>
      </c>
      <c r="C6" s="6">
        <v>4</v>
      </c>
      <c r="D6" s="5">
        <v>6</v>
      </c>
    </row>
    <row r="7" spans="1:4" ht="18" customHeight="1" x14ac:dyDescent="0.15">
      <c r="A7" s="8">
        <v>2</v>
      </c>
      <c r="B7" s="21">
        <v>4</v>
      </c>
      <c r="C7" s="6">
        <v>3</v>
      </c>
      <c r="D7" s="5">
        <v>7</v>
      </c>
    </row>
    <row r="8" spans="1:4" ht="18" customHeight="1" x14ac:dyDescent="0.15">
      <c r="A8" s="8">
        <v>3</v>
      </c>
      <c r="B8" s="21">
        <v>2</v>
      </c>
      <c r="C8" s="6">
        <v>1</v>
      </c>
      <c r="D8" s="5">
        <v>3</v>
      </c>
    </row>
    <row r="9" spans="1:4" ht="18" customHeight="1" x14ac:dyDescent="0.15">
      <c r="A9" s="8">
        <v>4</v>
      </c>
      <c r="B9" s="21">
        <v>1</v>
      </c>
      <c r="C9" s="6">
        <v>4</v>
      </c>
      <c r="D9" s="5">
        <v>5</v>
      </c>
    </row>
    <row r="10" spans="1:4" ht="18" customHeight="1" x14ac:dyDescent="0.15">
      <c r="A10" s="8" t="s">
        <v>25</v>
      </c>
      <c r="B10" s="21">
        <v>12</v>
      </c>
      <c r="C10" s="6">
        <v>12</v>
      </c>
      <c r="D10" s="5">
        <v>24</v>
      </c>
    </row>
    <row r="11" spans="1:4" ht="18" customHeight="1" x14ac:dyDescent="0.15">
      <c r="A11" s="8">
        <v>5</v>
      </c>
      <c r="B11" s="21">
        <v>4</v>
      </c>
      <c r="C11" s="6">
        <v>4</v>
      </c>
      <c r="D11" s="5">
        <v>8</v>
      </c>
    </row>
    <row r="12" spans="1:4" ht="18" customHeight="1" x14ac:dyDescent="0.15">
      <c r="A12" s="8">
        <v>6</v>
      </c>
      <c r="B12" s="21">
        <v>2</v>
      </c>
      <c r="C12" s="6">
        <v>5</v>
      </c>
      <c r="D12" s="5">
        <v>7</v>
      </c>
    </row>
    <row r="13" spans="1:4" ht="18" customHeight="1" x14ac:dyDescent="0.15">
      <c r="A13" s="8">
        <v>7</v>
      </c>
      <c r="B13" s="21">
        <v>2</v>
      </c>
      <c r="C13" s="6">
        <v>6</v>
      </c>
      <c r="D13" s="5">
        <v>8</v>
      </c>
    </row>
    <row r="14" spans="1:4" ht="18" customHeight="1" x14ac:dyDescent="0.15">
      <c r="A14" s="8">
        <v>8</v>
      </c>
      <c r="B14" s="21">
        <v>8</v>
      </c>
      <c r="C14" s="6">
        <v>5</v>
      </c>
      <c r="D14" s="5">
        <v>13</v>
      </c>
    </row>
    <row r="15" spans="1:4" ht="18" customHeight="1" x14ac:dyDescent="0.15">
      <c r="A15" s="8">
        <v>9</v>
      </c>
      <c r="B15" s="21">
        <v>4</v>
      </c>
      <c r="C15" s="6">
        <v>5</v>
      </c>
      <c r="D15" s="5">
        <v>9</v>
      </c>
    </row>
    <row r="16" spans="1:4" ht="18" customHeight="1" x14ac:dyDescent="0.15">
      <c r="A16" s="8" t="s">
        <v>24</v>
      </c>
      <c r="B16" s="21">
        <v>20</v>
      </c>
      <c r="C16" s="6">
        <v>25</v>
      </c>
      <c r="D16" s="5">
        <v>45</v>
      </c>
    </row>
    <row r="17" spans="1:4" ht="18" customHeight="1" x14ac:dyDescent="0.15">
      <c r="A17" s="8">
        <v>10</v>
      </c>
      <c r="B17" s="21">
        <v>3</v>
      </c>
      <c r="C17" s="6">
        <v>5</v>
      </c>
      <c r="D17" s="5">
        <v>8</v>
      </c>
    </row>
    <row r="18" spans="1:4" ht="18" customHeight="1" x14ac:dyDescent="0.15">
      <c r="A18" s="8">
        <v>11</v>
      </c>
      <c r="B18" s="21">
        <v>3</v>
      </c>
      <c r="C18" s="6">
        <v>3</v>
      </c>
      <c r="D18" s="5">
        <v>6</v>
      </c>
    </row>
    <row r="19" spans="1:4" ht="18" customHeight="1" x14ac:dyDescent="0.15">
      <c r="A19" s="8">
        <v>12</v>
      </c>
      <c r="B19" s="21">
        <v>4</v>
      </c>
      <c r="C19" s="6">
        <v>2</v>
      </c>
      <c r="D19" s="5">
        <v>6</v>
      </c>
    </row>
    <row r="20" spans="1:4" ht="18" customHeight="1" x14ac:dyDescent="0.15">
      <c r="A20" s="8">
        <v>13</v>
      </c>
      <c r="B20" s="21">
        <v>2</v>
      </c>
      <c r="C20" s="6">
        <v>5</v>
      </c>
      <c r="D20" s="5">
        <v>7</v>
      </c>
    </row>
    <row r="21" spans="1:4" ht="18" customHeight="1" x14ac:dyDescent="0.15">
      <c r="A21" s="8">
        <v>14</v>
      </c>
      <c r="B21" s="21">
        <v>3</v>
      </c>
      <c r="C21" s="6">
        <v>3</v>
      </c>
      <c r="D21" s="5">
        <v>6</v>
      </c>
    </row>
    <row r="22" spans="1:4" ht="18" customHeight="1" x14ac:dyDescent="0.15">
      <c r="A22" s="8" t="s">
        <v>23</v>
      </c>
      <c r="B22" s="21">
        <v>15</v>
      </c>
      <c r="C22" s="6">
        <v>18</v>
      </c>
      <c r="D22" s="5">
        <v>33</v>
      </c>
    </row>
    <row r="23" spans="1:4" ht="18" customHeight="1" x14ac:dyDescent="0.15">
      <c r="A23" s="8" t="s">
        <v>22</v>
      </c>
      <c r="B23" s="21">
        <v>47</v>
      </c>
      <c r="C23" s="6">
        <v>55</v>
      </c>
      <c r="D23" s="5">
        <v>102</v>
      </c>
    </row>
    <row r="24" spans="1:4" ht="18" customHeight="1" x14ac:dyDescent="0.15">
      <c r="A24" s="8">
        <v>15</v>
      </c>
      <c r="B24" s="21">
        <v>3</v>
      </c>
      <c r="C24" s="6">
        <v>3</v>
      </c>
      <c r="D24" s="5">
        <v>6</v>
      </c>
    </row>
    <row r="25" spans="1:4" ht="18" customHeight="1" x14ac:dyDescent="0.15">
      <c r="A25" s="8">
        <v>16</v>
      </c>
      <c r="B25" s="21">
        <v>3</v>
      </c>
      <c r="C25" s="6">
        <v>4</v>
      </c>
      <c r="D25" s="5">
        <v>7</v>
      </c>
    </row>
    <row r="26" spans="1:4" ht="18" customHeight="1" x14ac:dyDescent="0.15">
      <c r="A26" s="8">
        <v>17</v>
      </c>
      <c r="B26" s="21">
        <v>3</v>
      </c>
      <c r="C26" s="6">
        <v>2</v>
      </c>
      <c r="D26" s="5">
        <v>5</v>
      </c>
    </row>
    <row r="27" spans="1:4" ht="18" customHeight="1" x14ac:dyDescent="0.15">
      <c r="A27" s="8">
        <v>18</v>
      </c>
      <c r="B27" s="21">
        <v>3</v>
      </c>
      <c r="C27" s="6">
        <v>7</v>
      </c>
      <c r="D27" s="5">
        <v>10</v>
      </c>
    </row>
    <row r="28" spans="1:4" ht="18" customHeight="1" x14ac:dyDescent="0.15">
      <c r="A28" s="8">
        <v>19</v>
      </c>
      <c r="B28" s="21">
        <v>9</v>
      </c>
      <c r="C28" s="6">
        <v>15</v>
      </c>
      <c r="D28" s="5">
        <v>24</v>
      </c>
    </row>
    <row r="29" spans="1:4" ht="18" customHeight="1" x14ac:dyDescent="0.15">
      <c r="A29" s="8" t="s">
        <v>21</v>
      </c>
      <c r="B29" s="21">
        <v>21</v>
      </c>
      <c r="C29" s="6">
        <v>31</v>
      </c>
      <c r="D29" s="5">
        <v>52</v>
      </c>
    </row>
    <row r="30" spans="1:4" ht="18" customHeight="1" x14ac:dyDescent="0.15">
      <c r="A30" s="8">
        <v>20</v>
      </c>
      <c r="B30" s="21">
        <v>16</v>
      </c>
      <c r="C30" s="6">
        <v>28</v>
      </c>
      <c r="D30" s="5">
        <v>44</v>
      </c>
    </row>
    <row r="31" spans="1:4" ht="18" customHeight="1" x14ac:dyDescent="0.15">
      <c r="A31" s="8">
        <v>21</v>
      </c>
      <c r="B31" s="21">
        <v>23</v>
      </c>
      <c r="C31" s="6">
        <v>21</v>
      </c>
      <c r="D31" s="5">
        <v>44</v>
      </c>
    </row>
    <row r="32" spans="1:4" ht="18" customHeight="1" x14ac:dyDescent="0.15">
      <c r="A32" s="8">
        <v>22</v>
      </c>
      <c r="B32" s="21">
        <v>27</v>
      </c>
      <c r="C32" s="6">
        <v>16</v>
      </c>
      <c r="D32" s="5">
        <v>43</v>
      </c>
    </row>
    <row r="33" spans="1:4" ht="18" customHeight="1" x14ac:dyDescent="0.15">
      <c r="A33" s="8">
        <v>23</v>
      </c>
      <c r="B33" s="21">
        <v>28</v>
      </c>
      <c r="C33" s="6">
        <v>31</v>
      </c>
      <c r="D33" s="5">
        <v>59</v>
      </c>
    </row>
    <row r="34" spans="1:4" ht="18" customHeight="1" x14ac:dyDescent="0.15">
      <c r="A34" s="8">
        <v>24</v>
      </c>
      <c r="B34" s="21">
        <v>35</v>
      </c>
      <c r="C34" s="6">
        <v>30</v>
      </c>
      <c r="D34" s="5">
        <v>65</v>
      </c>
    </row>
    <row r="35" spans="1:4" ht="18" customHeight="1" x14ac:dyDescent="0.15">
      <c r="A35" s="8" t="s">
        <v>20</v>
      </c>
      <c r="B35" s="21">
        <v>129</v>
      </c>
      <c r="C35" s="6">
        <v>126</v>
      </c>
      <c r="D35" s="5">
        <v>255</v>
      </c>
    </row>
    <row r="36" spans="1:4" ht="18" customHeight="1" x14ac:dyDescent="0.15">
      <c r="A36" s="8">
        <v>25</v>
      </c>
      <c r="B36" s="21">
        <v>26</v>
      </c>
      <c r="C36" s="6">
        <v>24</v>
      </c>
      <c r="D36" s="5">
        <v>50</v>
      </c>
    </row>
    <row r="37" spans="1:4" ht="18" customHeight="1" x14ac:dyDescent="0.15">
      <c r="A37" s="8">
        <v>26</v>
      </c>
      <c r="B37" s="21">
        <v>17</v>
      </c>
      <c r="C37" s="6">
        <v>19</v>
      </c>
      <c r="D37" s="5">
        <v>36</v>
      </c>
    </row>
    <row r="38" spans="1:4" ht="18" customHeight="1" x14ac:dyDescent="0.15">
      <c r="A38" s="8">
        <v>27</v>
      </c>
      <c r="B38" s="21">
        <v>10</v>
      </c>
      <c r="C38" s="6">
        <v>18</v>
      </c>
      <c r="D38" s="5">
        <v>28</v>
      </c>
    </row>
    <row r="39" spans="1:4" ht="18" customHeight="1" x14ac:dyDescent="0.15">
      <c r="A39" s="8">
        <v>28</v>
      </c>
      <c r="B39" s="21">
        <v>13</v>
      </c>
      <c r="C39" s="6">
        <v>12</v>
      </c>
      <c r="D39" s="5">
        <v>25</v>
      </c>
    </row>
    <row r="40" spans="1:4" ht="18" customHeight="1" x14ac:dyDescent="0.15">
      <c r="A40" s="8">
        <v>29</v>
      </c>
      <c r="B40" s="21">
        <v>13</v>
      </c>
      <c r="C40" s="6">
        <v>10</v>
      </c>
      <c r="D40" s="5">
        <v>23</v>
      </c>
    </row>
    <row r="41" spans="1:4" ht="18" customHeight="1" x14ac:dyDescent="0.15">
      <c r="A41" s="8" t="s">
        <v>19</v>
      </c>
      <c r="B41" s="21">
        <v>79</v>
      </c>
      <c r="C41" s="6">
        <v>83</v>
      </c>
      <c r="D41" s="5">
        <v>162</v>
      </c>
    </row>
    <row r="42" spans="1:4" ht="18" customHeight="1" x14ac:dyDescent="0.15">
      <c r="A42" s="8">
        <v>30</v>
      </c>
      <c r="B42" s="21">
        <v>16</v>
      </c>
      <c r="C42" s="6">
        <v>9</v>
      </c>
      <c r="D42" s="5">
        <v>25</v>
      </c>
    </row>
    <row r="43" spans="1:4" ht="18" customHeight="1" x14ac:dyDescent="0.15">
      <c r="A43" s="8">
        <v>31</v>
      </c>
      <c r="B43" s="21">
        <v>4</v>
      </c>
      <c r="C43" s="6">
        <v>5</v>
      </c>
      <c r="D43" s="5">
        <v>9</v>
      </c>
    </row>
    <row r="44" spans="1:4" ht="18" customHeight="1" x14ac:dyDescent="0.15">
      <c r="A44" s="8">
        <v>32</v>
      </c>
      <c r="B44" s="21">
        <v>10</v>
      </c>
      <c r="C44" s="6">
        <v>13</v>
      </c>
      <c r="D44" s="5">
        <v>23</v>
      </c>
    </row>
    <row r="45" spans="1:4" ht="18" customHeight="1" x14ac:dyDescent="0.15">
      <c r="A45" s="8">
        <v>33</v>
      </c>
      <c r="B45" s="21">
        <v>4</v>
      </c>
      <c r="C45" s="6">
        <v>6</v>
      </c>
      <c r="D45" s="5">
        <v>10</v>
      </c>
    </row>
    <row r="46" spans="1:4" ht="18" customHeight="1" x14ac:dyDescent="0.15">
      <c r="A46" s="8">
        <v>34</v>
      </c>
      <c r="B46" s="21">
        <v>7</v>
      </c>
      <c r="C46" s="6">
        <v>11</v>
      </c>
      <c r="D46" s="5">
        <v>18</v>
      </c>
    </row>
    <row r="47" spans="1:4" ht="18" customHeight="1" x14ac:dyDescent="0.15">
      <c r="A47" s="8" t="s">
        <v>18</v>
      </c>
      <c r="B47" s="21">
        <v>41</v>
      </c>
      <c r="C47" s="6">
        <v>44</v>
      </c>
      <c r="D47" s="5">
        <v>85</v>
      </c>
    </row>
    <row r="48" spans="1:4" ht="18" customHeight="1" x14ac:dyDescent="0.15">
      <c r="A48" s="8">
        <v>35</v>
      </c>
      <c r="B48" s="21">
        <v>7</v>
      </c>
      <c r="C48" s="6">
        <v>7</v>
      </c>
      <c r="D48" s="5">
        <v>14</v>
      </c>
    </row>
    <row r="49" spans="1:4" ht="18" customHeight="1" x14ac:dyDescent="0.15">
      <c r="A49" s="8">
        <v>36</v>
      </c>
      <c r="B49" s="21">
        <v>17</v>
      </c>
      <c r="C49" s="6">
        <v>4</v>
      </c>
      <c r="D49" s="5">
        <v>21</v>
      </c>
    </row>
    <row r="50" spans="1:4" ht="18" customHeight="1" x14ac:dyDescent="0.15">
      <c r="A50" s="8">
        <v>37</v>
      </c>
      <c r="B50" s="21">
        <v>6</v>
      </c>
      <c r="C50" s="6">
        <v>6</v>
      </c>
      <c r="D50" s="5">
        <v>12</v>
      </c>
    </row>
    <row r="51" spans="1:4" ht="18" customHeight="1" x14ac:dyDescent="0.15">
      <c r="A51" s="8">
        <v>38</v>
      </c>
      <c r="B51" s="21">
        <v>9</v>
      </c>
      <c r="C51" s="6">
        <v>4</v>
      </c>
      <c r="D51" s="5">
        <v>13</v>
      </c>
    </row>
    <row r="52" spans="1:4" ht="18" customHeight="1" x14ac:dyDescent="0.15">
      <c r="A52" s="8">
        <v>39</v>
      </c>
      <c r="B52" s="21">
        <v>9</v>
      </c>
      <c r="C52" s="6">
        <v>7</v>
      </c>
      <c r="D52" s="5">
        <v>16</v>
      </c>
    </row>
    <row r="53" spans="1:4" ht="18" customHeight="1" x14ac:dyDescent="0.15">
      <c r="A53" s="8" t="s">
        <v>17</v>
      </c>
      <c r="B53" s="21">
        <v>48</v>
      </c>
      <c r="C53" s="6">
        <v>28</v>
      </c>
      <c r="D53" s="5">
        <v>76</v>
      </c>
    </row>
    <row r="54" spans="1:4" ht="18" customHeight="1" x14ac:dyDescent="0.15">
      <c r="A54" s="8">
        <v>40</v>
      </c>
      <c r="B54" s="21">
        <v>8</v>
      </c>
      <c r="C54" s="6">
        <v>6</v>
      </c>
      <c r="D54" s="5">
        <v>14</v>
      </c>
    </row>
    <row r="55" spans="1:4" ht="18" customHeight="1" x14ac:dyDescent="0.15">
      <c r="A55" s="8">
        <v>41</v>
      </c>
      <c r="B55" s="21">
        <v>7</v>
      </c>
      <c r="C55" s="6">
        <v>5</v>
      </c>
      <c r="D55" s="5">
        <v>12</v>
      </c>
    </row>
    <row r="56" spans="1:4" ht="18" customHeight="1" x14ac:dyDescent="0.15">
      <c r="A56" s="8">
        <v>42</v>
      </c>
      <c r="B56" s="21">
        <v>12</v>
      </c>
      <c r="C56" s="6">
        <v>2</v>
      </c>
      <c r="D56" s="5">
        <v>14</v>
      </c>
    </row>
    <row r="57" spans="1:4" ht="18" customHeight="1" x14ac:dyDescent="0.15">
      <c r="A57" s="8">
        <v>43</v>
      </c>
      <c r="B57" s="21">
        <v>7</v>
      </c>
      <c r="C57" s="6">
        <v>6</v>
      </c>
      <c r="D57" s="5">
        <v>13</v>
      </c>
    </row>
    <row r="58" spans="1:4" ht="18" customHeight="1" x14ac:dyDescent="0.15">
      <c r="A58" s="8">
        <v>44</v>
      </c>
      <c r="B58" s="21">
        <v>14</v>
      </c>
      <c r="C58" s="6">
        <v>2</v>
      </c>
      <c r="D58" s="5">
        <v>16</v>
      </c>
    </row>
    <row r="59" spans="1:4" ht="18" customHeight="1" x14ac:dyDescent="0.15">
      <c r="A59" s="8" t="s">
        <v>16</v>
      </c>
      <c r="B59" s="21">
        <v>48</v>
      </c>
      <c r="C59" s="6">
        <v>21</v>
      </c>
      <c r="D59" s="5">
        <v>69</v>
      </c>
    </row>
    <row r="60" spans="1:4" ht="18" customHeight="1" x14ac:dyDescent="0.15">
      <c r="A60" s="8">
        <v>45</v>
      </c>
      <c r="B60" s="21">
        <v>12</v>
      </c>
      <c r="C60" s="6">
        <v>7</v>
      </c>
      <c r="D60" s="5">
        <v>19</v>
      </c>
    </row>
    <row r="61" spans="1:4" ht="18" customHeight="1" x14ac:dyDescent="0.15">
      <c r="A61" s="8">
        <v>46</v>
      </c>
      <c r="B61" s="21">
        <v>7</v>
      </c>
      <c r="C61" s="6">
        <v>6</v>
      </c>
      <c r="D61" s="5">
        <v>13</v>
      </c>
    </row>
    <row r="62" spans="1:4" ht="18" customHeight="1" x14ac:dyDescent="0.15">
      <c r="A62" s="8">
        <v>47</v>
      </c>
      <c r="B62" s="21">
        <v>9</v>
      </c>
      <c r="C62" s="6">
        <v>9</v>
      </c>
      <c r="D62" s="5">
        <v>18</v>
      </c>
    </row>
    <row r="63" spans="1:4" ht="18" customHeight="1" x14ac:dyDescent="0.15">
      <c r="A63" s="8">
        <v>48</v>
      </c>
      <c r="B63" s="21">
        <v>11</v>
      </c>
      <c r="C63" s="6">
        <v>9</v>
      </c>
      <c r="D63" s="5">
        <v>20</v>
      </c>
    </row>
    <row r="64" spans="1:4" ht="18" customHeight="1" x14ac:dyDescent="0.15">
      <c r="A64" s="8">
        <v>49</v>
      </c>
      <c r="B64" s="21">
        <v>12</v>
      </c>
      <c r="C64" s="6">
        <v>17</v>
      </c>
      <c r="D64" s="5">
        <v>29</v>
      </c>
    </row>
    <row r="65" spans="1:4" ht="18" customHeight="1" x14ac:dyDescent="0.15">
      <c r="A65" s="8" t="s">
        <v>15</v>
      </c>
      <c r="B65" s="21">
        <v>51</v>
      </c>
      <c r="C65" s="6">
        <v>48</v>
      </c>
      <c r="D65" s="5">
        <v>99</v>
      </c>
    </row>
    <row r="66" spans="1:4" ht="18" customHeight="1" x14ac:dyDescent="0.15">
      <c r="A66" s="8">
        <v>50</v>
      </c>
      <c r="B66" s="21">
        <v>16</v>
      </c>
      <c r="C66" s="6">
        <v>8</v>
      </c>
      <c r="D66" s="5">
        <v>24</v>
      </c>
    </row>
    <row r="67" spans="1:4" ht="18" customHeight="1" x14ac:dyDescent="0.15">
      <c r="A67" s="8">
        <v>51</v>
      </c>
      <c r="B67" s="21">
        <v>16</v>
      </c>
      <c r="C67" s="6">
        <v>13</v>
      </c>
      <c r="D67" s="5">
        <v>29</v>
      </c>
    </row>
    <row r="68" spans="1:4" ht="18" customHeight="1" x14ac:dyDescent="0.15">
      <c r="A68" s="8">
        <v>52</v>
      </c>
      <c r="B68" s="21">
        <v>17</v>
      </c>
      <c r="C68" s="6">
        <v>8</v>
      </c>
      <c r="D68" s="5">
        <v>25</v>
      </c>
    </row>
    <row r="69" spans="1:4" ht="18" customHeight="1" x14ac:dyDescent="0.15">
      <c r="A69" s="8">
        <v>53</v>
      </c>
      <c r="B69" s="21">
        <v>7</v>
      </c>
      <c r="C69" s="6">
        <v>9</v>
      </c>
      <c r="D69" s="5">
        <v>16</v>
      </c>
    </row>
    <row r="70" spans="1:4" ht="18" customHeight="1" x14ac:dyDescent="0.15">
      <c r="A70" s="8">
        <v>54</v>
      </c>
      <c r="B70" s="21">
        <v>9</v>
      </c>
      <c r="C70" s="6">
        <v>7</v>
      </c>
      <c r="D70" s="5">
        <v>16</v>
      </c>
    </row>
    <row r="71" spans="1:4" ht="18" customHeight="1" x14ac:dyDescent="0.15">
      <c r="A71" s="8" t="s">
        <v>14</v>
      </c>
      <c r="B71" s="21">
        <v>65</v>
      </c>
      <c r="C71" s="6">
        <v>45</v>
      </c>
      <c r="D71" s="5">
        <v>110</v>
      </c>
    </row>
    <row r="72" spans="1:4" ht="18" customHeight="1" x14ac:dyDescent="0.15">
      <c r="A72" s="8">
        <v>55</v>
      </c>
      <c r="B72" s="21">
        <v>11</v>
      </c>
      <c r="C72" s="6">
        <v>13</v>
      </c>
      <c r="D72" s="5">
        <v>24</v>
      </c>
    </row>
    <row r="73" spans="1:4" ht="18" customHeight="1" x14ac:dyDescent="0.15">
      <c r="A73" s="8">
        <v>56</v>
      </c>
      <c r="B73" s="21">
        <v>13</v>
      </c>
      <c r="C73" s="6">
        <v>9</v>
      </c>
      <c r="D73" s="5">
        <v>22</v>
      </c>
    </row>
    <row r="74" spans="1:4" ht="18" customHeight="1" x14ac:dyDescent="0.15">
      <c r="A74" s="8">
        <v>57</v>
      </c>
      <c r="B74" s="21">
        <v>9</v>
      </c>
      <c r="C74" s="6">
        <v>10</v>
      </c>
      <c r="D74" s="5">
        <v>19</v>
      </c>
    </row>
    <row r="75" spans="1:4" ht="18" customHeight="1" x14ac:dyDescent="0.15">
      <c r="A75" s="8">
        <v>58</v>
      </c>
      <c r="B75" s="21">
        <v>12</v>
      </c>
      <c r="C75" s="6">
        <v>8</v>
      </c>
      <c r="D75" s="5">
        <v>20</v>
      </c>
    </row>
    <row r="76" spans="1:4" ht="18" customHeight="1" x14ac:dyDescent="0.15">
      <c r="A76" s="8">
        <v>59</v>
      </c>
      <c r="B76" s="21">
        <v>12</v>
      </c>
      <c r="C76" s="6">
        <v>7</v>
      </c>
      <c r="D76" s="5">
        <v>19</v>
      </c>
    </row>
    <row r="77" spans="1:4" ht="18" customHeight="1" x14ac:dyDescent="0.15">
      <c r="A77" s="8" t="s">
        <v>13</v>
      </c>
      <c r="B77" s="21">
        <v>57</v>
      </c>
      <c r="C77" s="6">
        <v>47</v>
      </c>
      <c r="D77" s="5">
        <v>104</v>
      </c>
    </row>
    <row r="78" spans="1:4" ht="18" customHeight="1" x14ac:dyDescent="0.15">
      <c r="A78" s="8">
        <v>60</v>
      </c>
      <c r="B78" s="21">
        <v>15</v>
      </c>
      <c r="C78" s="6">
        <v>8</v>
      </c>
      <c r="D78" s="5">
        <v>23</v>
      </c>
    </row>
    <row r="79" spans="1:4" ht="18" customHeight="1" x14ac:dyDescent="0.15">
      <c r="A79" s="8">
        <v>61</v>
      </c>
      <c r="B79" s="21">
        <v>9</v>
      </c>
      <c r="C79" s="6">
        <v>9</v>
      </c>
      <c r="D79" s="5">
        <v>18</v>
      </c>
    </row>
    <row r="80" spans="1:4" ht="18" customHeight="1" x14ac:dyDescent="0.15">
      <c r="A80" s="8">
        <v>62</v>
      </c>
      <c r="B80" s="21">
        <v>5</v>
      </c>
      <c r="C80" s="6">
        <v>15</v>
      </c>
      <c r="D80" s="5">
        <v>20</v>
      </c>
    </row>
    <row r="81" spans="1:4" ht="18" customHeight="1" x14ac:dyDescent="0.15">
      <c r="A81" s="8">
        <v>63</v>
      </c>
      <c r="B81" s="21">
        <v>6</v>
      </c>
      <c r="C81" s="6">
        <v>8</v>
      </c>
      <c r="D81" s="5">
        <v>14</v>
      </c>
    </row>
    <row r="82" spans="1:4" ht="18" customHeight="1" x14ac:dyDescent="0.15">
      <c r="A82" s="8">
        <v>64</v>
      </c>
      <c r="B82" s="21">
        <v>15</v>
      </c>
      <c r="C82" s="6">
        <v>12</v>
      </c>
      <c r="D82" s="5">
        <v>27</v>
      </c>
    </row>
    <row r="83" spans="1:4" ht="18" customHeight="1" x14ac:dyDescent="0.15">
      <c r="A83" s="8" t="s">
        <v>12</v>
      </c>
      <c r="B83" s="21">
        <v>50</v>
      </c>
      <c r="C83" s="6">
        <v>52</v>
      </c>
      <c r="D83" s="5">
        <v>102</v>
      </c>
    </row>
    <row r="84" spans="1:4" ht="18" customHeight="1" x14ac:dyDescent="0.15">
      <c r="A84" s="8" t="s">
        <v>11</v>
      </c>
      <c r="B84" s="21">
        <v>589</v>
      </c>
      <c r="C84" s="6">
        <v>525</v>
      </c>
      <c r="D84" s="5">
        <v>1114</v>
      </c>
    </row>
    <row r="85" spans="1:4" ht="18" customHeight="1" x14ac:dyDescent="0.15">
      <c r="A85" s="8">
        <v>65</v>
      </c>
      <c r="B85" s="21">
        <v>9</v>
      </c>
      <c r="C85" s="6">
        <v>7</v>
      </c>
      <c r="D85" s="5">
        <v>16</v>
      </c>
    </row>
    <row r="86" spans="1:4" ht="18" customHeight="1" x14ac:dyDescent="0.15">
      <c r="A86" s="8">
        <v>66</v>
      </c>
      <c r="B86" s="21">
        <v>5</v>
      </c>
      <c r="C86" s="6">
        <v>7</v>
      </c>
      <c r="D86" s="5">
        <v>12</v>
      </c>
    </row>
    <row r="87" spans="1:4" ht="18" customHeight="1" x14ac:dyDescent="0.15">
      <c r="A87" s="8">
        <v>67</v>
      </c>
      <c r="B87" s="21">
        <v>8</v>
      </c>
      <c r="C87" s="6">
        <v>3</v>
      </c>
      <c r="D87" s="5">
        <v>11</v>
      </c>
    </row>
    <row r="88" spans="1:4" ht="18" customHeight="1" x14ac:dyDescent="0.15">
      <c r="A88" s="8">
        <v>68</v>
      </c>
      <c r="B88" s="21">
        <v>10</v>
      </c>
      <c r="C88" s="6">
        <v>11</v>
      </c>
      <c r="D88" s="5">
        <v>21</v>
      </c>
    </row>
    <row r="89" spans="1:4" ht="18" customHeight="1" x14ac:dyDescent="0.15">
      <c r="A89" s="8">
        <v>69</v>
      </c>
      <c r="B89" s="21">
        <v>8</v>
      </c>
      <c r="C89" s="6">
        <v>7</v>
      </c>
      <c r="D89" s="5">
        <v>15</v>
      </c>
    </row>
    <row r="90" spans="1:4" ht="18" customHeight="1" x14ac:dyDescent="0.15">
      <c r="A90" s="8" t="s">
        <v>10</v>
      </c>
      <c r="B90" s="21">
        <v>40</v>
      </c>
      <c r="C90" s="6">
        <v>35</v>
      </c>
      <c r="D90" s="5">
        <v>75</v>
      </c>
    </row>
    <row r="91" spans="1:4" ht="18" customHeight="1" x14ac:dyDescent="0.15">
      <c r="A91" s="8">
        <v>70</v>
      </c>
      <c r="B91" s="21">
        <v>10</v>
      </c>
      <c r="C91" s="6">
        <v>6</v>
      </c>
      <c r="D91" s="5">
        <v>16</v>
      </c>
    </row>
    <row r="92" spans="1:4" ht="18" customHeight="1" x14ac:dyDescent="0.15">
      <c r="A92" s="8">
        <v>71</v>
      </c>
      <c r="B92" s="21">
        <v>9</v>
      </c>
      <c r="C92" s="6">
        <v>15</v>
      </c>
      <c r="D92" s="5">
        <v>24</v>
      </c>
    </row>
    <row r="93" spans="1:4" ht="18" customHeight="1" x14ac:dyDescent="0.15">
      <c r="A93" s="8">
        <v>72</v>
      </c>
      <c r="B93" s="21">
        <v>6</v>
      </c>
      <c r="C93" s="6">
        <v>8</v>
      </c>
      <c r="D93" s="5">
        <v>14</v>
      </c>
    </row>
    <row r="94" spans="1:4" ht="18" customHeight="1" x14ac:dyDescent="0.15">
      <c r="A94" s="8">
        <v>73</v>
      </c>
      <c r="B94" s="21">
        <v>7</v>
      </c>
      <c r="C94" s="6">
        <v>10</v>
      </c>
      <c r="D94" s="5">
        <v>17</v>
      </c>
    </row>
    <row r="95" spans="1:4" ht="18" customHeight="1" x14ac:dyDescent="0.15">
      <c r="A95" s="8">
        <v>74</v>
      </c>
      <c r="B95" s="21">
        <v>10</v>
      </c>
      <c r="C95" s="6">
        <v>7</v>
      </c>
      <c r="D95" s="5">
        <v>17</v>
      </c>
    </row>
    <row r="96" spans="1:4" ht="18" customHeight="1" x14ac:dyDescent="0.15">
      <c r="A96" s="8" t="s">
        <v>9</v>
      </c>
      <c r="B96" s="21">
        <v>42</v>
      </c>
      <c r="C96" s="6">
        <v>46</v>
      </c>
      <c r="D96" s="5">
        <v>88</v>
      </c>
    </row>
    <row r="97" spans="1:4" ht="18" customHeight="1" x14ac:dyDescent="0.15">
      <c r="A97" s="8">
        <v>75</v>
      </c>
      <c r="B97" s="21">
        <v>13</v>
      </c>
      <c r="C97" s="6">
        <v>21</v>
      </c>
      <c r="D97" s="5">
        <v>34</v>
      </c>
    </row>
    <row r="98" spans="1:4" ht="18" customHeight="1" x14ac:dyDescent="0.15">
      <c r="A98" s="8">
        <v>76</v>
      </c>
      <c r="B98" s="21">
        <v>12</v>
      </c>
      <c r="C98" s="6">
        <v>17</v>
      </c>
      <c r="D98" s="5">
        <v>29</v>
      </c>
    </row>
    <row r="99" spans="1:4" ht="18" customHeight="1" x14ac:dyDescent="0.15">
      <c r="A99" s="8">
        <v>77</v>
      </c>
      <c r="B99" s="21">
        <v>16</v>
      </c>
      <c r="C99" s="6">
        <v>20</v>
      </c>
      <c r="D99" s="5">
        <v>36</v>
      </c>
    </row>
    <row r="100" spans="1:4" ht="18" customHeight="1" x14ac:dyDescent="0.15">
      <c r="A100" s="8">
        <v>78</v>
      </c>
      <c r="B100" s="21">
        <v>15</v>
      </c>
      <c r="C100" s="6">
        <v>9</v>
      </c>
      <c r="D100" s="5">
        <v>24</v>
      </c>
    </row>
    <row r="101" spans="1:4" ht="18" customHeight="1" x14ac:dyDescent="0.15">
      <c r="A101" s="8">
        <v>79</v>
      </c>
      <c r="B101" s="21">
        <v>3</v>
      </c>
      <c r="C101" s="6">
        <v>12</v>
      </c>
      <c r="D101" s="5">
        <v>15</v>
      </c>
    </row>
    <row r="102" spans="1:4" ht="18" customHeight="1" x14ac:dyDescent="0.15">
      <c r="A102" s="8" t="s">
        <v>8</v>
      </c>
      <c r="B102" s="21">
        <v>59</v>
      </c>
      <c r="C102" s="6">
        <v>79</v>
      </c>
      <c r="D102" s="5">
        <v>138</v>
      </c>
    </row>
    <row r="103" spans="1:4" ht="18" customHeight="1" x14ac:dyDescent="0.15">
      <c r="A103" s="8">
        <v>80</v>
      </c>
      <c r="B103" s="21">
        <v>4</v>
      </c>
      <c r="C103" s="6">
        <v>5</v>
      </c>
      <c r="D103" s="5">
        <v>9</v>
      </c>
    </row>
    <row r="104" spans="1:4" ht="18" customHeight="1" x14ac:dyDescent="0.15">
      <c r="A104" s="8">
        <v>81</v>
      </c>
      <c r="B104" s="21">
        <v>9</v>
      </c>
      <c r="C104" s="6">
        <v>12</v>
      </c>
      <c r="D104" s="5">
        <v>21</v>
      </c>
    </row>
    <row r="105" spans="1:4" ht="18" customHeight="1" x14ac:dyDescent="0.15">
      <c r="A105" s="8">
        <v>82</v>
      </c>
      <c r="B105" s="21">
        <v>8</v>
      </c>
      <c r="C105" s="6">
        <v>4</v>
      </c>
      <c r="D105" s="5">
        <v>12</v>
      </c>
    </row>
    <row r="106" spans="1:4" ht="18" customHeight="1" x14ac:dyDescent="0.15">
      <c r="A106" s="8">
        <v>83</v>
      </c>
      <c r="B106" s="21">
        <v>5</v>
      </c>
      <c r="C106" s="6">
        <v>7</v>
      </c>
      <c r="D106" s="5">
        <v>12</v>
      </c>
    </row>
    <row r="107" spans="1:4" ht="18" customHeight="1" x14ac:dyDescent="0.15">
      <c r="A107" s="8">
        <v>84</v>
      </c>
      <c r="B107" s="21">
        <v>4</v>
      </c>
      <c r="C107" s="6">
        <v>8</v>
      </c>
      <c r="D107" s="5">
        <v>12</v>
      </c>
    </row>
    <row r="108" spans="1:4" ht="18" customHeight="1" x14ac:dyDescent="0.15">
      <c r="A108" s="8" t="s">
        <v>7</v>
      </c>
      <c r="B108" s="21">
        <v>30</v>
      </c>
      <c r="C108" s="6">
        <v>36</v>
      </c>
      <c r="D108" s="5">
        <v>66</v>
      </c>
    </row>
    <row r="109" spans="1:4" ht="18" customHeight="1" x14ac:dyDescent="0.15">
      <c r="A109" s="8">
        <v>85</v>
      </c>
      <c r="B109" s="21">
        <v>5</v>
      </c>
      <c r="C109" s="6">
        <v>7</v>
      </c>
      <c r="D109" s="5">
        <v>12</v>
      </c>
    </row>
    <row r="110" spans="1:4" ht="18" customHeight="1" x14ac:dyDescent="0.15">
      <c r="A110" s="8">
        <v>86</v>
      </c>
      <c r="B110" s="21">
        <v>2</v>
      </c>
      <c r="C110" s="6">
        <v>6</v>
      </c>
      <c r="D110" s="5">
        <v>8</v>
      </c>
    </row>
    <row r="111" spans="1:4" ht="18" customHeight="1" x14ac:dyDescent="0.15">
      <c r="A111" s="8">
        <v>87</v>
      </c>
      <c r="B111" s="21">
        <v>5</v>
      </c>
      <c r="C111" s="6">
        <v>5</v>
      </c>
      <c r="D111" s="5">
        <v>10</v>
      </c>
    </row>
    <row r="112" spans="1:4" ht="18" customHeight="1" x14ac:dyDescent="0.15">
      <c r="A112" s="8">
        <v>88</v>
      </c>
      <c r="B112" s="21">
        <v>1</v>
      </c>
      <c r="C112" s="6">
        <v>4</v>
      </c>
      <c r="D112" s="5">
        <v>5</v>
      </c>
    </row>
    <row r="113" spans="1:4" ht="18" customHeight="1" x14ac:dyDescent="0.15">
      <c r="A113" s="8">
        <v>89</v>
      </c>
      <c r="B113" s="21">
        <v>1</v>
      </c>
      <c r="C113" s="6">
        <v>7</v>
      </c>
      <c r="D113" s="5">
        <v>8</v>
      </c>
    </row>
    <row r="114" spans="1:4" ht="18" customHeight="1" x14ac:dyDescent="0.15">
      <c r="A114" s="8" t="s">
        <v>6</v>
      </c>
      <c r="B114" s="21">
        <v>14</v>
      </c>
      <c r="C114" s="6">
        <v>29</v>
      </c>
      <c r="D114" s="5">
        <v>43</v>
      </c>
    </row>
    <row r="115" spans="1:4" ht="18" customHeight="1" x14ac:dyDescent="0.15">
      <c r="A115" s="8">
        <v>90</v>
      </c>
      <c r="B115" s="21">
        <v>3</v>
      </c>
      <c r="C115" s="6">
        <v>5</v>
      </c>
      <c r="D115" s="5">
        <v>8</v>
      </c>
    </row>
    <row r="116" spans="1:4" ht="18" customHeight="1" x14ac:dyDescent="0.15">
      <c r="A116" s="8">
        <v>91</v>
      </c>
      <c r="B116" s="21">
        <v>3</v>
      </c>
      <c r="C116" s="6">
        <v>2</v>
      </c>
      <c r="D116" s="5">
        <v>5</v>
      </c>
    </row>
    <row r="117" spans="1:4" ht="18" customHeight="1" x14ac:dyDescent="0.15">
      <c r="A117" s="8">
        <v>92</v>
      </c>
      <c r="B117" s="21">
        <v>0</v>
      </c>
      <c r="C117" s="6">
        <v>5</v>
      </c>
      <c r="D117" s="5">
        <v>5</v>
      </c>
    </row>
    <row r="118" spans="1:4" ht="18" customHeight="1" x14ac:dyDescent="0.15">
      <c r="A118" s="8">
        <v>93</v>
      </c>
      <c r="B118" s="21">
        <v>0</v>
      </c>
      <c r="C118" s="6">
        <v>2</v>
      </c>
      <c r="D118" s="5">
        <v>2</v>
      </c>
    </row>
    <row r="119" spans="1:4" ht="18" customHeight="1" x14ac:dyDescent="0.15">
      <c r="A119" s="8">
        <v>94</v>
      </c>
      <c r="B119" s="21">
        <v>0</v>
      </c>
      <c r="C119" s="6">
        <v>6</v>
      </c>
      <c r="D119" s="5">
        <v>6</v>
      </c>
    </row>
    <row r="120" spans="1:4" ht="18" customHeight="1" x14ac:dyDescent="0.15">
      <c r="A120" s="8" t="s">
        <v>5</v>
      </c>
      <c r="B120" s="21">
        <v>6</v>
      </c>
      <c r="C120" s="6">
        <v>20</v>
      </c>
      <c r="D120" s="5">
        <v>26</v>
      </c>
    </row>
    <row r="121" spans="1:4" ht="18" customHeight="1" x14ac:dyDescent="0.15">
      <c r="A121" s="8">
        <v>95</v>
      </c>
      <c r="B121" s="21">
        <v>2</v>
      </c>
      <c r="C121" s="6">
        <v>1</v>
      </c>
      <c r="D121" s="5">
        <v>3</v>
      </c>
    </row>
    <row r="122" spans="1:4" ht="18" customHeight="1" x14ac:dyDescent="0.15">
      <c r="A122" s="8">
        <v>96</v>
      </c>
      <c r="B122" s="21">
        <v>1</v>
      </c>
      <c r="C122" s="6">
        <v>4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1</v>
      </c>
      <c r="C124" s="6">
        <v>1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4</v>
      </c>
      <c r="C126" s="6">
        <v>6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95</v>
      </c>
      <c r="C130" s="6">
        <v>251</v>
      </c>
      <c r="D130" s="5">
        <v>446</v>
      </c>
    </row>
    <row r="131" spans="1:4" ht="18" customHeight="1" x14ac:dyDescent="0.15">
      <c r="A131" s="4" t="s">
        <v>0</v>
      </c>
      <c r="B131" s="20">
        <v>831</v>
      </c>
      <c r="C131" s="2">
        <v>831</v>
      </c>
      <c r="D131" s="1">
        <v>16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F24A0D-2655-4C3C-A183-ECD3F990457D}">
  <sheetPr codeName="Sheet5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4</v>
      </c>
      <c r="C5" s="11">
        <v>6</v>
      </c>
      <c r="D5" s="10">
        <v>20</v>
      </c>
    </row>
    <row r="6" spans="1:4" ht="18" customHeight="1" x14ac:dyDescent="0.15">
      <c r="A6" s="8">
        <v>1</v>
      </c>
      <c r="B6" s="21">
        <v>7</v>
      </c>
      <c r="C6" s="6">
        <v>4</v>
      </c>
      <c r="D6" s="5">
        <v>11</v>
      </c>
    </row>
    <row r="7" spans="1:4" ht="18" customHeight="1" x14ac:dyDescent="0.15">
      <c r="A7" s="8">
        <v>2</v>
      </c>
      <c r="B7" s="21">
        <v>8</v>
      </c>
      <c r="C7" s="6">
        <v>7</v>
      </c>
      <c r="D7" s="5">
        <v>15</v>
      </c>
    </row>
    <row r="8" spans="1:4" ht="18" customHeight="1" x14ac:dyDescent="0.15">
      <c r="A8" s="8">
        <v>3</v>
      </c>
      <c r="B8" s="21">
        <v>11</v>
      </c>
      <c r="C8" s="6">
        <v>8</v>
      </c>
      <c r="D8" s="5">
        <v>19</v>
      </c>
    </row>
    <row r="9" spans="1:4" ht="18" customHeight="1" x14ac:dyDescent="0.15">
      <c r="A9" s="8">
        <v>4</v>
      </c>
      <c r="B9" s="21">
        <v>8</v>
      </c>
      <c r="C9" s="6">
        <v>6</v>
      </c>
      <c r="D9" s="5">
        <v>14</v>
      </c>
    </row>
    <row r="10" spans="1:4" ht="18" customHeight="1" x14ac:dyDescent="0.15">
      <c r="A10" s="8" t="s">
        <v>25</v>
      </c>
      <c r="B10" s="21">
        <v>48</v>
      </c>
      <c r="C10" s="6">
        <v>31</v>
      </c>
      <c r="D10" s="5">
        <v>79</v>
      </c>
    </row>
    <row r="11" spans="1:4" ht="18" customHeight="1" x14ac:dyDescent="0.15">
      <c r="A11" s="8">
        <v>5</v>
      </c>
      <c r="B11" s="21">
        <v>9</v>
      </c>
      <c r="C11" s="6">
        <v>11</v>
      </c>
      <c r="D11" s="5">
        <v>20</v>
      </c>
    </row>
    <row r="12" spans="1:4" ht="18" customHeight="1" x14ac:dyDescent="0.15">
      <c r="A12" s="8">
        <v>6</v>
      </c>
      <c r="B12" s="21">
        <v>5</v>
      </c>
      <c r="C12" s="6">
        <v>13</v>
      </c>
      <c r="D12" s="5">
        <v>18</v>
      </c>
    </row>
    <row r="13" spans="1:4" ht="18" customHeight="1" x14ac:dyDescent="0.15">
      <c r="A13" s="8">
        <v>7</v>
      </c>
      <c r="B13" s="21">
        <v>16</v>
      </c>
      <c r="C13" s="6">
        <v>11</v>
      </c>
      <c r="D13" s="5">
        <v>27</v>
      </c>
    </row>
    <row r="14" spans="1:4" ht="18" customHeight="1" x14ac:dyDescent="0.15">
      <c r="A14" s="8">
        <v>8</v>
      </c>
      <c r="B14" s="21">
        <v>11</v>
      </c>
      <c r="C14" s="6">
        <v>16</v>
      </c>
      <c r="D14" s="5">
        <v>27</v>
      </c>
    </row>
    <row r="15" spans="1:4" ht="18" customHeight="1" x14ac:dyDescent="0.15">
      <c r="A15" s="8">
        <v>9</v>
      </c>
      <c r="B15" s="21">
        <v>15</v>
      </c>
      <c r="C15" s="6">
        <v>8</v>
      </c>
      <c r="D15" s="5">
        <v>23</v>
      </c>
    </row>
    <row r="16" spans="1:4" ht="18" customHeight="1" x14ac:dyDescent="0.15">
      <c r="A16" s="8" t="s">
        <v>24</v>
      </c>
      <c r="B16" s="21">
        <v>56</v>
      </c>
      <c r="C16" s="6">
        <v>59</v>
      </c>
      <c r="D16" s="5">
        <v>115</v>
      </c>
    </row>
    <row r="17" spans="1:4" ht="18" customHeight="1" x14ac:dyDescent="0.15">
      <c r="A17" s="8">
        <v>10</v>
      </c>
      <c r="B17" s="21">
        <v>13</v>
      </c>
      <c r="C17" s="6">
        <v>20</v>
      </c>
      <c r="D17" s="5">
        <v>33</v>
      </c>
    </row>
    <row r="18" spans="1:4" ht="18" customHeight="1" x14ac:dyDescent="0.15">
      <c r="A18" s="8">
        <v>11</v>
      </c>
      <c r="B18" s="21">
        <v>8</v>
      </c>
      <c r="C18" s="6">
        <v>16</v>
      </c>
      <c r="D18" s="5">
        <v>24</v>
      </c>
    </row>
    <row r="19" spans="1:4" ht="18" customHeight="1" x14ac:dyDescent="0.15">
      <c r="A19" s="8">
        <v>12</v>
      </c>
      <c r="B19" s="21">
        <v>18</v>
      </c>
      <c r="C19" s="6">
        <v>10</v>
      </c>
      <c r="D19" s="5">
        <v>28</v>
      </c>
    </row>
    <row r="20" spans="1:4" ht="18" customHeight="1" x14ac:dyDescent="0.15">
      <c r="A20" s="8">
        <v>13</v>
      </c>
      <c r="B20" s="21">
        <v>16</v>
      </c>
      <c r="C20" s="6">
        <v>9</v>
      </c>
      <c r="D20" s="5">
        <v>25</v>
      </c>
    </row>
    <row r="21" spans="1:4" ht="18" customHeight="1" x14ac:dyDescent="0.15">
      <c r="A21" s="8">
        <v>14</v>
      </c>
      <c r="B21" s="21">
        <v>10</v>
      </c>
      <c r="C21" s="6">
        <v>13</v>
      </c>
      <c r="D21" s="5">
        <v>23</v>
      </c>
    </row>
    <row r="22" spans="1:4" ht="18" customHeight="1" x14ac:dyDescent="0.15">
      <c r="A22" s="8" t="s">
        <v>23</v>
      </c>
      <c r="B22" s="21">
        <v>65</v>
      </c>
      <c r="C22" s="6">
        <v>68</v>
      </c>
      <c r="D22" s="5">
        <v>133</v>
      </c>
    </row>
    <row r="23" spans="1:4" ht="18" customHeight="1" x14ac:dyDescent="0.15">
      <c r="A23" s="8" t="s">
        <v>22</v>
      </c>
      <c r="B23" s="21">
        <v>169</v>
      </c>
      <c r="C23" s="6">
        <v>158</v>
      </c>
      <c r="D23" s="5">
        <v>327</v>
      </c>
    </row>
    <row r="24" spans="1:4" ht="18" customHeight="1" x14ac:dyDescent="0.15">
      <c r="A24" s="8">
        <v>15</v>
      </c>
      <c r="B24" s="21">
        <v>11</v>
      </c>
      <c r="C24" s="6">
        <v>12</v>
      </c>
      <c r="D24" s="5">
        <v>23</v>
      </c>
    </row>
    <row r="25" spans="1:4" ht="18" customHeight="1" x14ac:dyDescent="0.15">
      <c r="A25" s="8">
        <v>16</v>
      </c>
      <c r="B25" s="21">
        <v>15</v>
      </c>
      <c r="C25" s="6">
        <v>10</v>
      </c>
      <c r="D25" s="5">
        <v>25</v>
      </c>
    </row>
    <row r="26" spans="1:4" ht="18" customHeight="1" x14ac:dyDescent="0.15">
      <c r="A26" s="8">
        <v>17</v>
      </c>
      <c r="B26" s="21">
        <v>18</v>
      </c>
      <c r="C26" s="6">
        <v>16</v>
      </c>
      <c r="D26" s="5">
        <v>34</v>
      </c>
    </row>
    <row r="27" spans="1:4" ht="18" customHeight="1" x14ac:dyDescent="0.15">
      <c r="A27" s="8">
        <v>18</v>
      </c>
      <c r="B27" s="21">
        <v>13</v>
      </c>
      <c r="C27" s="6">
        <v>18</v>
      </c>
      <c r="D27" s="5">
        <v>31</v>
      </c>
    </row>
    <row r="28" spans="1:4" ht="18" customHeight="1" x14ac:dyDescent="0.15">
      <c r="A28" s="8">
        <v>19</v>
      </c>
      <c r="B28" s="21">
        <v>18</v>
      </c>
      <c r="C28" s="6">
        <v>11</v>
      </c>
      <c r="D28" s="5">
        <v>29</v>
      </c>
    </row>
    <row r="29" spans="1:4" ht="18" customHeight="1" x14ac:dyDescent="0.15">
      <c r="A29" s="8" t="s">
        <v>21</v>
      </c>
      <c r="B29" s="21">
        <v>75</v>
      </c>
      <c r="C29" s="6">
        <v>67</v>
      </c>
      <c r="D29" s="5">
        <v>142</v>
      </c>
    </row>
    <row r="30" spans="1:4" ht="18" customHeight="1" x14ac:dyDescent="0.15">
      <c r="A30" s="8">
        <v>20</v>
      </c>
      <c r="B30" s="21">
        <v>17</v>
      </c>
      <c r="C30" s="6">
        <v>13</v>
      </c>
      <c r="D30" s="5">
        <v>30</v>
      </c>
    </row>
    <row r="31" spans="1:4" ht="18" customHeight="1" x14ac:dyDescent="0.15">
      <c r="A31" s="8">
        <v>21</v>
      </c>
      <c r="B31" s="21">
        <v>10</v>
      </c>
      <c r="C31" s="6">
        <v>16</v>
      </c>
      <c r="D31" s="5">
        <v>26</v>
      </c>
    </row>
    <row r="32" spans="1:4" ht="18" customHeight="1" x14ac:dyDescent="0.15">
      <c r="A32" s="8">
        <v>22</v>
      </c>
      <c r="B32" s="21">
        <v>13</v>
      </c>
      <c r="C32" s="6">
        <v>17</v>
      </c>
      <c r="D32" s="5">
        <v>30</v>
      </c>
    </row>
    <row r="33" spans="1:4" ht="18" customHeight="1" x14ac:dyDescent="0.15">
      <c r="A33" s="8">
        <v>23</v>
      </c>
      <c r="B33" s="21">
        <v>15</v>
      </c>
      <c r="C33" s="6">
        <v>15</v>
      </c>
      <c r="D33" s="5">
        <v>30</v>
      </c>
    </row>
    <row r="34" spans="1:4" ht="18" customHeight="1" x14ac:dyDescent="0.15">
      <c r="A34" s="8">
        <v>24</v>
      </c>
      <c r="B34" s="21">
        <v>29</v>
      </c>
      <c r="C34" s="6">
        <v>17</v>
      </c>
      <c r="D34" s="5">
        <v>46</v>
      </c>
    </row>
    <row r="35" spans="1:4" ht="18" customHeight="1" x14ac:dyDescent="0.15">
      <c r="A35" s="8" t="s">
        <v>20</v>
      </c>
      <c r="B35" s="21">
        <v>84</v>
      </c>
      <c r="C35" s="6">
        <v>78</v>
      </c>
      <c r="D35" s="5">
        <v>162</v>
      </c>
    </row>
    <row r="36" spans="1:4" ht="18" customHeight="1" x14ac:dyDescent="0.15">
      <c r="A36" s="8">
        <v>25</v>
      </c>
      <c r="B36" s="21">
        <v>15</v>
      </c>
      <c r="C36" s="6">
        <v>19</v>
      </c>
      <c r="D36" s="5">
        <v>34</v>
      </c>
    </row>
    <row r="37" spans="1:4" ht="18" customHeight="1" x14ac:dyDescent="0.15">
      <c r="A37" s="8">
        <v>26</v>
      </c>
      <c r="B37" s="21">
        <v>19</v>
      </c>
      <c r="C37" s="6">
        <v>19</v>
      </c>
      <c r="D37" s="5">
        <v>38</v>
      </c>
    </row>
    <row r="38" spans="1:4" ht="18" customHeight="1" x14ac:dyDescent="0.15">
      <c r="A38" s="8">
        <v>27</v>
      </c>
      <c r="B38" s="21">
        <v>16</v>
      </c>
      <c r="C38" s="6">
        <v>12</v>
      </c>
      <c r="D38" s="5">
        <v>28</v>
      </c>
    </row>
    <row r="39" spans="1:4" ht="18" customHeight="1" x14ac:dyDescent="0.15">
      <c r="A39" s="8">
        <v>28</v>
      </c>
      <c r="B39" s="21">
        <v>26</v>
      </c>
      <c r="C39" s="6">
        <v>12</v>
      </c>
      <c r="D39" s="5">
        <v>38</v>
      </c>
    </row>
    <row r="40" spans="1:4" ht="18" customHeight="1" x14ac:dyDescent="0.15">
      <c r="A40" s="8">
        <v>29</v>
      </c>
      <c r="B40" s="21">
        <v>15</v>
      </c>
      <c r="C40" s="6">
        <v>13</v>
      </c>
      <c r="D40" s="5">
        <v>28</v>
      </c>
    </row>
    <row r="41" spans="1:4" ht="18" customHeight="1" x14ac:dyDescent="0.15">
      <c r="A41" s="8" t="s">
        <v>19</v>
      </c>
      <c r="B41" s="21">
        <v>91</v>
      </c>
      <c r="C41" s="6">
        <v>75</v>
      </c>
      <c r="D41" s="5">
        <v>166</v>
      </c>
    </row>
    <row r="42" spans="1:4" ht="18" customHeight="1" x14ac:dyDescent="0.15">
      <c r="A42" s="8">
        <v>30</v>
      </c>
      <c r="B42" s="21">
        <v>15</v>
      </c>
      <c r="C42" s="6">
        <v>6</v>
      </c>
      <c r="D42" s="5">
        <v>21</v>
      </c>
    </row>
    <row r="43" spans="1:4" ht="18" customHeight="1" x14ac:dyDescent="0.15">
      <c r="A43" s="8">
        <v>31</v>
      </c>
      <c r="B43" s="21">
        <v>17</v>
      </c>
      <c r="C43" s="6">
        <v>16</v>
      </c>
      <c r="D43" s="5">
        <v>33</v>
      </c>
    </row>
    <row r="44" spans="1:4" ht="18" customHeight="1" x14ac:dyDescent="0.15">
      <c r="A44" s="8">
        <v>32</v>
      </c>
      <c r="B44" s="21">
        <v>12</v>
      </c>
      <c r="C44" s="6">
        <v>15</v>
      </c>
      <c r="D44" s="5">
        <v>27</v>
      </c>
    </row>
    <row r="45" spans="1:4" ht="18" customHeight="1" x14ac:dyDescent="0.15">
      <c r="A45" s="8">
        <v>33</v>
      </c>
      <c r="B45" s="21">
        <v>10</v>
      </c>
      <c r="C45" s="6">
        <v>12</v>
      </c>
      <c r="D45" s="5">
        <v>22</v>
      </c>
    </row>
    <row r="46" spans="1:4" ht="18" customHeight="1" x14ac:dyDescent="0.15">
      <c r="A46" s="8">
        <v>34</v>
      </c>
      <c r="B46" s="21">
        <v>8</v>
      </c>
      <c r="C46" s="6">
        <v>18</v>
      </c>
      <c r="D46" s="5">
        <v>26</v>
      </c>
    </row>
    <row r="47" spans="1:4" ht="18" customHeight="1" x14ac:dyDescent="0.15">
      <c r="A47" s="8" t="s">
        <v>18</v>
      </c>
      <c r="B47" s="21">
        <v>62</v>
      </c>
      <c r="C47" s="6">
        <v>67</v>
      </c>
      <c r="D47" s="5">
        <v>129</v>
      </c>
    </row>
    <row r="48" spans="1:4" ht="18" customHeight="1" x14ac:dyDescent="0.15">
      <c r="A48" s="8">
        <v>35</v>
      </c>
      <c r="B48" s="21">
        <v>13</v>
      </c>
      <c r="C48" s="6">
        <v>18</v>
      </c>
      <c r="D48" s="5">
        <v>31</v>
      </c>
    </row>
    <row r="49" spans="1:4" ht="18" customHeight="1" x14ac:dyDescent="0.15">
      <c r="A49" s="8">
        <v>36</v>
      </c>
      <c r="B49" s="21">
        <v>17</v>
      </c>
      <c r="C49" s="6">
        <v>13</v>
      </c>
      <c r="D49" s="5">
        <v>30</v>
      </c>
    </row>
    <row r="50" spans="1:4" ht="18" customHeight="1" x14ac:dyDescent="0.15">
      <c r="A50" s="8">
        <v>37</v>
      </c>
      <c r="B50" s="21">
        <v>17</v>
      </c>
      <c r="C50" s="6">
        <v>7</v>
      </c>
      <c r="D50" s="5">
        <v>24</v>
      </c>
    </row>
    <row r="51" spans="1:4" ht="18" customHeight="1" x14ac:dyDescent="0.15">
      <c r="A51" s="8">
        <v>38</v>
      </c>
      <c r="B51" s="21">
        <v>26</v>
      </c>
      <c r="C51" s="6">
        <v>17</v>
      </c>
      <c r="D51" s="5">
        <v>43</v>
      </c>
    </row>
    <row r="52" spans="1:4" ht="18" customHeight="1" x14ac:dyDescent="0.15">
      <c r="A52" s="8">
        <v>39</v>
      </c>
      <c r="B52" s="21">
        <v>26</v>
      </c>
      <c r="C52" s="6">
        <v>13</v>
      </c>
      <c r="D52" s="5">
        <v>39</v>
      </c>
    </row>
    <row r="53" spans="1:4" ht="18" customHeight="1" x14ac:dyDescent="0.15">
      <c r="A53" s="8" t="s">
        <v>17</v>
      </c>
      <c r="B53" s="21">
        <v>99</v>
      </c>
      <c r="C53" s="6">
        <v>68</v>
      </c>
      <c r="D53" s="5">
        <v>167</v>
      </c>
    </row>
    <row r="54" spans="1:4" ht="18" customHeight="1" x14ac:dyDescent="0.15">
      <c r="A54" s="8">
        <v>40</v>
      </c>
      <c r="B54" s="21">
        <v>24</v>
      </c>
      <c r="C54" s="6">
        <v>23</v>
      </c>
      <c r="D54" s="5">
        <v>47</v>
      </c>
    </row>
    <row r="55" spans="1:4" ht="18" customHeight="1" x14ac:dyDescent="0.15">
      <c r="A55" s="8">
        <v>41</v>
      </c>
      <c r="B55" s="21">
        <v>18</v>
      </c>
      <c r="C55" s="6">
        <v>16</v>
      </c>
      <c r="D55" s="5">
        <v>34</v>
      </c>
    </row>
    <row r="56" spans="1:4" ht="18" customHeight="1" x14ac:dyDescent="0.15">
      <c r="A56" s="8">
        <v>42</v>
      </c>
      <c r="B56" s="21">
        <v>20</v>
      </c>
      <c r="C56" s="6">
        <v>16</v>
      </c>
      <c r="D56" s="5">
        <v>36</v>
      </c>
    </row>
    <row r="57" spans="1:4" ht="18" customHeight="1" x14ac:dyDescent="0.15">
      <c r="A57" s="8">
        <v>43</v>
      </c>
      <c r="B57" s="21">
        <v>19</v>
      </c>
      <c r="C57" s="6">
        <v>19</v>
      </c>
      <c r="D57" s="5">
        <v>38</v>
      </c>
    </row>
    <row r="58" spans="1:4" ht="18" customHeight="1" x14ac:dyDescent="0.15">
      <c r="A58" s="8">
        <v>44</v>
      </c>
      <c r="B58" s="21">
        <v>16</v>
      </c>
      <c r="C58" s="6">
        <v>19</v>
      </c>
      <c r="D58" s="5">
        <v>35</v>
      </c>
    </row>
    <row r="59" spans="1:4" ht="18" customHeight="1" x14ac:dyDescent="0.15">
      <c r="A59" s="8" t="s">
        <v>16</v>
      </c>
      <c r="B59" s="21">
        <v>97</v>
      </c>
      <c r="C59" s="6">
        <v>93</v>
      </c>
      <c r="D59" s="5">
        <v>190</v>
      </c>
    </row>
    <row r="60" spans="1:4" ht="18" customHeight="1" x14ac:dyDescent="0.15">
      <c r="A60" s="8">
        <v>45</v>
      </c>
      <c r="B60" s="21">
        <v>21</v>
      </c>
      <c r="C60" s="6">
        <v>23</v>
      </c>
      <c r="D60" s="5">
        <v>44</v>
      </c>
    </row>
    <row r="61" spans="1:4" ht="18" customHeight="1" x14ac:dyDescent="0.15">
      <c r="A61" s="8">
        <v>46</v>
      </c>
      <c r="B61" s="21">
        <v>20</v>
      </c>
      <c r="C61" s="6">
        <v>17</v>
      </c>
      <c r="D61" s="5">
        <v>37</v>
      </c>
    </row>
    <row r="62" spans="1:4" ht="18" customHeight="1" x14ac:dyDescent="0.15">
      <c r="A62" s="8">
        <v>47</v>
      </c>
      <c r="B62" s="21">
        <v>19</v>
      </c>
      <c r="C62" s="6">
        <v>18</v>
      </c>
      <c r="D62" s="5">
        <v>37</v>
      </c>
    </row>
    <row r="63" spans="1:4" ht="18" customHeight="1" x14ac:dyDescent="0.15">
      <c r="A63" s="8">
        <v>48</v>
      </c>
      <c r="B63" s="21">
        <v>20</v>
      </c>
      <c r="C63" s="6">
        <v>19</v>
      </c>
      <c r="D63" s="5">
        <v>39</v>
      </c>
    </row>
    <row r="64" spans="1:4" ht="18" customHeight="1" x14ac:dyDescent="0.15">
      <c r="A64" s="8">
        <v>49</v>
      </c>
      <c r="B64" s="21">
        <v>24</v>
      </c>
      <c r="C64" s="6">
        <v>27</v>
      </c>
      <c r="D64" s="5">
        <v>51</v>
      </c>
    </row>
    <row r="65" spans="1:4" ht="18" customHeight="1" x14ac:dyDescent="0.15">
      <c r="A65" s="8" t="s">
        <v>15</v>
      </c>
      <c r="B65" s="21">
        <v>104</v>
      </c>
      <c r="C65" s="6">
        <v>104</v>
      </c>
      <c r="D65" s="5">
        <v>208</v>
      </c>
    </row>
    <row r="66" spans="1:4" ht="18" customHeight="1" x14ac:dyDescent="0.15">
      <c r="A66" s="8">
        <v>50</v>
      </c>
      <c r="B66" s="21">
        <v>35</v>
      </c>
      <c r="C66" s="6">
        <v>18</v>
      </c>
      <c r="D66" s="5">
        <v>53</v>
      </c>
    </row>
    <row r="67" spans="1:4" ht="18" customHeight="1" x14ac:dyDescent="0.15">
      <c r="A67" s="8">
        <v>51</v>
      </c>
      <c r="B67" s="21">
        <v>24</v>
      </c>
      <c r="C67" s="6">
        <v>19</v>
      </c>
      <c r="D67" s="5">
        <v>43</v>
      </c>
    </row>
    <row r="68" spans="1:4" ht="18" customHeight="1" x14ac:dyDescent="0.15">
      <c r="A68" s="8">
        <v>52</v>
      </c>
      <c r="B68" s="21">
        <v>29</v>
      </c>
      <c r="C68" s="6">
        <v>27</v>
      </c>
      <c r="D68" s="5">
        <v>56</v>
      </c>
    </row>
    <row r="69" spans="1:4" ht="18" customHeight="1" x14ac:dyDescent="0.15">
      <c r="A69" s="8">
        <v>53</v>
      </c>
      <c r="B69" s="21">
        <v>21</v>
      </c>
      <c r="C69" s="6">
        <v>25</v>
      </c>
      <c r="D69" s="5">
        <v>46</v>
      </c>
    </row>
    <row r="70" spans="1:4" ht="18" customHeight="1" x14ac:dyDescent="0.15">
      <c r="A70" s="8">
        <v>54</v>
      </c>
      <c r="B70" s="21">
        <v>25</v>
      </c>
      <c r="C70" s="6">
        <v>15</v>
      </c>
      <c r="D70" s="5">
        <v>40</v>
      </c>
    </row>
    <row r="71" spans="1:4" ht="18" customHeight="1" x14ac:dyDescent="0.15">
      <c r="A71" s="8" t="s">
        <v>14</v>
      </c>
      <c r="B71" s="21">
        <v>134</v>
      </c>
      <c r="C71" s="6">
        <v>104</v>
      </c>
      <c r="D71" s="5">
        <v>238</v>
      </c>
    </row>
    <row r="72" spans="1:4" ht="18" customHeight="1" x14ac:dyDescent="0.15">
      <c r="A72" s="8">
        <v>55</v>
      </c>
      <c r="B72" s="21">
        <v>21</v>
      </c>
      <c r="C72" s="6">
        <v>24</v>
      </c>
      <c r="D72" s="5">
        <v>45</v>
      </c>
    </row>
    <row r="73" spans="1:4" ht="18" customHeight="1" x14ac:dyDescent="0.15">
      <c r="A73" s="8">
        <v>56</v>
      </c>
      <c r="B73" s="21">
        <v>29</v>
      </c>
      <c r="C73" s="6">
        <v>25</v>
      </c>
      <c r="D73" s="5">
        <v>54</v>
      </c>
    </row>
    <row r="74" spans="1:4" ht="18" customHeight="1" x14ac:dyDescent="0.15">
      <c r="A74" s="8">
        <v>57</v>
      </c>
      <c r="B74" s="21">
        <v>19</v>
      </c>
      <c r="C74" s="6">
        <v>16</v>
      </c>
      <c r="D74" s="5">
        <v>35</v>
      </c>
    </row>
    <row r="75" spans="1:4" ht="18" customHeight="1" x14ac:dyDescent="0.15">
      <c r="A75" s="8">
        <v>58</v>
      </c>
      <c r="B75" s="21">
        <v>26</v>
      </c>
      <c r="C75" s="6">
        <v>20</v>
      </c>
      <c r="D75" s="5">
        <v>46</v>
      </c>
    </row>
    <row r="76" spans="1:4" ht="18" customHeight="1" x14ac:dyDescent="0.15">
      <c r="A76" s="8">
        <v>59</v>
      </c>
      <c r="B76" s="21">
        <v>17</v>
      </c>
      <c r="C76" s="6">
        <v>20</v>
      </c>
      <c r="D76" s="5">
        <v>37</v>
      </c>
    </row>
    <row r="77" spans="1:4" ht="18" customHeight="1" x14ac:dyDescent="0.15">
      <c r="A77" s="8" t="s">
        <v>13</v>
      </c>
      <c r="B77" s="21">
        <v>112</v>
      </c>
      <c r="C77" s="6">
        <v>105</v>
      </c>
      <c r="D77" s="5">
        <v>217</v>
      </c>
    </row>
    <row r="78" spans="1:4" ht="18" customHeight="1" x14ac:dyDescent="0.15">
      <c r="A78" s="8">
        <v>60</v>
      </c>
      <c r="B78" s="21">
        <v>11</v>
      </c>
      <c r="C78" s="6">
        <v>21</v>
      </c>
      <c r="D78" s="5">
        <v>32</v>
      </c>
    </row>
    <row r="79" spans="1:4" ht="18" customHeight="1" x14ac:dyDescent="0.15">
      <c r="A79" s="8">
        <v>61</v>
      </c>
      <c r="B79" s="21">
        <v>15</v>
      </c>
      <c r="C79" s="6">
        <v>13</v>
      </c>
      <c r="D79" s="5">
        <v>28</v>
      </c>
    </row>
    <row r="80" spans="1:4" ht="18" customHeight="1" x14ac:dyDescent="0.15">
      <c r="A80" s="8">
        <v>62</v>
      </c>
      <c r="B80" s="21">
        <v>23</v>
      </c>
      <c r="C80" s="6">
        <v>14</v>
      </c>
      <c r="D80" s="5">
        <v>37</v>
      </c>
    </row>
    <row r="81" spans="1:4" ht="18" customHeight="1" x14ac:dyDescent="0.15">
      <c r="A81" s="8">
        <v>63</v>
      </c>
      <c r="B81" s="21">
        <v>18</v>
      </c>
      <c r="C81" s="6">
        <v>23</v>
      </c>
      <c r="D81" s="5">
        <v>41</v>
      </c>
    </row>
    <row r="82" spans="1:4" ht="18" customHeight="1" x14ac:dyDescent="0.15">
      <c r="A82" s="8">
        <v>64</v>
      </c>
      <c r="B82" s="21">
        <v>18</v>
      </c>
      <c r="C82" s="6">
        <v>26</v>
      </c>
      <c r="D82" s="5">
        <v>44</v>
      </c>
    </row>
    <row r="83" spans="1:4" ht="18" customHeight="1" x14ac:dyDescent="0.15">
      <c r="A83" s="8" t="s">
        <v>12</v>
      </c>
      <c r="B83" s="21">
        <v>85</v>
      </c>
      <c r="C83" s="6">
        <v>97</v>
      </c>
      <c r="D83" s="5">
        <v>182</v>
      </c>
    </row>
    <row r="84" spans="1:4" ht="18" customHeight="1" x14ac:dyDescent="0.15">
      <c r="A84" s="8" t="s">
        <v>11</v>
      </c>
      <c r="B84" s="21">
        <v>943</v>
      </c>
      <c r="C84" s="6">
        <v>858</v>
      </c>
      <c r="D84" s="5">
        <v>1801</v>
      </c>
    </row>
    <row r="85" spans="1:4" ht="18" customHeight="1" x14ac:dyDescent="0.15">
      <c r="A85" s="8">
        <v>65</v>
      </c>
      <c r="B85" s="21">
        <v>18</v>
      </c>
      <c r="C85" s="6">
        <v>17</v>
      </c>
      <c r="D85" s="5">
        <v>35</v>
      </c>
    </row>
    <row r="86" spans="1:4" ht="18" customHeight="1" x14ac:dyDescent="0.15">
      <c r="A86" s="8">
        <v>66</v>
      </c>
      <c r="B86" s="21">
        <v>12</v>
      </c>
      <c r="C86" s="6">
        <v>27</v>
      </c>
      <c r="D86" s="5">
        <v>39</v>
      </c>
    </row>
    <row r="87" spans="1:4" ht="18" customHeight="1" x14ac:dyDescent="0.15">
      <c r="A87" s="8">
        <v>67</v>
      </c>
      <c r="B87" s="21">
        <v>19</v>
      </c>
      <c r="C87" s="6">
        <v>10</v>
      </c>
      <c r="D87" s="5">
        <v>29</v>
      </c>
    </row>
    <row r="88" spans="1:4" ht="18" customHeight="1" x14ac:dyDescent="0.15">
      <c r="A88" s="8">
        <v>68</v>
      </c>
      <c r="B88" s="21">
        <v>14</v>
      </c>
      <c r="C88" s="6">
        <v>17</v>
      </c>
      <c r="D88" s="5">
        <v>31</v>
      </c>
    </row>
    <row r="89" spans="1:4" ht="18" customHeight="1" x14ac:dyDescent="0.15">
      <c r="A89" s="8">
        <v>69</v>
      </c>
      <c r="B89" s="21">
        <v>20</v>
      </c>
      <c r="C89" s="6">
        <v>27</v>
      </c>
      <c r="D89" s="5">
        <v>47</v>
      </c>
    </row>
    <row r="90" spans="1:4" ht="18" customHeight="1" x14ac:dyDescent="0.15">
      <c r="A90" s="8" t="s">
        <v>10</v>
      </c>
      <c r="B90" s="21">
        <v>83</v>
      </c>
      <c r="C90" s="6">
        <v>98</v>
      </c>
      <c r="D90" s="5">
        <v>181</v>
      </c>
    </row>
    <row r="91" spans="1:4" ht="18" customHeight="1" x14ac:dyDescent="0.15">
      <c r="A91" s="8">
        <v>70</v>
      </c>
      <c r="B91" s="21">
        <v>25</v>
      </c>
      <c r="C91" s="6">
        <v>24</v>
      </c>
      <c r="D91" s="5">
        <v>49</v>
      </c>
    </row>
    <row r="92" spans="1:4" ht="18" customHeight="1" x14ac:dyDescent="0.15">
      <c r="A92" s="8">
        <v>71</v>
      </c>
      <c r="B92" s="21">
        <v>19</v>
      </c>
      <c r="C92" s="6">
        <v>20</v>
      </c>
      <c r="D92" s="5">
        <v>39</v>
      </c>
    </row>
    <row r="93" spans="1:4" ht="18" customHeight="1" x14ac:dyDescent="0.15">
      <c r="A93" s="8">
        <v>72</v>
      </c>
      <c r="B93" s="21">
        <v>25</v>
      </c>
      <c r="C93" s="6">
        <v>30</v>
      </c>
      <c r="D93" s="5">
        <v>55</v>
      </c>
    </row>
    <row r="94" spans="1:4" ht="18" customHeight="1" x14ac:dyDescent="0.15">
      <c r="A94" s="8">
        <v>73</v>
      </c>
      <c r="B94" s="21">
        <v>20</v>
      </c>
      <c r="C94" s="6">
        <v>35</v>
      </c>
      <c r="D94" s="5">
        <v>55</v>
      </c>
    </row>
    <row r="95" spans="1:4" ht="18" customHeight="1" x14ac:dyDescent="0.15">
      <c r="A95" s="8">
        <v>74</v>
      </c>
      <c r="B95" s="21">
        <v>24</v>
      </c>
      <c r="C95" s="6">
        <v>32</v>
      </c>
      <c r="D95" s="5">
        <v>56</v>
      </c>
    </row>
    <row r="96" spans="1:4" ht="18" customHeight="1" x14ac:dyDescent="0.15">
      <c r="A96" s="8" t="s">
        <v>9</v>
      </c>
      <c r="B96" s="21">
        <v>113</v>
      </c>
      <c r="C96" s="6">
        <v>141</v>
      </c>
      <c r="D96" s="5">
        <v>254</v>
      </c>
    </row>
    <row r="97" spans="1:4" ht="18" customHeight="1" x14ac:dyDescent="0.15">
      <c r="A97" s="8">
        <v>75</v>
      </c>
      <c r="B97" s="21">
        <v>24</v>
      </c>
      <c r="C97" s="6">
        <v>37</v>
      </c>
      <c r="D97" s="5">
        <v>61</v>
      </c>
    </row>
    <row r="98" spans="1:4" ht="18" customHeight="1" x14ac:dyDescent="0.15">
      <c r="A98" s="8">
        <v>76</v>
      </c>
      <c r="B98" s="21">
        <v>39</v>
      </c>
      <c r="C98" s="6">
        <v>38</v>
      </c>
      <c r="D98" s="5">
        <v>77</v>
      </c>
    </row>
    <row r="99" spans="1:4" ht="18" customHeight="1" x14ac:dyDescent="0.15">
      <c r="A99" s="8">
        <v>77</v>
      </c>
      <c r="B99" s="21">
        <v>32</v>
      </c>
      <c r="C99" s="6">
        <v>29</v>
      </c>
      <c r="D99" s="5">
        <v>61</v>
      </c>
    </row>
    <row r="100" spans="1:4" ht="18" customHeight="1" x14ac:dyDescent="0.15">
      <c r="A100" s="8">
        <v>78</v>
      </c>
      <c r="B100" s="21">
        <v>34</v>
      </c>
      <c r="C100" s="6">
        <v>32</v>
      </c>
      <c r="D100" s="5">
        <v>66</v>
      </c>
    </row>
    <row r="101" spans="1:4" ht="18" customHeight="1" x14ac:dyDescent="0.15">
      <c r="A101" s="8">
        <v>79</v>
      </c>
      <c r="B101" s="21">
        <v>15</v>
      </c>
      <c r="C101" s="6">
        <v>23</v>
      </c>
      <c r="D101" s="5">
        <v>38</v>
      </c>
    </row>
    <row r="102" spans="1:4" ht="18" customHeight="1" x14ac:dyDescent="0.15">
      <c r="A102" s="8" t="s">
        <v>8</v>
      </c>
      <c r="B102" s="21">
        <v>144</v>
      </c>
      <c r="C102" s="6">
        <v>159</v>
      </c>
      <c r="D102" s="5">
        <v>303</v>
      </c>
    </row>
    <row r="103" spans="1:4" ht="18" customHeight="1" x14ac:dyDescent="0.15">
      <c r="A103" s="8">
        <v>80</v>
      </c>
      <c r="B103" s="21">
        <v>18</v>
      </c>
      <c r="C103" s="6">
        <v>18</v>
      </c>
      <c r="D103" s="5">
        <v>36</v>
      </c>
    </row>
    <row r="104" spans="1:4" ht="18" customHeight="1" x14ac:dyDescent="0.15">
      <c r="A104" s="8">
        <v>81</v>
      </c>
      <c r="B104" s="21">
        <v>23</v>
      </c>
      <c r="C104" s="6">
        <v>25</v>
      </c>
      <c r="D104" s="5">
        <v>48</v>
      </c>
    </row>
    <row r="105" spans="1:4" ht="18" customHeight="1" x14ac:dyDescent="0.15">
      <c r="A105" s="8">
        <v>82</v>
      </c>
      <c r="B105" s="21">
        <v>20</v>
      </c>
      <c r="C105" s="6">
        <v>20</v>
      </c>
      <c r="D105" s="5">
        <v>40</v>
      </c>
    </row>
    <row r="106" spans="1:4" ht="18" customHeight="1" x14ac:dyDescent="0.15">
      <c r="A106" s="8">
        <v>83</v>
      </c>
      <c r="B106" s="21">
        <v>18</v>
      </c>
      <c r="C106" s="6">
        <v>20</v>
      </c>
      <c r="D106" s="5">
        <v>38</v>
      </c>
    </row>
    <row r="107" spans="1:4" ht="18" customHeight="1" x14ac:dyDescent="0.15">
      <c r="A107" s="8">
        <v>84</v>
      </c>
      <c r="B107" s="21">
        <v>22</v>
      </c>
      <c r="C107" s="6">
        <v>16</v>
      </c>
      <c r="D107" s="5">
        <v>38</v>
      </c>
    </row>
    <row r="108" spans="1:4" ht="18" customHeight="1" x14ac:dyDescent="0.15">
      <c r="A108" s="8" t="s">
        <v>7</v>
      </c>
      <c r="B108" s="21">
        <v>101</v>
      </c>
      <c r="C108" s="6">
        <v>99</v>
      </c>
      <c r="D108" s="5">
        <v>200</v>
      </c>
    </row>
    <row r="109" spans="1:4" ht="18" customHeight="1" x14ac:dyDescent="0.15">
      <c r="A109" s="8">
        <v>85</v>
      </c>
      <c r="B109" s="21">
        <v>12</v>
      </c>
      <c r="C109" s="6">
        <v>17</v>
      </c>
      <c r="D109" s="5">
        <v>29</v>
      </c>
    </row>
    <row r="110" spans="1:4" ht="18" customHeight="1" x14ac:dyDescent="0.15">
      <c r="A110" s="8">
        <v>86</v>
      </c>
      <c r="B110" s="21">
        <v>6</v>
      </c>
      <c r="C110" s="6">
        <v>14</v>
      </c>
      <c r="D110" s="5">
        <v>20</v>
      </c>
    </row>
    <row r="111" spans="1:4" ht="18" customHeight="1" x14ac:dyDescent="0.15">
      <c r="A111" s="8">
        <v>87</v>
      </c>
      <c r="B111" s="21">
        <v>10</v>
      </c>
      <c r="C111" s="6">
        <v>15</v>
      </c>
      <c r="D111" s="5">
        <v>25</v>
      </c>
    </row>
    <row r="112" spans="1:4" ht="18" customHeight="1" x14ac:dyDescent="0.15">
      <c r="A112" s="8">
        <v>88</v>
      </c>
      <c r="B112" s="21">
        <v>5</v>
      </c>
      <c r="C112" s="6">
        <v>21</v>
      </c>
      <c r="D112" s="5">
        <v>26</v>
      </c>
    </row>
    <row r="113" spans="1:4" ht="18" customHeight="1" x14ac:dyDescent="0.15">
      <c r="A113" s="8">
        <v>89</v>
      </c>
      <c r="B113" s="21">
        <v>7</v>
      </c>
      <c r="C113" s="6">
        <v>10</v>
      </c>
      <c r="D113" s="5">
        <v>17</v>
      </c>
    </row>
    <row r="114" spans="1:4" ht="18" customHeight="1" x14ac:dyDescent="0.15">
      <c r="A114" s="8" t="s">
        <v>6</v>
      </c>
      <c r="B114" s="21">
        <v>40</v>
      </c>
      <c r="C114" s="6">
        <v>77</v>
      </c>
      <c r="D114" s="5">
        <v>117</v>
      </c>
    </row>
    <row r="115" spans="1:4" ht="18" customHeight="1" x14ac:dyDescent="0.15">
      <c r="A115" s="8">
        <v>90</v>
      </c>
      <c r="B115" s="21">
        <v>8</v>
      </c>
      <c r="C115" s="6">
        <v>8</v>
      </c>
      <c r="D115" s="5">
        <v>16</v>
      </c>
    </row>
    <row r="116" spans="1:4" ht="18" customHeight="1" x14ac:dyDescent="0.15">
      <c r="A116" s="8">
        <v>91</v>
      </c>
      <c r="B116" s="21">
        <v>2</v>
      </c>
      <c r="C116" s="6">
        <v>10</v>
      </c>
      <c r="D116" s="5">
        <v>12</v>
      </c>
    </row>
    <row r="117" spans="1:4" ht="18" customHeight="1" x14ac:dyDescent="0.15">
      <c r="A117" s="8">
        <v>92</v>
      </c>
      <c r="B117" s="21">
        <v>4</v>
      </c>
      <c r="C117" s="6">
        <v>9</v>
      </c>
      <c r="D117" s="5">
        <v>13</v>
      </c>
    </row>
    <row r="118" spans="1:4" ht="18" customHeight="1" x14ac:dyDescent="0.15">
      <c r="A118" s="8">
        <v>93</v>
      </c>
      <c r="B118" s="21">
        <v>1</v>
      </c>
      <c r="C118" s="6">
        <v>9</v>
      </c>
      <c r="D118" s="5">
        <v>10</v>
      </c>
    </row>
    <row r="119" spans="1:4" ht="18" customHeight="1" x14ac:dyDescent="0.15">
      <c r="A119" s="8">
        <v>94</v>
      </c>
      <c r="B119" s="21">
        <v>3</v>
      </c>
      <c r="C119" s="6">
        <v>6</v>
      </c>
      <c r="D119" s="5">
        <v>9</v>
      </c>
    </row>
    <row r="120" spans="1:4" ht="18" customHeight="1" x14ac:dyDescent="0.15">
      <c r="A120" s="8" t="s">
        <v>5</v>
      </c>
      <c r="B120" s="21">
        <v>18</v>
      </c>
      <c r="C120" s="6">
        <v>42</v>
      </c>
      <c r="D120" s="5">
        <v>60</v>
      </c>
    </row>
    <row r="121" spans="1:4" ht="18" customHeight="1" x14ac:dyDescent="0.15">
      <c r="A121" s="8">
        <v>95</v>
      </c>
      <c r="B121" s="21">
        <v>3</v>
      </c>
      <c r="C121" s="6">
        <v>5</v>
      </c>
      <c r="D121" s="5">
        <v>8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3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3</v>
      </c>
      <c r="C126" s="6">
        <v>13</v>
      </c>
      <c r="D126" s="5">
        <v>16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502</v>
      </c>
      <c r="C130" s="6">
        <v>631</v>
      </c>
      <c r="D130" s="5">
        <v>1133</v>
      </c>
    </row>
    <row r="131" spans="1:4" ht="18" customHeight="1" x14ac:dyDescent="0.15">
      <c r="A131" s="4" t="s">
        <v>0</v>
      </c>
      <c r="B131" s="20">
        <v>1614</v>
      </c>
      <c r="C131" s="2">
        <v>1647</v>
      </c>
      <c r="D131" s="1">
        <v>326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B18377-D89B-4AF8-9907-E2B4D295FB5C}">
  <sheetPr codeName="Sheet5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0</v>
      </c>
      <c r="C5" s="11">
        <v>0</v>
      </c>
      <c r="D5" s="10">
        <v>0</v>
      </c>
    </row>
    <row r="6" spans="1:4" ht="18" customHeight="1" x14ac:dyDescent="0.15">
      <c r="A6" s="8">
        <v>1</v>
      </c>
      <c r="B6" s="21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1">
        <v>1</v>
      </c>
      <c r="C7" s="6">
        <v>1</v>
      </c>
      <c r="D7" s="5">
        <v>2</v>
      </c>
    </row>
    <row r="8" spans="1:4" ht="18" customHeight="1" x14ac:dyDescent="0.15">
      <c r="A8" s="8">
        <v>3</v>
      </c>
      <c r="B8" s="21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1">
        <v>1</v>
      </c>
      <c r="C9" s="6">
        <v>1</v>
      </c>
      <c r="D9" s="5">
        <v>2</v>
      </c>
    </row>
    <row r="10" spans="1:4" ht="18" customHeight="1" x14ac:dyDescent="0.15">
      <c r="A10" s="8" t="s">
        <v>25</v>
      </c>
      <c r="B10" s="21">
        <v>3</v>
      </c>
      <c r="C10" s="6">
        <v>3</v>
      </c>
      <c r="D10" s="5">
        <v>6</v>
      </c>
    </row>
    <row r="11" spans="1:4" ht="18" customHeight="1" x14ac:dyDescent="0.15">
      <c r="A11" s="8">
        <v>5</v>
      </c>
      <c r="B11" s="21">
        <v>4</v>
      </c>
      <c r="C11" s="6">
        <v>1</v>
      </c>
      <c r="D11" s="5">
        <v>5</v>
      </c>
    </row>
    <row r="12" spans="1:4" ht="18" customHeight="1" x14ac:dyDescent="0.15">
      <c r="A12" s="8">
        <v>6</v>
      </c>
      <c r="B12" s="21">
        <v>3</v>
      </c>
      <c r="C12" s="6">
        <v>0</v>
      </c>
      <c r="D12" s="5">
        <v>3</v>
      </c>
    </row>
    <row r="13" spans="1:4" ht="18" customHeight="1" x14ac:dyDescent="0.15">
      <c r="A13" s="8">
        <v>7</v>
      </c>
      <c r="B13" s="21">
        <v>0</v>
      </c>
      <c r="C13" s="6">
        <v>2</v>
      </c>
      <c r="D13" s="5">
        <v>2</v>
      </c>
    </row>
    <row r="14" spans="1:4" ht="18" customHeight="1" x14ac:dyDescent="0.15">
      <c r="A14" s="8">
        <v>8</v>
      </c>
      <c r="B14" s="21">
        <v>4</v>
      </c>
      <c r="C14" s="6">
        <v>5</v>
      </c>
      <c r="D14" s="5">
        <v>9</v>
      </c>
    </row>
    <row r="15" spans="1:4" ht="18" customHeight="1" x14ac:dyDescent="0.15">
      <c r="A15" s="8">
        <v>9</v>
      </c>
      <c r="B15" s="21">
        <v>4</v>
      </c>
      <c r="C15" s="6">
        <v>4</v>
      </c>
      <c r="D15" s="5">
        <v>8</v>
      </c>
    </row>
    <row r="16" spans="1:4" ht="18" customHeight="1" x14ac:dyDescent="0.15">
      <c r="A16" s="8" t="s">
        <v>24</v>
      </c>
      <c r="B16" s="21">
        <v>15</v>
      </c>
      <c r="C16" s="6">
        <v>12</v>
      </c>
      <c r="D16" s="5">
        <v>27</v>
      </c>
    </row>
    <row r="17" spans="1:4" ht="18" customHeight="1" x14ac:dyDescent="0.15">
      <c r="A17" s="8">
        <v>10</v>
      </c>
      <c r="B17" s="21">
        <v>5</v>
      </c>
      <c r="C17" s="6">
        <v>4</v>
      </c>
      <c r="D17" s="5">
        <v>9</v>
      </c>
    </row>
    <row r="18" spans="1:4" ht="18" customHeight="1" x14ac:dyDescent="0.15">
      <c r="A18" s="8">
        <v>11</v>
      </c>
      <c r="B18" s="21">
        <v>0</v>
      </c>
      <c r="C18" s="6">
        <v>5</v>
      </c>
      <c r="D18" s="5">
        <v>5</v>
      </c>
    </row>
    <row r="19" spans="1:4" ht="18" customHeight="1" x14ac:dyDescent="0.15">
      <c r="A19" s="8">
        <v>12</v>
      </c>
      <c r="B19" s="21">
        <v>5</v>
      </c>
      <c r="C19" s="6">
        <v>7</v>
      </c>
      <c r="D19" s="5">
        <v>12</v>
      </c>
    </row>
    <row r="20" spans="1:4" ht="18" customHeight="1" x14ac:dyDescent="0.15">
      <c r="A20" s="8">
        <v>13</v>
      </c>
      <c r="B20" s="21">
        <v>7</v>
      </c>
      <c r="C20" s="6">
        <v>4</v>
      </c>
      <c r="D20" s="5">
        <v>11</v>
      </c>
    </row>
    <row r="21" spans="1:4" ht="18" customHeight="1" x14ac:dyDescent="0.15">
      <c r="A21" s="8">
        <v>14</v>
      </c>
      <c r="B21" s="21">
        <v>0</v>
      </c>
      <c r="C21" s="6">
        <v>2</v>
      </c>
      <c r="D21" s="5">
        <v>2</v>
      </c>
    </row>
    <row r="22" spans="1:4" ht="18" customHeight="1" x14ac:dyDescent="0.15">
      <c r="A22" s="8" t="s">
        <v>23</v>
      </c>
      <c r="B22" s="21">
        <v>17</v>
      </c>
      <c r="C22" s="6">
        <v>22</v>
      </c>
      <c r="D22" s="5">
        <v>39</v>
      </c>
    </row>
    <row r="23" spans="1:4" ht="18" customHeight="1" x14ac:dyDescent="0.15">
      <c r="A23" s="8" t="s">
        <v>22</v>
      </c>
      <c r="B23" s="21">
        <v>35</v>
      </c>
      <c r="C23" s="6">
        <v>37</v>
      </c>
      <c r="D23" s="5">
        <v>72</v>
      </c>
    </row>
    <row r="24" spans="1:4" ht="18" customHeight="1" x14ac:dyDescent="0.15">
      <c r="A24" s="8">
        <v>15</v>
      </c>
      <c r="B24" s="21">
        <v>4</v>
      </c>
      <c r="C24" s="6">
        <v>3</v>
      </c>
      <c r="D24" s="5">
        <v>7</v>
      </c>
    </row>
    <row r="25" spans="1:4" ht="18" customHeight="1" x14ac:dyDescent="0.15">
      <c r="A25" s="8">
        <v>16</v>
      </c>
      <c r="B25" s="21">
        <v>3</v>
      </c>
      <c r="C25" s="6">
        <v>4</v>
      </c>
      <c r="D25" s="5">
        <v>7</v>
      </c>
    </row>
    <row r="26" spans="1:4" ht="18" customHeight="1" x14ac:dyDescent="0.15">
      <c r="A26" s="8">
        <v>17</v>
      </c>
      <c r="B26" s="21">
        <v>3</v>
      </c>
      <c r="C26" s="6">
        <v>6</v>
      </c>
      <c r="D26" s="5">
        <v>9</v>
      </c>
    </row>
    <row r="27" spans="1:4" ht="18" customHeight="1" x14ac:dyDescent="0.15">
      <c r="A27" s="8">
        <v>18</v>
      </c>
      <c r="B27" s="21">
        <v>9</v>
      </c>
      <c r="C27" s="6">
        <v>4</v>
      </c>
      <c r="D27" s="5">
        <v>13</v>
      </c>
    </row>
    <row r="28" spans="1:4" ht="18" customHeight="1" x14ac:dyDescent="0.15">
      <c r="A28" s="8">
        <v>19</v>
      </c>
      <c r="B28" s="21">
        <v>5</v>
      </c>
      <c r="C28" s="6">
        <v>0</v>
      </c>
      <c r="D28" s="5">
        <v>5</v>
      </c>
    </row>
    <row r="29" spans="1:4" ht="18" customHeight="1" x14ac:dyDescent="0.15">
      <c r="A29" s="8" t="s">
        <v>21</v>
      </c>
      <c r="B29" s="21">
        <v>24</v>
      </c>
      <c r="C29" s="6">
        <v>17</v>
      </c>
      <c r="D29" s="5">
        <v>41</v>
      </c>
    </row>
    <row r="30" spans="1:4" ht="18" customHeight="1" x14ac:dyDescent="0.15">
      <c r="A30" s="8">
        <v>20</v>
      </c>
      <c r="B30" s="21">
        <v>3</v>
      </c>
      <c r="C30" s="6">
        <v>5</v>
      </c>
      <c r="D30" s="5">
        <v>8</v>
      </c>
    </row>
    <row r="31" spans="1:4" ht="18" customHeight="1" x14ac:dyDescent="0.15">
      <c r="A31" s="8">
        <v>21</v>
      </c>
      <c r="B31" s="21">
        <v>3</v>
      </c>
      <c r="C31" s="6">
        <v>3</v>
      </c>
      <c r="D31" s="5">
        <v>6</v>
      </c>
    </row>
    <row r="32" spans="1:4" ht="18" customHeight="1" x14ac:dyDescent="0.15">
      <c r="A32" s="8">
        <v>22</v>
      </c>
      <c r="B32" s="21">
        <v>2</v>
      </c>
      <c r="C32" s="6">
        <v>9</v>
      </c>
      <c r="D32" s="5">
        <v>11</v>
      </c>
    </row>
    <row r="33" spans="1:4" ht="18" customHeight="1" x14ac:dyDescent="0.15">
      <c r="A33" s="8">
        <v>23</v>
      </c>
      <c r="B33" s="21">
        <v>4</v>
      </c>
      <c r="C33" s="6">
        <v>2</v>
      </c>
      <c r="D33" s="5">
        <v>6</v>
      </c>
    </row>
    <row r="34" spans="1:4" ht="18" customHeight="1" x14ac:dyDescent="0.15">
      <c r="A34" s="8">
        <v>24</v>
      </c>
      <c r="B34" s="21">
        <v>5</v>
      </c>
      <c r="C34" s="6">
        <v>2</v>
      </c>
      <c r="D34" s="5">
        <v>7</v>
      </c>
    </row>
    <row r="35" spans="1:4" ht="18" customHeight="1" x14ac:dyDescent="0.15">
      <c r="A35" s="8" t="s">
        <v>20</v>
      </c>
      <c r="B35" s="21">
        <v>17</v>
      </c>
      <c r="C35" s="6">
        <v>21</v>
      </c>
      <c r="D35" s="5">
        <v>38</v>
      </c>
    </row>
    <row r="36" spans="1:4" ht="18" customHeight="1" x14ac:dyDescent="0.15">
      <c r="A36" s="8">
        <v>25</v>
      </c>
      <c r="B36" s="21">
        <v>2</v>
      </c>
      <c r="C36" s="6">
        <v>6</v>
      </c>
      <c r="D36" s="5">
        <v>8</v>
      </c>
    </row>
    <row r="37" spans="1:4" ht="18" customHeight="1" x14ac:dyDescent="0.15">
      <c r="A37" s="8">
        <v>26</v>
      </c>
      <c r="B37" s="21">
        <v>4</v>
      </c>
      <c r="C37" s="6">
        <v>4</v>
      </c>
      <c r="D37" s="5">
        <v>8</v>
      </c>
    </row>
    <row r="38" spans="1:4" ht="18" customHeight="1" x14ac:dyDescent="0.15">
      <c r="A38" s="8">
        <v>27</v>
      </c>
      <c r="B38" s="21">
        <v>1</v>
      </c>
      <c r="C38" s="6">
        <v>2</v>
      </c>
      <c r="D38" s="5">
        <v>3</v>
      </c>
    </row>
    <row r="39" spans="1:4" ht="18" customHeight="1" x14ac:dyDescent="0.15">
      <c r="A39" s="8">
        <v>28</v>
      </c>
      <c r="B39" s="21">
        <v>4</v>
      </c>
      <c r="C39" s="6">
        <v>2</v>
      </c>
      <c r="D39" s="5">
        <v>6</v>
      </c>
    </row>
    <row r="40" spans="1:4" ht="18" customHeight="1" x14ac:dyDescent="0.15">
      <c r="A40" s="8">
        <v>29</v>
      </c>
      <c r="B40" s="21">
        <v>2</v>
      </c>
      <c r="C40" s="6">
        <v>4</v>
      </c>
      <c r="D40" s="5">
        <v>6</v>
      </c>
    </row>
    <row r="41" spans="1:4" ht="18" customHeight="1" x14ac:dyDescent="0.15">
      <c r="A41" s="8" t="s">
        <v>19</v>
      </c>
      <c r="B41" s="21">
        <v>13</v>
      </c>
      <c r="C41" s="6">
        <v>18</v>
      </c>
      <c r="D41" s="5">
        <v>31</v>
      </c>
    </row>
    <row r="42" spans="1:4" ht="18" customHeight="1" x14ac:dyDescent="0.15">
      <c r="A42" s="8">
        <v>30</v>
      </c>
      <c r="B42" s="21">
        <v>2</v>
      </c>
      <c r="C42" s="6">
        <v>2</v>
      </c>
      <c r="D42" s="5">
        <v>4</v>
      </c>
    </row>
    <row r="43" spans="1:4" ht="18" customHeight="1" x14ac:dyDescent="0.15">
      <c r="A43" s="8">
        <v>31</v>
      </c>
      <c r="B43" s="21">
        <v>4</v>
      </c>
      <c r="C43" s="6">
        <v>1</v>
      </c>
      <c r="D43" s="5">
        <v>5</v>
      </c>
    </row>
    <row r="44" spans="1:4" ht="18" customHeight="1" x14ac:dyDescent="0.15">
      <c r="A44" s="8">
        <v>32</v>
      </c>
      <c r="B44" s="21">
        <v>2</v>
      </c>
      <c r="C44" s="6">
        <v>2</v>
      </c>
      <c r="D44" s="5">
        <v>4</v>
      </c>
    </row>
    <row r="45" spans="1:4" ht="18" customHeight="1" x14ac:dyDescent="0.15">
      <c r="A45" s="8">
        <v>33</v>
      </c>
      <c r="B45" s="21">
        <v>5</v>
      </c>
      <c r="C45" s="6">
        <v>0</v>
      </c>
      <c r="D45" s="5">
        <v>5</v>
      </c>
    </row>
    <row r="46" spans="1:4" ht="18" customHeight="1" x14ac:dyDescent="0.15">
      <c r="A46" s="8">
        <v>34</v>
      </c>
      <c r="B46" s="21">
        <v>2</v>
      </c>
      <c r="C46" s="6">
        <v>4</v>
      </c>
      <c r="D46" s="5">
        <v>6</v>
      </c>
    </row>
    <row r="47" spans="1:4" ht="18" customHeight="1" x14ac:dyDescent="0.15">
      <c r="A47" s="8" t="s">
        <v>18</v>
      </c>
      <c r="B47" s="21">
        <v>15</v>
      </c>
      <c r="C47" s="6">
        <v>9</v>
      </c>
      <c r="D47" s="5">
        <v>24</v>
      </c>
    </row>
    <row r="48" spans="1:4" ht="18" customHeight="1" x14ac:dyDescent="0.15">
      <c r="A48" s="8">
        <v>35</v>
      </c>
      <c r="B48" s="21">
        <v>3</v>
      </c>
      <c r="C48" s="6">
        <v>1</v>
      </c>
      <c r="D48" s="5">
        <v>4</v>
      </c>
    </row>
    <row r="49" spans="1:4" ht="18" customHeight="1" x14ac:dyDescent="0.15">
      <c r="A49" s="8">
        <v>36</v>
      </c>
      <c r="B49" s="21">
        <v>2</v>
      </c>
      <c r="C49" s="6">
        <v>5</v>
      </c>
      <c r="D49" s="5">
        <v>7</v>
      </c>
    </row>
    <row r="50" spans="1:4" ht="18" customHeight="1" x14ac:dyDescent="0.15">
      <c r="A50" s="8">
        <v>37</v>
      </c>
      <c r="B50" s="21">
        <v>2</v>
      </c>
      <c r="C50" s="6">
        <v>3</v>
      </c>
      <c r="D50" s="5">
        <v>5</v>
      </c>
    </row>
    <row r="51" spans="1:4" ht="18" customHeight="1" x14ac:dyDescent="0.15">
      <c r="A51" s="8">
        <v>38</v>
      </c>
      <c r="B51" s="21">
        <v>5</v>
      </c>
      <c r="C51" s="6">
        <v>0</v>
      </c>
      <c r="D51" s="5">
        <v>5</v>
      </c>
    </row>
    <row r="52" spans="1:4" ht="18" customHeight="1" x14ac:dyDescent="0.15">
      <c r="A52" s="8">
        <v>39</v>
      </c>
      <c r="B52" s="21">
        <v>5</v>
      </c>
      <c r="C52" s="6">
        <v>2</v>
      </c>
      <c r="D52" s="5">
        <v>7</v>
      </c>
    </row>
    <row r="53" spans="1:4" ht="18" customHeight="1" x14ac:dyDescent="0.15">
      <c r="A53" s="8" t="s">
        <v>17</v>
      </c>
      <c r="B53" s="21">
        <v>17</v>
      </c>
      <c r="C53" s="6">
        <v>11</v>
      </c>
      <c r="D53" s="5">
        <v>28</v>
      </c>
    </row>
    <row r="54" spans="1:4" ht="18" customHeight="1" x14ac:dyDescent="0.15">
      <c r="A54" s="8">
        <v>40</v>
      </c>
      <c r="B54" s="21">
        <v>3</v>
      </c>
      <c r="C54" s="6">
        <v>4</v>
      </c>
      <c r="D54" s="5">
        <v>7</v>
      </c>
    </row>
    <row r="55" spans="1:4" ht="18" customHeight="1" x14ac:dyDescent="0.15">
      <c r="A55" s="8">
        <v>41</v>
      </c>
      <c r="B55" s="21">
        <v>6</v>
      </c>
      <c r="C55" s="6">
        <v>9</v>
      </c>
      <c r="D55" s="5">
        <v>15</v>
      </c>
    </row>
    <row r="56" spans="1:4" ht="18" customHeight="1" x14ac:dyDescent="0.15">
      <c r="A56" s="8">
        <v>42</v>
      </c>
      <c r="B56" s="21">
        <v>3</v>
      </c>
      <c r="C56" s="6">
        <v>5</v>
      </c>
      <c r="D56" s="5">
        <v>8</v>
      </c>
    </row>
    <row r="57" spans="1:4" ht="18" customHeight="1" x14ac:dyDescent="0.15">
      <c r="A57" s="8">
        <v>43</v>
      </c>
      <c r="B57" s="21">
        <v>7</v>
      </c>
      <c r="C57" s="6">
        <v>8</v>
      </c>
      <c r="D57" s="5">
        <v>15</v>
      </c>
    </row>
    <row r="58" spans="1:4" ht="18" customHeight="1" x14ac:dyDescent="0.15">
      <c r="A58" s="8">
        <v>44</v>
      </c>
      <c r="B58" s="21">
        <v>3</v>
      </c>
      <c r="C58" s="6">
        <v>5</v>
      </c>
      <c r="D58" s="5">
        <v>8</v>
      </c>
    </row>
    <row r="59" spans="1:4" ht="18" customHeight="1" x14ac:dyDescent="0.15">
      <c r="A59" s="8" t="s">
        <v>16</v>
      </c>
      <c r="B59" s="21">
        <v>22</v>
      </c>
      <c r="C59" s="6">
        <v>31</v>
      </c>
      <c r="D59" s="5">
        <v>53</v>
      </c>
    </row>
    <row r="60" spans="1:4" ht="18" customHeight="1" x14ac:dyDescent="0.15">
      <c r="A60" s="8">
        <v>45</v>
      </c>
      <c r="B60" s="21">
        <v>8</v>
      </c>
      <c r="C60" s="6">
        <v>8</v>
      </c>
      <c r="D60" s="5">
        <v>16</v>
      </c>
    </row>
    <row r="61" spans="1:4" ht="18" customHeight="1" x14ac:dyDescent="0.15">
      <c r="A61" s="8">
        <v>46</v>
      </c>
      <c r="B61" s="21">
        <v>6</v>
      </c>
      <c r="C61" s="6">
        <v>7</v>
      </c>
      <c r="D61" s="5">
        <v>13</v>
      </c>
    </row>
    <row r="62" spans="1:4" ht="18" customHeight="1" x14ac:dyDescent="0.15">
      <c r="A62" s="8">
        <v>47</v>
      </c>
      <c r="B62" s="21">
        <v>6</v>
      </c>
      <c r="C62" s="6">
        <v>10</v>
      </c>
      <c r="D62" s="5">
        <v>16</v>
      </c>
    </row>
    <row r="63" spans="1:4" ht="18" customHeight="1" x14ac:dyDescent="0.15">
      <c r="A63" s="8">
        <v>48</v>
      </c>
      <c r="B63" s="21">
        <v>8</v>
      </c>
      <c r="C63" s="6">
        <v>6</v>
      </c>
      <c r="D63" s="5">
        <v>14</v>
      </c>
    </row>
    <row r="64" spans="1:4" ht="18" customHeight="1" x14ac:dyDescent="0.15">
      <c r="A64" s="8">
        <v>49</v>
      </c>
      <c r="B64" s="21">
        <v>4</v>
      </c>
      <c r="C64" s="6">
        <v>7</v>
      </c>
      <c r="D64" s="5">
        <v>11</v>
      </c>
    </row>
    <row r="65" spans="1:4" ht="18" customHeight="1" x14ac:dyDescent="0.15">
      <c r="A65" s="8" t="s">
        <v>15</v>
      </c>
      <c r="B65" s="21">
        <v>32</v>
      </c>
      <c r="C65" s="6">
        <v>38</v>
      </c>
      <c r="D65" s="5">
        <v>70</v>
      </c>
    </row>
    <row r="66" spans="1:4" ht="18" customHeight="1" x14ac:dyDescent="0.15">
      <c r="A66" s="8">
        <v>50</v>
      </c>
      <c r="B66" s="21">
        <v>10</v>
      </c>
      <c r="C66" s="6">
        <v>7</v>
      </c>
      <c r="D66" s="5">
        <v>17</v>
      </c>
    </row>
    <row r="67" spans="1:4" ht="18" customHeight="1" x14ac:dyDescent="0.15">
      <c r="A67" s="8">
        <v>51</v>
      </c>
      <c r="B67" s="21">
        <v>7</v>
      </c>
      <c r="C67" s="6">
        <v>7</v>
      </c>
      <c r="D67" s="5">
        <v>14</v>
      </c>
    </row>
    <row r="68" spans="1:4" ht="18" customHeight="1" x14ac:dyDescent="0.15">
      <c r="A68" s="8">
        <v>52</v>
      </c>
      <c r="B68" s="21">
        <v>12</v>
      </c>
      <c r="C68" s="6">
        <v>11</v>
      </c>
      <c r="D68" s="5">
        <v>23</v>
      </c>
    </row>
    <row r="69" spans="1:4" ht="18" customHeight="1" x14ac:dyDescent="0.15">
      <c r="A69" s="8">
        <v>53</v>
      </c>
      <c r="B69" s="21">
        <v>11</v>
      </c>
      <c r="C69" s="6">
        <v>10</v>
      </c>
      <c r="D69" s="5">
        <v>21</v>
      </c>
    </row>
    <row r="70" spans="1:4" ht="18" customHeight="1" x14ac:dyDescent="0.15">
      <c r="A70" s="8">
        <v>54</v>
      </c>
      <c r="B70" s="21">
        <v>7</v>
      </c>
      <c r="C70" s="6">
        <v>10</v>
      </c>
      <c r="D70" s="5">
        <v>17</v>
      </c>
    </row>
    <row r="71" spans="1:4" ht="18" customHeight="1" x14ac:dyDescent="0.15">
      <c r="A71" s="8" t="s">
        <v>14</v>
      </c>
      <c r="B71" s="21">
        <v>47</v>
      </c>
      <c r="C71" s="6">
        <v>45</v>
      </c>
      <c r="D71" s="5">
        <v>92</v>
      </c>
    </row>
    <row r="72" spans="1:4" ht="18" customHeight="1" x14ac:dyDescent="0.15">
      <c r="A72" s="8">
        <v>55</v>
      </c>
      <c r="B72" s="21">
        <v>8</v>
      </c>
      <c r="C72" s="6">
        <v>6</v>
      </c>
      <c r="D72" s="5">
        <v>14</v>
      </c>
    </row>
    <row r="73" spans="1:4" ht="18" customHeight="1" x14ac:dyDescent="0.15">
      <c r="A73" s="8">
        <v>56</v>
      </c>
      <c r="B73" s="21">
        <v>7</v>
      </c>
      <c r="C73" s="6">
        <v>3</v>
      </c>
      <c r="D73" s="5">
        <v>10</v>
      </c>
    </row>
    <row r="74" spans="1:4" ht="18" customHeight="1" x14ac:dyDescent="0.15">
      <c r="A74" s="8">
        <v>57</v>
      </c>
      <c r="B74" s="21">
        <v>6</v>
      </c>
      <c r="C74" s="6">
        <v>3</v>
      </c>
      <c r="D74" s="5">
        <v>9</v>
      </c>
    </row>
    <row r="75" spans="1:4" ht="18" customHeight="1" x14ac:dyDescent="0.15">
      <c r="A75" s="8">
        <v>58</v>
      </c>
      <c r="B75" s="21">
        <v>3</v>
      </c>
      <c r="C75" s="6">
        <v>7</v>
      </c>
      <c r="D75" s="5">
        <v>10</v>
      </c>
    </row>
    <row r="76" spans="1:4" ht="18" customHeight="1" x14ac:dyDescent="0.15">
      <c r="A76" s="8">
        <v>59</v>
      </c>
      <c r="B76" s="21">
        <v>6</v>
      </c>
      <c r="C76" s="6">
        <v>6</v>
      </c>
      <c r="D76" s="5">
        <v>12</v>
      </c>
    </row>
    <row r="77" spans="1:4" ht="18" customHeight="1" x14ac:dyDescent="0.15">
      <c r="A77" s="8" t="s">
        <v>13</v>
      </c>
      <c r="B77" s="21">
        <v>30</v>
      </c>
      <c r="C77" s="6">
        <v>25</v>
      </c>
      <c r="D77" s="5">
        <v>55</v>
      </c>
    </row>
    <row r="78" spans="1:4" ht="18" customHeight="1" x14ac:dyDescent="0.15">
      <c r="A78" s="8">
        <v>60</v>
      </c>
      <c r="B78" s="21">
        <v>4</v>
      </c>
      <c r="C78" s="6">
        <v>6</v>
      </c>
      <c r="D78" s="5">
        <v>10</v>
      </c>
    </row>
    <row r="79" spans="1:4" ht="18" customHeight="1" x14ac:dyDescent="0.15">
      <c r="A79" s="8">
        <v>61</v>
      </c>
      <c r="B79" s="21">
        <v>3</v>
      </c>
      <c r="C79" s="6">
        <v>6</v>
      </c>
      <c r="D79" s="5">
        <v>9</v>
      </c>
    </row>
    <row r="80" spans="1:4" ht="18" customHeight="1" x14ac:dyDescent="0.15">
      <c r="A80" s="8">
        <v>62</v>
      </c>
      <c r="B80" s="21">
        <v>5</v>
      </c>
      <c r="C80" s="6">
        <v>8</v>
      </c>
      <c r="D80" s="5">
        <v>13</v>
      </c>
    </row>
    <row r="81" spans="1:4" ht="18" customHeight="1" x14ac:dyDescent="0.15">
      <c r="A81" s="8">
        <v>63</v>
      </c>
      <c r="B81" s="21">
        <v>6</v>
      </c>
      <c r="C81" s="6">
        <v>7</v>
      </c>
      <c r="D81" s="5">
        <v>13</v>
      </c>
    </row>
    <row r="82" spans="1:4" ht="18" customHeight="1" x14ac:dyDescent="0.15">
      <c r="A82" s="8">
        <v>64</v>
      </c>
      <c r="B82" s="21">
        <v>9</v>
      </c>
      <c r="C82" s="6">
        <v>11</v>
      </c>
      <c r="D82" s="5">
        <v>20</v>
      </c>
    </row>
    <row r="83" spans="1:4" ht="18" customHeight="1" x14ac:dyDescent="0.15">
      <c r="A83" s="8" t="s">
        <v>12</v>
      </c>
      <c r="B83" s="21">
        <v>27</v>
      </c>
      <c r="C83" s="6">
        <v>38</v>
      </c>
      <c r="D83" s="5">
        <v>65</v>
      </c>
    </row>
    <row r="84" spans="1:4" ht="18" customHeight="1" x14ac:dyDescent="0.15">
      <c r="A84" s="8" t="s">
        <v>11</v>
      </c>
      <c r="B84" s="21">
        <v>244</v>
      </c>
      <c r="C84" s="6">
        <v>253</v>
      </c>
      <c r="D84" s="5">
        <v>497</v>
      </c>
    </row>
    <row r="85" spans="1:4" ht="18" customHeight="1" x14ac:dyDescent="0.15">
      <c r="A85" s="8">
        <v>65</v>
      </c>
      <c r="B85" s="21">
        <v>7</v>
      </c>
      <c r="C85" s="6">
        <v>10</v>
      </c>
      <c r="D85" s="5">
        <v>17</v>
      </c>
    </row>
    <row r="86" spans="1:4" ht="18" customHeight="1" x14ac:dyDescent="0.15">
      <c r="A86" s="8">
        <v>66</v>
      </c>
      <c r="B86" s="21">
        <v>5</v>
      </c>
      <c r="C86" s="6">
        <v>4</v>
      </c>
      <c r="D86" s="5">
        <v>9</v>
      </c>
    </row>
    <row r="87" spans="1:4" ht="18" customHeight="1" x14ac:dyDescent="0.15">
      <c r="A87" s="8">
        <v>67</v>
      </c>
      <c r="B87" s="21">
        <v>6</v>
      </c>
      <c r="C87" s="6">
        <v>6</v>
      </c>
      <c r="D87" s="5">
        <v>12</v>
      </c>
    </row>
    <row r="88" spans="1:4" ht="18" customHeight="1" x14ac:dyDescent="0.15">
      <c r="A88" s="8">
        <v>68</v>
      </c>
      <c r="B88" s="21">
        <v>7</v>
      </c>
      <c r="C88" s="6">
        <v>5</v>
      </c>
      <c r="D88" s="5">
        <v>12</v>
      </c>
    </row>
    <row r="89" spans="1:4" ht="18" customHeight="1" x14ac:dyDescent="0.15">
      <c r="A89" s="8">
        <v>69</v>
      </c>
      <c r="B89" s="21">
        <v>5</v>
      </c>
      <c r="C89" s="6">
        <v>8</v>
      </c>
      <c r="D89" s="5">
        <v>13</v>
      </c>
    </row>
    <row r="90" spans="1:4" ht="18" customHeight="1" x14ac:dyDescent="0.15">
      <c r="A90" s="8" t="s">
        <v>10</v>
      </c>
      <c r="B90" s="21">
        <v>30</v>
      </c>
      <c r="C90" s="6">
        <v>33</v>
      </c>
      <c r="D90" s="5">
        <v>63</v>
      </c>
    </row>
    <row r="91" spans="1:4" ht="18" customHeight="1" x14ac:dyDescent="0.15">
      <c r="A91" s="8">
        <v>70</v>
      </c>
      <c r="B91" s="21">
        <v>7</v>
      </c>
      <c r="C91" s="6">
        <v>6</v>
      </c>
      <c r="D91" s="5">
        <v>13</v>
      </c>
    </row>
    <row r="92" spans="1:4" ht="18" customHeight="1" x14ac:dyDescent="0.15">
      <c r="A92" s="8">
        <v>71</v>
      </c>
      <c r="B92" s="21">
        <v>7</v>
      </c>
      <c r="C92" s="6">
        <v>11</v>
      </c>
      <c r="D92" s="5">
        <v>18</v>
      </c>
    </row>
    <row r="93" spans="1:4" ht="18" customHeight="1" x14ac:dyDescent="0.15">
      <c r="A93" s="8">
        <v>72</v>
      </c>
      <c r="B93" s="21">
        <v>4</v>
      </c>
      <c r="C93" s="6">
        <v>9</v>
      </c>
      <c r="D93" s="5">
        <v>13</v>
      </c>
    </row>
    <row r="94" spans="1:4" ht="18" customHeight="1" x14ac:dyDescent="0.15">
      <c r="A94" s="8">
        <v>73</v>
      </c>
      <c r="B94" s="21">
        <v>7</v>
      </c>
      <c r="C94" s="6">
        <v>5</v>
      </c>
      <c r="D94" s="5">
        <v>12</v>
      </c>
    </row>
    <row r="95" spans="1:4" ht="18" customHeight="1" x14ac:dyDescent="0.15">
      <c r="A95" s="8">
        <v>74</v>
      </c>
      <c r="B95" s="21">
        <v>9</v>
      </c>
      <c r="C95" s="6">
        <v>9</v>
      </c>
      <c r="D95" s="5">
        <v>18</v>
      </c>
    </row>
    <row r="96" spans="1:4" ht="18" customHeight="1" x14ac:dyDescent="0.15">
      <c r="A96" s="8" t="s">
        <v>9</v>
      </c>
      <c r="B96" s="21">
        <v>34</v>
      </c>
      <c r="C96" s="6">
        <v>40</v>
      </c>
      <c r="D96" s="5">
        <v>74</v>
      </c>
    </row>
    <row r="97" spans="1:4" ht="18" customHeight="1" x14ac:dyDescent="0.15">
      <c r="A97" s="8">
        <v>75</v>
      </c>
      <c r="B97" s="21">
        <v>14</v>
      </c>
      <c r="C97" s="6">
        <v>13</v>
      </c>
      <c r="D97" s="5">
        <v>27</v>
      </c>
    </row>
    <row r="98" spans="1:4" ht="18" customHeight="1" x14ac:dyDescent="0.15">
      <c r="A98" s="8">
        <v>76</v>
      </c>
      <c r="B98" s="21">
        <v>11</v>
      </c>
      <c r="C98" s="6">
        <v>10</v>
      </c>
      <c r="D98" s="5">
        <v>21</v>
      </c>
    </row>
    <row r="99" spans="1:4" ht="18" customHeight="1" x14ac:dyDescent="0.15">
      <c r="A99" s="8">
        <v>77</v>
      </c>
      <c r="B99" s="21">
        <v>13</v>
      </c>
      <c r="C99" s="6">
        <v>16</v>
      </c>
      <c r="D99" s="5">
        <v>29</v>
      </c>
    </row>
    <row r="100" spans="1:4" ht="18" customHeight="1" x14ac:dyDescent="0.15">
      <c r="A100" s="8">
        <v>78</v>
      </c>
      <c r="B100" s="21">
        <v>10</v>
      </c>
      <c r="C100" s="6">
        <v>14</v>
      </c>
      <c r="D100" s="5">
        <v>24</v>
      </c>
    </row>
    <row r="101" spans="1:4" ht="18" customHeight="1" x14ac:dyDescent="0.15">
      <c r="A101" s="8">
        <v>79</v>
      </c>
      <c r="B101" s="21">
        <v>2</v>
      </c>
      <c r="C101" s="6">
        <v>7</v>
      </c>
      <c r="D101" s="5">
        <v>9</v>
      </c>
    </row>
    <row r="102" spans="1:4" ht="18" customHeight="1" x14ac:dyDescent="0.15">
      <c r="A102" s="8" t="s">
        <v>8</v>
      </c>
      <c r="B102" s="21">
        <v>50</v>
      </c>
      <c r="C102" s="6">
        <v>60</v>
      </c>
      <c r="D102" s="5">
        <v>110</v>
      </c>
    </row>
    <row r="103" spans="1:4" ht="18" customHeight="1" x14ac:dyDescent="0.15">
      <c r="A103" s="8">
        <v>80</v>
      </c>
      <c r="B103" s="21">
        <v>5</v>
      </c>
      <c r="C103" s="6">
        <v>3</v>
      </c>
      <c r="D103" s="5">
        <v>8</v>
      </c>
    </row>
    <row r="104" spans="1:4" ht="18" customHeight="1" x14ac:dyDescent="0.15">
      <c r="A104" s="8">
        <v>81</v>
      </c>
      <c r="B104" s="21">
        <v>10</v>
      </c>
      <c r="C104" s="6">
        <v>4</v>
      </c>
      <c r="D104" s="5">
        <v>14</v>
      </c>
    </row>
    <row r="105" spans="1:4" ht="18" customHeight="1" x14ac:dyDescent="0.15">
      <c r="A105" s="8">
        <v>82</v>
      </c>
      <c r="B105" s="21">
        <v>8</v>
      </c>
      <c r="C105" s="6">
        <v>4</v>
      </c>
      <c r="D105" s="5">
        <v>12</v>
      </c>
    </row>
    <row r="106" spans="1:4" ht="18" customHeight="1" x14ac:dyDescent="0.15">
      <c r="A106" s="8">
        <v>83</v>
      </c>
      <c r="B106" s="21">
        <v>8</v>
      </c>
      <c r="C106" s="6">
        <v>2</v>
      </c>
      <c r="D106" s="5">
        <v>10</v>
      </c>
    </row>
    <row r="107" spans="1:4" ht="18" customHeight="1" x14ac:dyDescent="0.15">
      <c r="A107" s="8">
        <v>84</v>
      </c>
      <c r="B107" s="21">
        <v>1</v>
      </c>
      <c r="C107" s="6">
        <v>8</v>
      </c>
      <c r="D107" s="5">
        <v>9</v>
      </c>
    </row>
    <row r="108" spans="1:4" ht="18" customHeight="1" x14ac:dyDescent="0.15">
      <c r="A108" s="8" t="s">
        <v>7</v>
      </c>
      <c r="B108" s="21">
        <v>32</v>
      </c>
      <c r="C108" s="6">
        <v>21</v>
      </c>
      <c r="D108" s="5">
        <v>53</v>
      </c>
    </row>
    <row r="109" spans="1:4" ht="18" customHeight="1" x14ac:dyDescent="0.15">
      <c r="A109" s="8">
        <v>85</v>
      </c>
      <c r="B109" s="21">
        <v>5</v>
      </c>
      <c r="C109" s="6">
        <v>7</v>
      </c>
      <c r="D109" s="5">
        <v>12</v>
      </c>
    </row>
    <row r="110" spans="1:4" ht="18" customHeight="1" x14ac:dyDescent="0.15">
      <c r="A110" s="8">
        <v>86</v>
      </c>
      <c r="B110" s="21">
        <v>0</v>
      </c>
      <c r="C110" s="6">
        <v>6</v>
      </c>
      <c r="D110" s="5">
        <v>6</v>
      </c>
    </row>
    <row r="111" spans="1:4" ht="18" customHeight="1" x14ac:dyDescent="0.15">
      <c r="A111" s="8">
        <v>87</v>
      </c>
      <c r="B111" s="21">
        <v>1</v>
      </c>
      <c r="C111" s="6">
        <v>3</v>
      </c>
      <c r="D111" s="5">
        <v>4</v>
      </c>
    </row>
    <row r="112" spans="1:4" ht="18" customHeight="1" x14ac:dyDescent="0.15">
      <c r="A112" s="8">
        <v>88</v>
      </c>
      <c r="B112" s="21">
        <v>3</v>
      </c>
      <c r="C112" s="6">
        <v>6</v>
      </c>
      <c r="D112" s="5">
        <v>9</v>
      </c>
    </row>
    <row r="113" spans="1:4" ht="18" customHeight="1" x14ac:dyDescent="0.15">
      <c r="A113" s="8">
        <v>89</v>
      </c>
      <c r="B113" s="21">
        <v>2</v>
      </c>
      <c r="C113" s="6">
        <v>5</v>
      </c>
      <c r="D113" s="5">
        <v>7</v>
      </c>
    </row>
    <row r="114" spans="1:4" ht="18" customHeight="1" x14ac:dyDescent="0.15">
      <c r="A114" s="8" t="s">
        <v>6</v>
      </c>
      <c r="B114" s="21">
        <v>11</v>
      </c>
      <c r="C114" s="6">
        <v>27</v>
      </c>
      <c r="D114" s="5">
        <v>38</v>
      </c>
    </row>
    <row r="115" spans="1:4" ht="18" customHeight="1" x14ac:dyDescent="0.15">
      <c r="A115" s="8">
        <v>90</v>
      </c>
      <c r="B115" s="21">
        <v>1</v>
      </c>
      <c r="C115" s="6">
        <v>5</v>
      </c>
      <c r="D115" s="5">
        <v>6</v>
      </c>
    </row>
    <row r="116" spans="1:4" ht="18" customHeight="1" x14ac:dyDescent="0.15">
      <c r="A116" s="8">
        <v>91</v>
      </c>
      <c r="B116" s="21">
        <v>3</v>
      </c>
      <c r="C116" s="6">
        <v>7</v>
      </c>
      <c r="D116" s="5">
        <v>10</v>
      </c>
    </row>
    <row r="117" spans="1:4" ht="18" customHeight="1" x14ac:dyDescent="0.15">
      <c r="A117" s="8">
        <v>92</v>
      </c>
      <c r="B117" s="21">
        <v>1</v>
      </c>
      <c r="C117" s="6">
        <v>0</v>
      </c>
      <c r="D117" s="5">
        <v>1</v>
      </c>
    </row>
    <row r="118" spans="1:4" ht="18" customHeight="1" x14ac:dyDescent="0.15">
      <c r="A118" s="8">
        <v>93</v>
      </c>
      <c r="B118" s="21">
        <v>1</v>
      </c>
      <c r="C118" s="6">
        <v>3</v>
      </c>
      <c r="D118" s="5">
        <v>4</v>
      </c>
    </row>
    <row r="119" spans="1:4" ht="18" customHeight="1" x14ac:dyDescent="0.15">
      <c r="A119" s="8">
        <v>94</v>
      </c>
      <c r="B119" s="21">
        <v>0</v>
      </c>
      <c r="C119" s="6">
        <v>2</v>
      </c>
      <c r="D119" s="5">
        <v>2</v>
      </c>
    </row>
    <row r="120" spans="1:4" ht="18" customHeight="1" x14ac:dyDescent="0.15">
      <c r="A120" s="8" t="s">
        <v>5</v>
      </c>
      <c r="B120" s="21">
        <v>6</v>
      </c>
      <c r="C120" s="6">
        <v>17</v>
      </c>
      <c r="D120" s="5">
        <v>23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1</v>
      </c>
      <c r="C122" s="6">
        <v>0</v>
      </c>
      <c r="D122" s="5">
        <v>1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65</v>
      </c>
      <c r="C130" s="6">
        <v>203</v>
      </c>
      <c r="D130" s="5">
        <v>368</v>
      </c>
    </row>
    <row r="131" spans="1:4" ht="18" customHeight="1" x14ac:dyDescent="0.15">
      <c r="A131" s="4" t="s">
        <v>0</v>
      </c>
      <c r="B131" s="20">
        <v>444</v>
      </c>
      <c r="C131" s="2">
        <v>493</v>
      </c>
      <c r="D131" s="1">
        <v>93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61B88B-2FA8-424C-B87C-E032329995EA}">
  <sheetPr codeName="Sheet5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</v>
      </c>
      <c r="C5" s="11">
        <v>4</v>
      </c>
      <c r="D5" s="10">
        <v>5</v>
      </c>
    </row>
    <row r="6" spans="1:4" ht="18" customHeight="1" x14ac:dyDescent="0.15">
      <c r="A6" s="8">
        <v>1</v>
      </c>
      <c r="B6" s="21">
        <v>7</v>
      </c>
      <c r="C6" s="6">
        <v>6</v>
      </c>
      <c r="D6" s="5">
        <v>13</v>
      </c>
    </row>
    <row r="7" spans="1:4" ht="18" customHeight="1" x14ac:dyDescent="0.15">
      <c r="A7" s="8">
        <v>2</v>
      </c>
      <c r="B7" s="21">
        <v>5</v>
      </c>
      <c r="C7" s="6">
        <v>7</v>
      </c>
      <c r="D7" s="5">
        <v>12</v>
      </c>
    </row>
    <row r="8" spans="1:4" ht="18" customHeight="1" x14ac:dyDescent="0.15">
      <c r="A8" s="8">
        <v>3</v>
      </c>
      <c r="B8" s="21">
        <v>5</v>
      </c>
      <c r="C8" s="6">
        <v>6</v>
      </c>
      <c r="D8" s="5">
        <v>11</v>
      </c>
    </row>
    <row r="9" spans="1:4" ht="18" customHeight="1" x14ac:dyDescent="0.15">
      <c r="A9" s="8">
        <v>4</v>
      </c>
      <c r="B9" s="21">
        <v>6</v>
      </c>
      <c r="C9" s="6">
        <v>12</v>
      </c>
      <c r="D9" s="5">
        <v>18</v>
      </c>
    </row>
    <row r="10" spans="1:4" ht="18" customHeight="1" x14ac:dyDescent="0.15">
      <c r="A10" s="8" t="s">
        <v>25</v>
      </c>
      <c r="B10" s="21">
        <v>24</v>
      </c>
      <c r="C10" s="6">
        <v>35</v>
      </c>
      <c r="D10" s="5">
        <v>59</v>
      </c>
    </row>
    <row r="11" spans="1:4" ht="18" customHeight="1" x14ac:dyDescent="0.15">
      <c r="A11" s="8">
        <v>5</v>
      </c>
      <c r="B11" s="21">
        <v>11</v>
      </c>
      <c r="C11" s="6">
        <v>4</v>
      </c>
      <c r="D11" s="5">
        <v>15</v>
      </c>
    </row>
    <row r="12" spans="1:4" ht="18" customHeight="1" x14ac:dyDescent="0.15">
      <c r="A12" s="8">
        <v>6</v>
      </c>
      <c r="B12" s="21">
        <v>9</v>
      </c>
      <c r="C12" s="6">
        <v>5</v>
      </c>
      <c r="D12" s="5">
        <v>14</v>
      </c>
    </row>
    <row r="13" spans="1:4" ht="18" customHeight="1" x14ac:dyDescent="0.15">
      <c r="A13" s="8">
        <v>7</v>
      </c>
      <c r="B13" s="21">
        <v>12</v>
      </c>
      <c r="C13" s="6">
        <v>7</v>
      </c>
      <c r="D13" s="5">
        <v>19</v>
      </c>
    </row>
    <row r="14" spans="1:4" ht="18" customHeight="1" x14ac:dyDescent="0.15">
      <c r="A14" s="8">
        <v>8</v>
      </c>
      <c r="B14" s="21">
        <v>8</v>
      </c>
      <c r="C14" s="6">
        <v>9</v>
      </c>
      <c r="D14" s="5">
        <v>17</v>
      </c>
    </row>
    <row r="15" spans="1:4" ht="18" customHeight="1" x14ac:dyDescent="0.15">
      <c r="A15" s="8">
        <v>9</v>
      </c>
      <c r="B15" s="21">
        <v>5</v>
      </c>
      <c r="C15" s="6">
        <v>16</v>
      </c>
      <c r="D15" s="5">
        <v>21</v>
      </c>
    </row>
    <row r="16" spans="1:4" ht="18" customHeight="1" x14ac:dyDescent="0.15">
      <c r="A16" s="8" t="s">
        <v>24</v>
      </c>
      <c r="B16" s="21">
        <v>45</v>
      </c>
      <c r="C16" s="6">
        <v>41</v>
      </c>
      <c r="D16" s="5">
        <v>86</v>
      </c>
    </row>
    <row r="17" spans="1:4" ht="18" customHeight="1" x14ac:dyDescent="0.15">
      <c r="A17" s="8">
        <v>10</v>
      </c>
      <c r="B17" s="21">
        <v>12</v>
      </c>
      <c r="C17" s="6">
        <v>6</v>
      </c>
      <c r="D17" s="5">
        <v>18</v>
      </c>
    </row>
    <row r="18" spans="1:4" ht="18" customHeight="1" x14ac:dyDescent="0.15">
      <c r="A18" s="8">
        <v>11</v>
      </c>
      <c r="B18" s="21">
        <v>17</v>
      </c>
      <c r="C18" s="6">
        <v>9</v>
      </c>
      <c r="D18" s="5">
        <v>26</v>
      </c>
    </row>
    <row r="19" spans="1:4" ht="18" customHeight="1" x14ac:dyDescent="0.15">
      <c r="A19" s="8">
        <v>12</v>
      </c>
      <c r="B19" s="21">
        <v>16</v>
      </c>
      <c r="C19" s="6">
        <v>7</v>
      </c>
      <c r="D19" s="5">
        <v>23</v>
      </c>
    </row>
    <row r="20" spans="1:4" ht="18" customHeight="1" x14ac:dyDescent="0.15">
      <c r="A20" s="8">
        <v>13</v>
      </c>
      <c r="B20" s="21">
        <v>9</v>
      </c>
      <c r="C20" s="6">
        <v>9</v>
      </c>
      <c r="D20" s="5">
        <v>18</v>
      </c>
    </row>
    <row r="21" spans="1:4" ht="18" customHeight="1" x14ac:dyDescent="0.15">
      <c r="A21" s="8">
        <v>14</v>
      </c>
      <c r="B21" s="21">
        <v>11</v>
      </c>
      <c r="C21" s="6">
        <v>11</v>
      </c>
      <c r="D21" s="5">
        <v>22</v>
      </c>
    </row>
    <row r="22" spans="1:4" ht="18" customHeight="1" x14ac:dyDescent="0.15">
      <c r="A22" s="8" t="s">
        <v>23</v>
      </c>
      <c r="B22" s="21">
        <v>65</v>
      </c>
      <c r="C22" s="6">
        <v>42</v>
      </c>
      <c r="D22" s="5">
        <v>107</v>
      </c>
    </row>
    <row r="23" spans="1:4" ht="18" customHeight="1" x14ac:dyDescent="0.15">
      <c r="A23" s="8" t="s">
        <v>22</v>
      </c>
      <c r="B23" s="21">
        <v>134</v>
      </c>
      <c r="C23" s="6">
        <v>118</v>
      </c>
      <c r="D23" s="5">
        <v>252</v>
      </c>
    </row>
    <row r="24" spans="1:4" ht="18" customHeight="1" x14ac:dyDescent="0.15">
      <c r="A24" s="8">
        <v>15</v>
      </c>
      <c r="B24" s="21">
        <v>14</v>
      </c>
      <c r="C24" s="6">
        <v>14</v>
      </c>
      <c r="D24" s="5">
        <v>28</v>
      </c>
    </row>
    <row r="25" spans="1:4" ht="18" customHeight="1" x14ac:dyDescent="0.15">
      <c r="A25" s="8">
        <v>16</v>
      </c>
      <c r="B25" s="21">
        <v>14</v>
      </c>
      <c r="C25" s="6">
        <v>6</v>
      </c>
      <c r="D25" s="5">
        <v>20</v>
      </c>
    </row>
    <row r="26" spans="1:4" ht="18" customHeight="1" x14ac:dyDescent="0.15">
      <c r="A26" s="8">
        <v>17</v>
      </c>
      <c r="B26" s="21">
        <v>6</v>
      </c>
      <c r="C26" s="6">
        <v>17</v>
      </c>
      <c r="D26" s="5">
        <v>23</v>
      </c>
    </row>
    <row r="27" spans="1:4" ht="18" customHeight="1" x14ac:dyDescent="0.15">
      <c r="A27" s="8">
        <v>18</v>
      </c>
      <c r="B27" s="21">
        <v>15</v>
      </c>
      <c r="C27" s="6">
        <v>10</v>
      </c>
      <c r="D27" s="5">
        <v>25</v>
      </c>
    </row>
    <row r="28" spans="1:4" ht="18" customHeight="1" x14ac:dyDescent="0.15">
      <c r="A28" s="8">
        <v>19</v>
      </c>
      <c r="B28" s="21">
        <v>15</v>
      </c>
      <c r="C28" s="6">
        <v>7</v>
      </c>
      <c r="D28" s="5">
        <v>22</v>
      </c>
    </row>
    <row r="29" spans="1:4" ht="18" customHeight="1" x14ac:dyDescent="0.15">
      <c r="A29" s="8" t="s">
        <v>21</v>
      </c>
      <c r="B29" s="21">
        <v>64</v>
      </c>
      <c r="C29" s="6">
        <v>54</v>
      </c>
      <c r="D29" s="5">
        <v>118</v>
      </c>
    </row>
    <row r="30" spans="1:4" ht="18" customHeight="1" x14ac:dyDescent="0.15">
      <c r="A30" s="8">
        <v>20</v>
      </c>
      <c r="B30" s="21">
        <v>4</v>
      </c>
      <c r="C30" s="6">
        <v>11</v>
      </c>
      <c r="D30" s="5">
        <v>15</v>
      </c>
    </row>
    <row r="31" spans="1:4" ht="18" customHeight="1" x14ac:dyDescent="0.15">
      <c r="A31" s="8">
        <v>21</v>
      </c>
      <c r="B31" s="21">
        <v>15</v>
      </c>
      <c r="C31" s="6">
        <v>8</v>
      </c>
      <c r="D31" s="5">
        <v>23</v>
      </c>
    </row>
    <row r="32" spans="1:4" ht="18" customHeight="1" x14ac:dyDescent="0.15">
      <c r="A32" s="8">
        <v>22</v>
      </c>
      <c r="B32" s="21">
        <v>13</v>
      </c>
      <c r="C32" s="6">
        <v>15</v>
      </c>
      <c r="D32" s="5">
        <v>28</v>
      </c>
    </row>
    <row r="33" spans="1:4" ht="18" customHeight="1" x14ac:dyDescent="0.15">
      <c r="A33" s="8">
        <v>23</v>
      </c>
      <c r="B33" s="21">
        <v>17</v>
      </c>
      <c r="C33" s="6">
        <v>13</v>
      </c>
      <c r="D33" s="5">
        <v>30</v>
      </c>
    </row>
    <row r="34" spans="1:4" ht="18" customHeight="1" x14ac:dyDescent="0.15">
      <c r="A34" s="8">
        <v>24</v>
      </c>
      <c r="B34" s="21">
        <v>15</v>
      </c>
      <c r="C34" s="6">
        <v>11</v>
      </c>
      <c r="D34" s="5">
        <v>26</v>
      </c>
    </row>
    <row r="35" spans="1:4" ht="18" customHeight="1" x14ac:dyDescent="0.15">
      <c r="A35" s="8" t="s">
        <v>20</v>
      </c>
      <c r="B35" s="21">
        <v>64</v>
      </c>
      <c r="C35" s="6">
        <v>58</v>
      </c>
      <c r="D35" s="5">
        <v>122</v>
      </c>
    </row>
    <row r="36" spans="1:4" ht="18" customHeight="1" x14ac:dyDescent="0.15">
      <c r="A36" s="8">
        <v>25</v>
      </c>
      <c r="B36" s="21">
        <v>10</v>
      </c>
      <c r="C36" s="6">
        <v>12</v>
      </c>
      <c r="D36" s="5">
        <v>22</v>
      </c>
    </row>
    <row r="37" spans="1:4" ht="18" customHeight="1" x14ac:dyDescent="0.15">
      <c r="A37" s="8">
        <v>26</v>
      </c>
      <c r="B37" s="21">
        <v>2</v>
      </c>
      <c r="C37" s="6">
        <v>11</v>
      </c>
      <c r="D37" s="5">
        <v>13</v>
      </c>
    </row>
    <row r="38" spans="1:4" ht="18" customHeight="1" x14ac:dyDescent="0.15">
      <c r="A38" s="8">
        <v>27</v>
      </c>
      <c r="B38" s="21">
        <v>14</v>
      </c>
      <c r="C38" s="6">
        <v>8</v>
      </c>
      <c r="D38" s="5">
        <v>22</v>
      </c>
    </row>
    <row r="39" spans="1:4" ht="18" customHeight="1" x14ac:dyDescent="0.15">
      <c r="A39" s="8">
        <v>28</v>
      </c>
      <c r="B39" s="21">
        <v>10</v>
      </c>
      <c r="C39" s="6">
        <v>10</v>
      </c>
      <c r="D39" s="5">
        <v>20</v>
      </c>
    </row>
    <row r="40" spans="1:4" ht="18" customHeight="1" x14ac:dyDescent="0.15">
      <c r="A40" s="8">
        <v>29</v>
      </c>
      <c r="B40" s="21">
        <v>9</v>
      </c>
      <c r="C40" s="6">
        <v>13</v>
      </c>
      <c r="D40" s="5">
        <v>22</v>
      </c>
    </row>
    <row r="41" spans="1:4" ht="18" customHeight="1" x14ac:dyDescent="0.15">
      <c r="A41" s="8" t="s">
        <v>19</v>
      </c>
      <c r="B41" s="21">
        <v>45</v>
      </c>
      <c r="C41" s="6">
        <v>54</v>
      </c>
      <c r="D41" s="5">
        <v>99</v>
      </c>
    </row>
    <row r="42" spans="1:4" ht="18" customHeight="1" x14ac:dyDescent="0.15">
      <c r="A42" s="8">
        <v>30</v>
      </c>
      <c r="B42" s="21">
        <v>19</v>
      </c>
      <c r="C42" s="6">
        <v>12</v>
      </c>
      <c r="D42" s="5">
        <v>31</v>
      </c>
    </row>
    <row r="43" spans="1:4" ht="18" customHeight="1" x14ac:dyDescent="0.15">
      <c r="A43" s="8">
        <v>31</v>
      </c>
      <c r="B43" s="21">
        <v>9</v>
      </c>
      <c r="C43" s="6">
        <v>7</v>
      </c>
      <c r="D43" s="5">
        <v>16</v>
      </c>
    </row>
    <row r="44" spans="1:4" ht="18" customHeight="1" x14ac:dyDescent="0.15">
      <c r="A44" s="8">
        <v>32</v>
      </c>
      <c r="B44" s="21">
        <v>11</v>
      </c>
      <c r="C44" s="6">
        <v>6</v>
      </c>
      <c r="D44" s="5">
        <v>17</v>
      </c>
    </row>
    <row r="45" spans="1:4" ht="18" customHeight="1" x14ac:dyDescent="0.15">
      <c r="A45" s="8">
        <v>33</v>
      </c>
      <c r="B45" s="21">
        <v>5</v>
      </c>
      <c r="C45" s="6">
        <v>10</v>
      </c>
      <c r="D45" s="5">
        <v>15</v>
      </c>
    </row>
    <row r="46" spans="1:4" ht="18" customHeight="1" x14ac:dyDescent="0.15">
      <c r="A46" s="8">
        <v>34</v>
      </c>
      <c r="B46" s="21">
        <v>11</v>
      </c>
      <c r="C46" s="6">
        <v>10</v>
      </c>
      <c r="D46" s="5">
        <v>21</v>
      </c>
    </row>
    <row r="47" spans="1:4" ht="18" customHeight="1" x14ac:dyDescent="0.15">
      <c r="A47" s="8" t="s">
        <v>18</v>
      </c>
      <c r="B47" s="21">
        <v>55</v>
      </c>
      <c r="C47" s="6">
        <v>45</v>
      </c>
      <c r="D47" s="5">
        <v>100</v>
      </c>
    </row>
    <row r="48" spans="1:4" ht="18" customHeight="1" x14ac:dyDescent="0.15">
      <c r="A48" s="8">
        <v>35</v>
      </c>
      <c r="B48" s="21">
        <v>11</v>
      </c>
      <c r="C48" s="6">
        <v>8</v>
      </c>
      <c r="D48" s="5">
        <v>19</v>
      </c>
    </row>
    <row r="49" spans="1:4" ht="18" customHeight="1" x14ac:dyDescent="0.15">
      <c r="A49" s="8">
        <v>36</v>
      </c>
      <c r="B49" s="21">
        <v>12</v>
      </c>
      <c r="C49" s="6">
        <v>11</v>
      </c>
      <c r="D49" s="5">
        <v>23</v>
      </c>
    </row>
    <row r="50" spans="1:4" ht="18" customHeight="1" x14ac:dyDescent="0.15">
      <c r="A50" s="8">
        <v>37</v>
      </c>
      <c r="B50" s="21">
        <v>10</v>
      </c>
      <c r="C50" s="6">
        <v>12</v>
      </c>
      <c r="D50" s="5">
        <v>22</v>
      </c>
    </row>
    <row r="51" spans="1:4" ht="18" customHeight="1" x14ac:dyDescent="0.15">
      <c r="A51" s="8">
        <v>38</v>
      </c>
      <c r="B51" s="21">
        <v>13</v>
      </c>
      <c r="C51" s="6">
        <v>9</v>
      </c>
      <c r="D51" s="5">
        <v>22</v>
      </c>
    </row>
    <row r="52" spans="1:4" ht="18" customHeight="1" x14ac:dyDescent="0.15">
      <c r="A52" s="8">
        <v>39</v>
      </c>
      <c r="B52" s="21">
        <v>6</v>
      </c>
      <c r="C52" s="6">
        <v>7</v>
      </c>
      <c r="D52" s="5">
        <v>13</v>
      </c>
    </row>
    <row r="53" spans="1:4" ht="18" customHeight="1" x14ac:dyDescent="0.15">
      <c r="A53" s="8" t="s">
        <v>17</v>
      </c>
      <c r="B53" s="21">
        <v>52</v>
      </c>
      <c r="C53" s="6">
        <v>47</v>
      </c>
      <c r="D53" s="5">
        <v>99</v>
      </c>
    </row>
    <row r="54" spans="1:4" ht="18" customHeight="1" x14ac:dyDescent="0.15">
      <c r="A54" s="8">
        <v>40</v>
      </c>
      <c r="B54" s="21">
        <v>13</v>
      </c>
      <c r="C54" s="6">
        <v>14</v>
      </c>
      <c r="D54" s="5">
        <v>27</v>
      </c>
    </row>
    <row r="55" spans="1:4" ht="18" customHeight="1" x14ac:dyDescent="0.15">
      <c r="A55" s="8">
        <v>41</v>
      </c>
      <c r="B55" s="21">
        <v>15</v>
      </c>
      <c r="C55" s="6">
        <v>15</v>
      </c>
      <c r="D55" s="5">
        <v>30</v>
      </c>
    </row>
    <row r="56" spans="1:4" ht="18" customHeight="1" x14ac:dyDescent="0.15">
      <c r="A56" s="8">
        <v>42</v>
      </c>
      <c r="B56" s="21">
        <v>13</v>
      </c>
      <c r="C56" s="6">
        <v>8</v>
      </c>
      <c r="D56" s="5">
        <v>21</v>
      </c>
    </row>
    <row r="57" spans="1:4" ht="18" customHeight="1" x14ac:dyDescent="0.15">
      <c r="A57" s="8">
        <v>43</v>
      </c>
      <c r="B57" s="21">
        <v>12</v>
      </c>
      <c r="C57" s="6">
        <v>17</v>
      </c>
      <c r="D57" s="5">
        <v>29</v>
      </c>
    </row>
    <row r="58" spans="1:4" ht="18" customHeight="1" x14ac:dyDescent="0.15">
      <c r="A58" s="8">
        <v>44</v>
      </c>
      <c r="B58" s="21">
        <v>13</v>
      </c>
      <c r="C58" s="6">
        <v>17</v>
      </c>
      <c r="D58" s="5">
        <v>30</v>
      </c>
    </row>
    <row r="59" spans="1:4" ht="18" customHeight="1" x14ac:dyDescent="0.15">
      <c r="A59" s="8" t="s">
        <v>16</v>
      </c>
      <c r="B59" s="21">
        <v>66</v>
      </c>
      <c r="C59" s="6">
        <v>71</v>
      </c>
      <c r="D59" s="5">
        <v>137</v>
      </c>
    </row>
    <row r="60" spans="1:4" ht="18" customHeight="1" x14ac:dyDescent="0.15">
      <c r="A60" s="8">
        <v>45</v>
      </c>
      <c r="B60" s="21">
        <v>12</v>
      </c>
      <c r="C60" s="6">
        <v>15</v>
      </c>
      <c r="D60" s="5">
        <v>27</v>
      </c>
    </row>
    <row r="61" spans="1:4" ht="18" customHeight="1" x14ac:dyDescent="0.15">
      <c r="A61" s="8">
        <v>46</v>
      </c>
      <c r="B61" s="21">
        <v>14</v>
      </c>
      <c r="C61" s="6">
        <v>14</v>
      </c>
      <c r="D61" s="5">
        <v>28</v>
      </c>
    </row>
    <row r="62" spans="1:4" ht="18" customHeight="1" x14ac:dyDescent="0.15">
      <c r="A62" s="8">
        <v>47</v>
      </c>
      <c r="B62" s="21">
        <v>20</v>
      </c>
      <c r="C62" s="6">
        <v>21</v>
      </c>
      <c r="D62" s="5">
        <v>41</v>
      </c>
    </row>
    <row r="63" spans="1:4" ht="18" customHeight="1" x14ac:dyDescent="0.15">
      <c r="A63" s="8">
        <v>48</v>
      </c>
      <c r="B63" s="21">
        <v>17</v>
      </c>
      <c r="C63" s="6">
        <v>17</v>
      </c>
      <c r="D63" s="5">
        <v>34</v>
      </c>
    </row>
    <row r="64" spans="1:4" ht="18" customHeight="1" x14ac:dyDescent="0.15">
      <c r="A64" s="8">
        <v>49</v>
      </c>
      <c r="B64" s="21">
        <v>17</v>
      </c>
      <c r="C64" s="6">
        <v>15</v>
      </c>
      <c r="D64" s="5">
        <v>32</v>
      </c>
    </row>
    <row r="65" spans="1:4" ht="18" customHeight="1" x14ac:dyDescent="0.15">
      <c r="A65" s="8" t="s">
        <v>15</v>
      </c>
      <c r="B65" s="21">
        <v>80</v>
      </c>
      <c r="C65" s="6">
        <v>82</v>
      </c>
      <c r="D65" s="5">
        <v>162</v>
      </c>
    </row>
    <row r="66" spans="1:4" ht="18" customHeight="1" x14ac:dyDescent="0.15">
      <c r="A66" s="8">
        <v>50</v>
      </c>
      <c r="B66" s="21">
        <v>30</v>
      </c>
      <c r="C66" s="6">
        <v>14</v>
      </c>
      <c r="D66" s="5">
        <v>44</v>
      </c>
    </row>
    <row r="67" spans="1:4" ht="18" customHeight="1" x14ac:dyDescent="0.15">
      <c r="A67" s="8">
        <v>51</v>
      </c>
      <c r="B67" s="21">
        <v>28</v>
      </c>
      <c r="C67" s="6">
        <v>23</v>
      </c>
      <c r="D67" s="5">
        <v>51</v>
      </c>
    </row>
    <row r="68" spans="1:4" ht="18" customHeight="1" x14ac:dyDescent="0.15">
      <c r="A68" s="8">
        <v>52</v>
      </c>
      <c r="B68" s="21">
        <v>22</v>
      </c>
      <c r="C68" s="6">
        <v>16</v>
      </c>
      <c r="D68" s="5">
        <v>38</v>
      </c>
    </row>
    <row r="69" spans="1:4" ht="18" customHeight="1" x14ac:dyDescent="0.15">
      <c r="A69" s="8">
        <v>53</v>
      </c>
      <c r="B69" s="21">
        <v>21</v>
      </c>
      <c r="C69" s="6">
        <v>29</v>
      </c>
      <c r="D69" s="5">
        <v>50</v>
      </c>
    </row>
    <row r="70" spans="1:4" ht="18" customHeight="1" x14ac:dyDescent="0.15">
      <c r="A70" s="8">
        <v>54</v>
      </c>
      <c r="B70" s="21">
        <v>38</v>
      </c>
      <c r="C70" s="6">
        <v>24</v>
      </c>
      <c r="D70" s="5">
        <v>62</v>
      </c>
    </row>
    <row r="71" spans="1:4" ht="18" customHeight="1" x14ac:dyDescent="0.15">
      <c r="A71" s="8" t="s">
        <v>14</v>
      </c>
      <c r="B71" s="21">
        <v>139</v>
      </c>
      <c r="C71" s="6">
        <v>106</v>
      </c>
      <c r="D71" s="5">
        <v>245</v>
      </c>
    </row>
    <row r="72" spans="1:4" ht="18" customHeight="1" x14ac:dyDescent="0.15">
      <c r="A72" s="8">
        <v>55</v>
      </c>
      <c r="B72" s="21">
        <v>23</v>
      </c>
      <c r="C72" s="6">
        <v>31</v>
      </c>
      <c r="D72" s="5">
        <v>54</v>
      </c>
    </row>
    <row r="73" spans="1:4" ht="18" customHeight="1" x14ac:dyDescent="0.15">
      <c r="A73" s="8">
        <v>56</v>
      </c>
      <c r="B73" s="21">
        <v>31</v>
      </c>
      <c r="C73" s="6">
        <v>22</v>
      </c>
      <c r="D73" s="5">
        <v>53</v>
      </c>
    </row>
    <row r="74" spans="1:4" ht="18" customHeight="1" x14ac:dyDescent="0.15">
      <c r="A74" s="8">
        <v>57</v>
      </c>
      <c r="B74" s="21">
        <v>29</v>
      </c>
      <c r="C74" s="6">
        <v>17</v>
      </c>
      <c r="D74" s="5">
        <v>46</v>
      </c>
    </row>
    <row r="75" spans="1:4" ht="18" customHeight="1" x14ac:dyDescent="0.15">
      <c r="A75" s="8">
        <v>58</v>
      </c>
      <c r="B75" s="21">
        <v>19</v>
      </c>
      <c r="C75" s="6">
        <v>25</v>
      </c>
      <c r="D75" s="5">
        <v>44</v>
      </c>
    </row>
    <row r="76" spans="1:4" ht="18" customHeight="1" x14ac:dyDescent="0.15">
      <c r="A76" s="8">
        <v>59</v>
      </c>
      <c r="B76" s="21">
        <v>20</v>
      </c>
      <c r="C76" s="6">
        <v>16</v>
      </c>
      <c r="D76" s="5">
        <v>36</v>
      </c>
    </row>
    <row r="77" spans="1:4" ht="18" customHeight="1" x14ac:dyDescent="0.15">
      <c r="A77" s="8" t="s">
        <v>13</v>
      </c>
      <c r="B77" s="21">
        <v>122</v>
      </c>
      <c r="C77" s="6">
        <v>111</v>
      </c>
      <c r="D77" s="5">
        <v>233</v>
      </c>
    </row>
    <row r="78" spans="1:4" ht="18" customHeight="1" x14ac:dyDescent="0.15">
      <c r="A78" s="8">
        <v>60</v>
      </c>
      <c r="B78" s="21">
        <v>15</v>
      </c>
      <c r="C78" s="6">
        <v>21</v>
      </c>
      <c r="D78" s="5">
        <v>36</v>
      </c>
    </row>
    <row r="79" spans="1:4" ht="18" customHeight="1" x14ac:dyDescent="0.15">
      <c r="A79" s="8">
        <v>61</v>
      </c>
      <c r="B79" s="21">
        <v>22</v>
      </c>
      <c r="C79" s="6">
        <v>19</v>
      </c>
      <c r="D79" s="5">
        <v>41</v>
      </c>
    </row>
    <row r="80" spans="1:4" ht="18" customHeight="1" x14ac:dyDescent="0.15">
      <c r="A80" s="8">
        <v>62</v>
      </c>
      <c r="B80" s="21">
        <v>11</v>
      </c>
      <c r="C80" s="6">
        <v>12</v>
      </c>
      <c r="D80" s="5">
        <v>23</v>
      </c>
    </row>
    <row r="81" spans="1:4" ht="18" customHeight="1" x14ac:dyDescent="0.15">
      <c r="A81" s="8">
        <v>63</v>
      </c>
      <c r="B81" s="21">
        <v>20</v>
      </c>
      <c r="C81" s="6">
        <v>15</v>
      </c>
      <c r="D81" s="5">
        <v>35</v>
      </c>
    </row>
    <row r="82" spans="1:4" ht="18" customHeight="1" x14ac:dyDescent="0.15">
      <c r="A82" s="8">
        <v>64</v>
      </c>
      <c r="B82" s="21">
        <v>10</v>
      </c>
      <c r="C82" s="6">
        <v>17</v>
      </c>
      <c r="D82" s="5">
        <v>27</v>
      </c>
    </row>
    <row r="83" spans="1:4" ht="18" customHeight="1" x14ac:dyDescent="0.15">
      <c r="A83" s="8" t="s">
        <v>12</v>
      </c>
      <c r="B83" s="21">
        <v>78</v>
      </c>
      <c r="C83" s="6">
        <v>84</v>
      </c>
      <c r="D83" s="5">
        <v>162</v>
      </c>
    </row>
    <row r="84" spans="1:4" ht="18" customHeight="1" x14ac:dyDescent="0.15">
      <c r="A84" s="8" t="s">
        <v>11</v>
      </c>
      <c r="B84" s="21">
        <v>765</v>
      </c>
      <c r="C84" s="6">
        <v>712</v>
      </c>
      <c r="D84" s="5">
        <v>1477</v>
      </c>
    </row>
    <row r="85" spans="1:4" ht="18" customHeight="1" x14ac:dyDescent="0.15">
      <c r="A85" s="8">
        <v>65</v>
      </c>
      <c r="B85" s="21">
        <v>16</v>
      </c>
      <c r="C85" s="6">
        <v>27</v>
      </c>
      <c r="D85" s="5">
        <v>43</v>
      </c>
    </row>
    <row r="86" spans="1:4" ht="18" customHeight="1" x14ac:dyDescent="0.15">
      <c r="A86" s="8">
        <v>66</v>
      </c>
      <c r="B86" s="21">
        <v>10</v>
      </c>
      <c r="C86" s="6">
        <v>21</v>
      </c>
      <c r="D86" s="5">
        <v>31</v>
      </c>
    </row>
    <row r="87" spans="1:4" ht="18" customHeight="1" x14ac:dyDescent="0.15">
      <c r="A87" s="8">
        <v>67</v>
      </c>
      <c r="B87" s="21">
        <v>30</v>
      </c>
      <c r="C87" s="6">
        <v>23</v>
      </c>
      <c r="D87" s="5">
        <v>53</v>
      </c>
    </row>
    <row r="88" spans="1:4" ht="18" customHeight="1" x14ac:dyDescent="0.15">
      <c r="A88" s="8">
        <v>68</v>
      </c>
      <c r="B88" s="21">
        <v>13</v>
      </c>
      <c r="C88" s="6">
        <v>24</v>
      </c>
      <c r="D88" s="5">
        <v>37</v>
      </c>
    </row>
    <row r="89" spans="1:4" ht="18" customHeight="1" x14ac:dyDescent="0.15">
      <c r="A89" s="8">
        <v>69</v>
      </c>
      <c r="B89" s="21">
        <v>25</v>
      </c>
      <c r="C89" s="6">
        <v>20</v>
      </c>
      <c r="D89" s="5">
        <v>45</v>
      </c>
    </row>
    <row r="90" spans="1:4" ht="18" customHeight="1" x14ac:dyDescent="0.15">
      <c r="A90" s="8" t="s">
        <v>10</v>
      </c>
      <c r="B90" s="21">
        <v>94</v>
      </c>
      <c r="C90" s="6">
        <v>115</v>
      </c>
      <c r="D90" s="5">
        <v>209</v>
      </c>
    </row>
    <row r="91" spans="1:4" ht="18" customHeight="1" x14ac:dyDescent="0.15">
      <c r="A91" s="8">
        <v>70</v>
      </c>
      <c r="B91" s="21">
        <v>25</v>
      </c>
      <c r="C91" s="6">
        <v>31</v>
      </c>
      <c r="D91" s="5">
        <v>56</v>
      </c>
    </row>
    <row r="92" spans="1:4" ht="18" customHeight="1" x14ac:dyDescent="0.15">
      <c r="A92" s="8">
        <v>71</v>
      </c>
      <c r="B92" s="21">
        <v>26</v>
      </c>
      <c r="C92" s="6">
        <v>33</v>
      </c>
      <c r="D92" s="5">
        <v>59</v>
      </c>
    </row>
    <row r="93" spans="1:4" ht="18" customHeight="1" x14ac:dyDescent="0.15">
      <c r="A93" s="8">
        <v>72</v>
      </c>
      <c r="B93" s="21">
        <v>23</v>
      </c>
      <c r="C93" s="6">
        <v>20</v>
      </c>
      <c r="D93" s="5">
        <v>43</v>
      </c>
    </row>
    <row r="94" spans="1:4" ht="18" customHeight="1" x14ac:dyDescent="0.15">
      <c r="A94" s="8">
        <v>73</v>
      </c>
      <c r="B94" s="21">
        <v>26</v>
      </c>
      <c r="C94" s="6">
        <v>29</v>
      </c>
      <c r="D94" s="5">
        <v>55</v>
      </c>
    </row>
    <row r="95" spans="1:4" ht="18" customHeight="1" x14ac:dyDescent="0.15">
      <c r="A95" s="8">
        <v>74</v>
      </c>
      <c r="B95" s="21">
        <v>20</v>
      </c>
      <c r="C95" s="6">
        <v>27</v>
      </c>
      <c r="D95" s="5">
        <v>47</v>
      </c>
    </row>
    <row r="96" spans="1:4" ht="18" customHeight="1" x14ac:dyDescent="0.15">
      <c r="A96" s="8" t="s">
        <v>9</v>
      </c>
      <c r="B96" s="21">
        <v>120</v>
      </c>
      <c r="C96" s="6">
        <v>140</v>
      </c>
      <c r="D96" s="5">
        <v>260</v>
      </c>
    </row>
    <row r="97" spans="1:4" ht="18" customHeight="1" x14ac:dyDescent="0.15">
      <c r="A97" s="8">
        <v>75</v>
      </c>
      <c r="B97" s="21">
        <v>37</v>
      </c>
      <c r="C97" s="6">
        <v>44</v>
      </c>
      <c r="D97" s="5">
        <v>81</v>
      </c>
    </row>
    <row r="98" spans="1:4" ht="18" customHeight="1" x14ac:dyDescent="0.15">
      <c r="A98" s="8">
        <v>76</v>
      </c>
      <c r="B98" s="21">
        <v>32</v>
      </c>
      <c r="C98" s="6">
        <v>47</v>
      </c>
      <c r="D98" s="5">
        <v>79</v>
      </c>
    </row>
    <row r="99" spans="1:4" ht="18" customHeight="1" x14ac:dyDescent="0.15">
      <c r="A99" s="8">
        <v>77</v>
      </c>
      <c r="B99" s="21">
        <v>35</v>
      </c>
      <c r="C99" s="6">
        <v>43</v>
      </c>
      <c r="D99" s="5">
        <v>78</v>
      </c>
    </row>
    <row r="100" spans="1:4" ht="18" customHeight="1" x14ac:dyDescent="0.15">
      <c r="A100" s="8">
        <v>78</v>
      </c>
      <c r="B100" s="21">
        <v>50</v>
      </c>
      <c r="C100" s="6">
        <v>62</v>
      </c>
      <c r="D100" s="5">
        <v>112</v>
      </c>
    </row>
    <row r="101" spans="1:4" ht="18" customHeight="1" x14ac:dyDescent="0.15">
      <c r="A101" s="8">
        <v>79</v>
      </c>
      <c r="B101" s="21">
        <v>18</v>
      </c>
      <c r="C101" s="6">
        <v>18</v>
      </c>
      <c r="D101" s="5">
        <v>36</v>
      </c>
    </row>
    <row r="102" spans="1:4" ht="18" customHeight="1" x14ac:dyDescent="0.15">
      <c r="A102" s="8" t="s">
        <v>8</v>
      </c>
      <c r="B102" s="21">
        <v>172</v>
      </c>
      <c r="C102" s="6">
        <v>214</v>
      </c>
      <c r="D102" s="5">
        <v>386</v>
      </c>
    </row>
    <row r="103" spans="1:4" ht="18" customHeight="1" x14ac:dyDescent="0.15">
      <c r="A103" s="8">
        <v>80</v>
      </c>
      <c r="B103" s="21">
        <v>20</v>
      </c>
      <c r="C103" s="6">
        <v>25</v>
      </c>
      <c r="D103" s="5">
        <v>45</v>
      </c>
    </row>
    <row r="104" spans="1:4" ht="18" customHeight="1" x14ac:dyDescent="0.15">
      <c r="A104" s="8">
        <v>81</v>
      </c>
      <c r="B104" s="21">
        <v>30</v>
      </c>
      <c r="C104" s="6">
        <v>35</v>
      </c>
      <c r="D104" s="5">
        <v>65</v>
      </c>
    </row>
    <row r="105" spans="1:4" ht="18" customHeight="1" x14ac:dyDescent="0.15">
      <c r="A105" s="8">
        <v>82</v>
      </c>
      <c r="B105" s="21">
        <v>33</v>
      </c>
      <c r="C105" s="6">
        <v>29</v>
      </c>
      <c r="D105" s="5">
        <v>62</v>
      </c>
    </row>
    <row r="106" spans="1:4" ht="18" customHeight="1" x14ac:dyDescent="0.15">
      <c r="A106" s="8">
        <v>83</v>
      </c>
      <c r="B106" s="21">
        <v>15</v>
      </c>
      <c r="C106" s="6">
        <v>39</v>
      </c>
      <c r="D106" s="5">
        <v>54</v>
      </c>
    </row>
    <row r="107" spans="1:4" ht="18" customHeight="1" x14ac:dyDescent="0.15">
      <c r="A107" s="8">
        <v>84</v>
      </c>
      <c r="B107" s="21">
        <v>20</v>
      </c>
      <c r="C107" s="6">
        <v>39</v>
      </c>
      <c r="D107" s="5">
        <v>59</v>
      </c>
    </row>
    <row r="108" spans="1:4" ht="18" customHeight="1" x14ac:dyDescent="0.15">
      <c r="A108" s="8" t="s">
        <v>7</v>
      </c>
      <c r="B108" s="21">
        <v>118</v>
      </c>
      <c r="C108" s="6">
        <v>167</v>
      </c>
      <c r="D108" s="5">
        <v>285</v>
      </c>
    </row>
    <row r="109" spans="1:4" ht="18" customHeight="1" x14ac:dyDescent="0.15">
      <c r="A109" s="8">
        <v>85</v>
      </c>
      <c r="B109" s="21">
        <v>26</v>
      </c>
      <c r="C109" s="6">
        <v>24</v>
      </c>
      <c r="D109" s="5">
        <v>50</v>
      </c>
    </row>
    <row r="110" spans="1:4" ht="18" customHeight="1" x14ac:dyDescent="0.15">
      <c r="A110" s="8">
        <v>86</v>
      </c>
      <c r="B110" s="21">
        <v>8</v>
      </c>
      <c r="C110" s="6">
        <v>34</v>
      </c>
      <c r="D110" s="5">
        <v>42</v>
      </c>
    </row>
    <row r="111" spans="1:4" ht="18" customHeight="1" x14ac:dyDescent="0.15">
      <c r="A111" s="8">
        <v>87</v>
      </c>
      <c r="B111" s="21">
        <v>2</v>
      </c>
      <c r="C111" s="6">
        <v>19</v>
      </c>
      <c r="D111" s="5">
        <v>21</v>
      </c>
    </row>
    <row r="112" spans="1:4" ht="18" customHeight="1" x14ac:dyDescent="0.15">
      <c r="A112" s="8">
        <v>88</v>
      </c>
      <c r="B112" s="21">
        <v>12</v>
      </c>
      <c r="C112" s="6">
        <v>15</v>
      </c>
      <c r="D112" s="5">
        <v>27</v>
      </c>
    </row>
    <row r="113" spans="1:4" ht="18" customHeight="1" x14ac:dyDescent="0.15">
      <c r="A113" s="8">
        <v>89</v>
      </c>
      <c r="B113" s="21">
        <v>13</v>
      </c>
      <c r="C113" s="6">
        <v>19</v>
      </c>
      <c r="D113" s="5">
        <v>32</v>
      </c>
    </row>
    <row r="114" spans="1:4" ht="18" customHeight="1" x14ac:dyDescent="0.15">
      <c r="A114" s="8" t="s">
        <v>6</v>
      </c>
      <c r="B114" s="21">
        <v>61</v>
      </c>
      <c r="C114" s="6">
        <v>111</v>
      </c>
      <c r="D114" s="5">
        <v>172</v>
      </c>
    </row>
    <row r="115" spans="1:4" ht="18" customHeight="1" x14ac:dyDescent="0.15">
      <c r="A115" s="8">
        <v>90</v>
      </c>
      <c r="B115" s="21">
        <v>4</v>
      </c>
      <c r="C115" s="6">
        <v>21</v>
      </c>
      <c r="D115" s="5">
        <v>25</v>
      </c>
    </row>
    <row r="116" spans="1:4" ht="18" customHeight="1" x14ac:dyDescent="0.15">
      <c r="A116" s="8">
        <v>91</v>
      </c>
      <c r="B116" s="21">
        <v>3</v>
      </c>
      <c r="C116" s="6">
        <v>6</v>
      </c>
      <c r="D116" s="5">
        <v>9</v>
      </c>
    </row>
    <row r="117" spans="1:4" ht="18" customHeight="1" x14ac:dyDescent="0.15">
      <c r="A117" s="8">
        <v>92</v>
      </c>
      <c r="B117" s="21">
        <v>5</v>
      </c>
      <c r="C117" s="6">
        <v>16</v>
      </c>
      <c r="D117" s="5">
        <v>21</v>
      </c>
    </row>
    <row r="118" spans="1:4" ht="18" customHeight="1" x14ac:dyDescent="0.15">
      <c r="A118" s="8">
        <v>93</v>
      </c>
      <c r="B118" s="21">
        <v>1</v>
      </c>
      <c r="C118" s="6">
        <v>14</v>
      </c>
      <c r="D118" s="5">
        <v>15</v>
      </c>
    </row>
    <row r="119" spans="1:4" ht="18" customHeight="1" x14ac:dyDescent="0.15">
      <c r="A119" s="8">
        <v>94</v>
      </c>
      <c r="B119" s="21">
        <v>0</v>
      </c>
      <c r="C119" s="6">
        <v>6</v>
      </c>
      <c r="D119" s="5">
        <v>6</v>
      </c>
    </row>
    <row r="120" spans="1:4" ht="18" customHeight="1" x14ac:dyDescent="0.15">
      <c r="A120" s="8" t="s">
        <v>5</v>
      </c>
      <c r="B120" s="21">
        <v>13</v>
      </c>
      <c r="C120" s="6">
        <v>63</v>
      </c>
      <c r="D120" s="5">
        <v>76</v>
      </c>
    </row>
    <row r="121" spans="1:4" ht="18" customHeight="1" x14ac:dyDescent="0.15">
      <c r="A121" s="8">
        <v>95</v>
      </c>
      <c r="B121" s="21">
        <v>0</v>
      </c>
      <c r="C121" s="6">
        <v>5</v>
      </c>
      <c r="D121" s="5">
        <v>5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2</v>
      </c>
      <c r="C123" s="6">
        <v>4</v>
      </c>
      <c r="D123" s="5">
        <v>6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4</v>
      </c>
      <c r="C126" s="6">
        <v>17</v>
      </c>
      <c r="D126" s="5">
        <v>21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582</v>
      </c>
      <c r="C130" s="6">
        <v>833</v>
      </c>
      <c r="D130" s="5">
        <v>1415</v>
      </c>
    </row>
    <row r="131" spans="1:4" ht="18" customHeight="1" x14ac:dyDescent="0.15">
      <c r="A131" s="4" t="s">
        <v>0</v>
      </c>
      <c r="B131" s="20">
        <v>1481</v>
      </c>
      <c r="C131" s="2">
        <v>1663</v>
      </c>
      <c r="D131" s="1">
        <v>314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597B02-C98A-44C1-8CB9-06514923213F}">
  <sheetPr codeName="Sheet5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6</v>
      </c>
      <c r="C5" s="11">
        <v>10</v>
      </c>
      <c r="D5" s="10">
        <v>16</v>
      </c>
    </row>
    <row r="6" spans="1:4" ht="18" customHeight="1" x14ac:dyDescent="0.15">
      <c r="A6" s="8">
        <v>1</v>
      </c>
      <c r="B6" s="21">
        <v>7</v>
      </c>
      <c r="C6" s="6">
        <v>9</v>
      </c>
      <c r="D6" s="5">
        <v>16</v>
      </c>
    </row>
    <row r="7" spans="1:4" ht="18" customHeight="1" x14ac:dyDescent="0.15">
      <c r="A7" s="8">
        <v>2</v>
      </c>
      <c r="B7" s="21">
        <v>8</v>
      </c>
      <c r="C7" s="6">
        <v>10</v>
      </c>
      <c r="D7" s="5">
        <v>18</v>
      </c>
    </row>
    <row r="8" spans="1:4" ht="18" customHeight="1" x14ac:dyDescent="0.15">
      <c r="A8" s="8">
        <v>3</v>
      </c>
      <c r="B8" s="21">
        <v>14</v>
      </c>
      <c r="C8" s="6">
        <v>9</v>
      </c>
      <c r="D8" s="5">
        <v>23</v>
      </c>
    </row>
    <row r="9" spans="1:4" ht="18" customHeight="1" x14ac:dyDescent="0.15">
      <c r="A9" s="8">
        <v>4</v>
      </c>
      <c r="B9" s="21">
        <v>9</v>
      </c>
      <c r="C9" s="6">
        <v>8</v>
      </c>
      <c r="D9" s="5">
        <v>17</v>
      </c>
    </row>
    <row r="10" spans="1:4" ht="18" customHeight="1" x14ac:dyDescent="0.15">
      <c r="A10" s="8" t="s">
        <v>25</v>
      </c>
      <c r="B10" s="21">
        <v>44</v>
      </c>
      <c r="C10" s="6">
        <v>46</v>
      </c>
      <c r="D10" s="5">
        <v>90</v>
      </c>
    </row>
    <row r="11" spans="1:4" ht="18" customHeight="1" x14ac:dyDescent="0.15">
      <c r="A11" s="8">
        <v>5</v>
      </c>
      <c r="B11" s="21">
        <v>14</v>
      </c>
      <c r="C11" s="6">
        <v>6</v>
      </c>
      <c r="D11" s="5">
        <v>20</v>
      </c>
    </row>
    <row r="12" spans="1:4" ht="18" customHeight="1" x14ac:dyDescent="0.15">
      <c r="A12" s="8">
        <v>6</v>
      </c>
      <c r="B12" s="21">
        <v>10</v>
      </c>
      <c r="C12" s="6">
        <v>15</v>
      </c>
      <c r="D12" s="5">
        <v>25</v>
      </c>
    </row>
    <row r="13" spans="1:4" ht="18" customHeight="1" x14ac:dyDescent="0.15">
      <c r="A13" s="8">
        <v>7</v>
      </c>
      <c r="B13" s="21">
        <v>10</v>
      </c>
      <c r="C13" s="6">
        <v>9</v>
      </c>
      <c r="D13" s="5">
        <v>19</v>
      </c>
    </row>
    <row r="14" spans="1:4" ht="18" customHeight="1" x14ac:dyDescent="0.15">
      <c r="A14" s="8">
        <v>8</v>
      </c>
      <c r="B14" s="21">
        <v>9</v>
      </c>
      <c r="C14" s="6">
        <v>6</v>
      </c>
      <c r="D14" s="5">
        <v>15</v>
      </c>
    </row>
    <row r="15" spans="1:4" ht="18" customHeight="1" x14ac:dyDescent="0.15">
      <c r="A15" s="8">
        <v>9</v>
      </c>
      <c r="B15" s="21">
        <v>17</v>
      </c>
      <c r="C15" s="6">
        <v>12</v>
      </c>
      <c r="D15" s="5">
        <v>29</v>
      </c>
    </row>
    <row r="16" spans="1:4" ht="18" customHeight="1" x14ac:dyDescent="0.15">
      <c r="A16" s="8" t="s">
        <v>24</v>
      </c>
      <c r="B16" s="21">
        <v>60</v>
      </c>
      <c r="C16" s="6">
        <v>48</v>
      </c>
      <c r="D16" s="5">
        <v>108</v>
      </c>
    </row>
    <row r="17" spans="1:4" ht="18" customHeight="1" x14ac:dyDescent="0.15">
      <c r="A17" s="8">
        <v>10</v>
      </c>
      <c r="B17" s="21">
        <v>12</v>
      </c>
      <c r="C17" s="6">
        <v>8</v>
      </c>
      <c r="D17" s="5">
        <v>20</v>
      </c>
    </row>
    <row r="18" spans="1:4" ht="18" customHeight="1" x14ac:dyDescent="0.15">
      <c r="A18" s="8">
        <v>11</v>
      </c>
      <c r="B18" s="21">
        <v>9</v>
      </c>
      <c r="C18" s="6">
        <v>8</v>
      </c>
      <c r="D18" s="5">
        <v>17</v>
      </c>
    </row>
    <row r="19" spans="1:4" ht="18" customHeight="1" x14ac:dyDescent="0.15">
      <c r="A19" s="8">
        <v>12</v>
      </c>
      <c r="B19" s="21">
        <v>11</v>
      </c>
      <c r="C19" s="6">
        <v>8</v>
      </c>
      <c r="D19" s="5">
        <v>19</v>
      </c>
    </row>
    <row r="20" spans="1:4" ht="18" customHeight="1" x14ac:dyDescent="0.15">
      <c r="A20" s="8">
        <v>13</v>
      </c>
      <c r="B20" s="21">
        <v>17</v>
      </c>
      <c r="C20" s="6">
        <v>10</v>
      </c>
      <c r="D20" s="5">
        <v>27</v>
      </c>
    </row>
    <row r="21" spans="1:4" ht="18" customHeight="1" x14ac:dyDescent="0.15">
      <c r="A21" s="8">
        <v>14</v>
      </c>
      <c r="B21" s="21">
        <v>13</v>
      </c>
      <c r="C21" s="6">
        <v>13</v>
      </c>
      <c r="D21" s="5">
        <v>26</v>
      </c>
    </row>
    <row r="22" spans="1:4" ht="18" customHeight="1" x14ac:dyDescent="0.15">
      <c r="A22" s="8" t="s">
        <v>23</v>
      </c>
      <c r="B22" s="21">
        <v>62</v>
      </c>
      <c r="C22" s="6">
        <v>47</v>
      </c>
      <c r="D22" s="5">
        <v>109</v>
      </c>
    </row>
    <row r="23" spans="1:4" ht="18" customHeight="1" x14ac:dyDescent="0.15">
      <c r="A23" s="8" t="s">
        <v>22</v>
      </c>
      <c r="B23" s="21">
        <v>166</v>
      </c>
      <c r="C23" s="6">
        <v>141</v>
      </c>
      <c r="D23" s="5">
        <v>307</v>
      </c>
    </row>
    <row r="24" spans="1:4" ht="18" customHeight="1" x14ac:dyDescent="0.15">
      <c r="A24" s="8">
        <v>15</v>
      </c>
      <c r="B24" s="21">
        <v>10</v>
      </c>
      <c r="C24" s="6">
        <v>13</v>
      </c>
      <c r="D24" s="5">
        <v>23</v>
      </c>
    </row>
    <row r="25" spans="1:4" ht="18" customHeight="1" x14ac:dyDescent="0.15">
      <c r="A25" s="8">
        <v>16</v>
      </c>
      <c r="B25" s="21">
        <v>18</v>
      </c>
      <c r="C25" s="6">
        <v>11</v>
      </c>
      <c r="D25" s="5">
        <v>29</v>
      </c>
    </row>
    <row r="26" spans="1:4" ht="18" customHeight="1" x14ac:dyDescent="0.15">
      <c r="A26" s="8">
        <v>17</v>
      </c>
      <c r="B26" s="21">
        <v>15</v>
      </c>
      <c r="C26" s="6">
        <v>10</v>
      </c>
      <c r="D26" s="5">
        <v>25</v>
      </c>
    </row>
    <row r="27" spans="1:4" ht="18" customHeight="1" x14ac:dyDescent="0.15">
      <c r="A27" s="8">
        <v>18</v>
      </c>
      <c r="B27" s="21">
        <v>13</v>
      </c>
      <c r="C27" s="6">
        <v>13</v>
      </c>
      <c r="D27" s="5">
        <v>26</v>
      </c>
    </row>
    <row r="28" spans="1:4" ht="18" customHeight="1" x14ac:dyDescent="0.15">
      <c r="A28" s="8">
        <v>19</v>
      </c>
      <c r="B28" s="21">
        <v>9</v>
      </c>
      <c r="C28" s="6">
        <v>20</v>
      </c>
      <c r="D28" s="5">
        <v>29</v>
      </c>
    </row>
    <row r="29" spans="1:4" ht="18" customHeight="1" x14ac:dyDescent="0.15">
      <c r="A29" s="8" t="s">
        <v>21</v>
      </c>
      <c r="B29" s="21">
        <v>65</v>
      </c>
      <c r="C29" s="6">
        <v>67</v>
      </c>
      <c r="D29" s="5">
        <v>132</v>
      </c>
    </row>
    <row r="30" spans="1:4" ht="18" customHeight="1" x14ac:dyDescent="0.15">
      <c r="A30" s="8">
        <v>20</v>
      </c>
      <c r="B30" s="21">
        <v>26</v>
      </c>
      <c r="C30" s="6">
        <v>14</v>
      </c>
      <c r="D30" s="5">
        <v>40</v>
      </c>
    </row>
    <row r="31" spans="1:4" ht="18" customHeight="1" x14ac:dyDescent="0.15">
      <c r="A31" s="8">
        <v>21</v>
      </c>
      <c r="B31" s="21">
        <v>14</v>
      </c>
      <c r="C31" s="6">
        <v>16</v>
      </c>
      <c r="D31" s="5">
        <v>30</v>
      </c>
    </row>
    <row r="32" spans="1:4" ht="18" customHeight="1" x14ac:dyDescent="0.15">
      <c r="A32" s="8">
        <v>22</v>
      </c>
      <c r="B32" s="21">
        <v>16</v>
      </c>
      <c r="C32" s="6">
        <v>14</v>
      </c>
      <c r="D32" s="5">
        <v>30</v>
      </c>
    </row>
    <row r="33" spans="1:4" ht="18" customHeight="1" x14ac:dyDescent="0.15">
      <c r="A33" s="8">
        <v>23</v>
      </c>
      <c r="B33" s="21">
        <v>21</v>
      </c>
      <c r="C33" s="6">
        <v>23</v>
      </c>
      <c r="D33" s="5">
        <v>44</v>
      </c>
    </row>
    <row r="34" spans="1:4" ht="18" customHeight="1" x14ac:dyDescent="0.15">
      <c r="A34" s="8">
        <v>24</v>
      </c>
      <c r="B34" s="21">
        <v>17</v>
      </c>
      <c r="C34" s="6">
        <v>22</v>
      </c>
      <c r="D34" s="5">
        <v>39</v>
      </c>
    </row>
    <row r="35" spans="1:4" ht="18" customHeight="1" x14ac:dyDescent="0.15">
      <c r="A35" s="8" t="s">
        <v>20</v>
      </c>
      <c r="B35" s="21">
        <v>94</v>
      </c>
      <c r="C35" s="6">
        <v>89</v>
      </c>
      <c r="D35" s="5">
        <v>183</v>
      </c>
    </row>
    <row r="36" spans="1:4" ht="18" customHeight="1" x14ac:dyDescent="0.15">
      <c r="A36" s="8">
        <v>25</v>
      </c>
      <c r="B36" s="21">
        <v>21</v>
      </c>
      <c r="C36" s="6">
        <v>21</v>
      </c>
      <c r="D36" s="5">
        <v>42</v>
      </c>
    </row>
    <row r="37" spans="1:4" ht="18" customHeight="1" x14ac:dyDescent="0.15">
      <c r="A37" s="8">
        <v>26</v>
      </c>
      <c r="B37" s="21">
        <v>21</v>
      </c>
      <c r="C37" s="6">
        <v>21</v>
      </c>
      <c r="D37" s="5">
        <v>42</v>
      </c>
    </row>
    <row r="38" spans="1:4" ht="18" customHeight="1" x14ac:dyDescent="0.15">
      <c r="A38" s="8">
        <v>27</v>
      </c>
      <c r="B38" s="21">
        <v>21</v>
      </c>
      <c r="C38" s="6">
        <v>15</v>
      </c>
      <c r="D38" s="5">
        <v>36</v>
      </c>
    </row>
    <row r="39" spans="1:4" ht="18" customHeight="1" x14ac:dyDescent="0.15">
      <c r="A39" s="8">
        <v>28</v>
      </c>
      <c r="B39" s="21">
        <v>21</v>
      </c>
      <c r="C39" s="6">
        <v>18</v>
      </c>
      <c r="D39" s="5">
        <v>39</v>
      </c>
    </row>
    <row r="40" spans="1:4" ht="18" customHeight="1" x14ac:dyDescent="0.15">
      <c r="A40" s="8">
        <v>29</v>
      </c>
      <c r="B40" s="21">
        <v>28</v>
      </c>
      <c r="C40" s="6">
        <v>28</v>
      </c>
      <c r="D40" s="5">
        <v>56</v>
      </c>
    </row>
    <row r="41" spans="1:4" ht="18" customHeight="1" x14ac:dyDescent="0.15">
      <c r="A41" s="8" t="s">
        <v>19</v>
      </c>
      <c r="B41" s="21">
        <v>112</v>
      </c>
      <c r="C41" s="6">
        <v>103</v>
      </c>
      <c r="D41" s="5">
        <v>215</v>
      </c>
    </row>
    <row r="42" spans="1:4" ht="18" customHeight="1" x14ac:dyDescent="0.15">
      <c r="A42" s="8">
        <v>30</v>
      </c>
      <c r="B42" s="21">
        <v>21</v>
      </c>
      <c r="C42" s="6">
        <v>21</v>
      </c>
      <c r="D42" s="5">
        <v>42</v>
      </c>
    </row>
    <row r="43" spans="1:4" ht="18" customHeight="1" x14ac:dyDescent="0.15">
      <c r="A43" s="8">
        <v>31</v>
      </c>
      <c r="B43" s="21">
        <v>23</v>
      </c>
      <c r="C43" s="6">
        <v>20</v>
      </c>
      <c r="D43" s="5">
        <v>43</v>
      </c>
    </row>
    <row r="44" spans="1:4" ht="18" customHeight="1" x14ac:dyDescent="0.15">
      <c r="A44" s="8">
        <v>32</v>
      </c>
      <c r="B44" s="21">
        <v>21</v>
      </c>
      <c r="C44" s="6">
        <v>10</v>
      </c>
      <c r="D44" s="5">
        <v>31</v>
      </c>
    </row>
    <row r="45" spans="1:4" ht="18" customHeight="1" x14ac:dyDescent="0.15">
      <c r="A45" s="8">
        <v>33</v>
      </c>
      <c r="B45" s="21">
        <v>18</v>
      </c>
      <c r="C45" s="6">
        <v>15</v>
      </c>
      <c r="D45" s="5">
        <v>33</v>
      </c>
    </row>
    <row r="46" spans="1:4" ht="18" customHeight="1" x14ac:dyDescent="0.15">
      <c r="A46" s="8">
        <v>34</v>
      </c>
      <c r="B46" s="21">
        <v>22</v>
      </c>
      <c r="C46" s="6">
        <v>14</v>
      </c>
      <c r="D46" s="5">
        <v>36</v>
      </c>
    </row>
    <row r="47" spans="1:4" ht="18" customHeight="1" x14ac:dyDescent="0.15">
      <c r="A47" s="8" t="s">
        <v>18</v>
      </c>
      <c r="B47" s="21">
        <v>105</v>
      </c>
      <c r="C47" s="6">
        <v>80</v>
      </c>
      <c r="D47" s="5">
        <v>185</v>
      </c>
    </row>
    <row r="48" spans="1:4" ht="18" customHeight="1" x14ac:dyDescent="0.15">
      <c r="A48" s="8">
        <v>35</v>
      </c>
      <c r="B48" s="21">
        <v>18</v>
      </c>
      <c r="C48" s="6">
        <v>10</v>
      </c>
      <c r="D48" s="5">
        <v>28</v>
      </c>
    </row>
    <row r="49" spans="1:4" ht="18" customHeight="1" x14ac:dyDescent="0.15">
      <c r="A49" s="8">
        <v>36</v>
      </c>
      <c r="B49" s="21">
        <v>13</v>
      </c>
      <c r="C49" s="6">
        <v>11</v>
      </c>
      <c r="D49" s="5">
        <v>24</v>
      </c>
    </row>
    <row r="50" spans="1:4" ht="18" customHeight="1" x14ac:dyDescent="0.15">
      <c r="A50" s="8">
        <v>37</v>
      </c>
      <c r="B50" s="21">
        <v>26</v>
      </c>
      <c r="C50" s="6">
        <v>11</v>
      </c>
      <c r="D50" s="5">
        <v>37</v>
      </c>
    </row>
    <row r="51" spans="1:4" ht="18" customHeight="1" x14ac:dyDescent="0.15">
      <c r="A51" s="8">
        <v>38</v>
      </c>
      <c r="B51" s="21">
        <v>17</v>
      </c>
      <c r="C51" s="6">
        <v>16</v>
      </c>
      <c r="D51" s="5">
        <v>33</v>
      </c>
    </row>
    <row r="52" spans="1:4" ht="18" customHeight="1" x14ac:dyDescent="0.15">
      <c r="A52" s="8">
        <v>39</v>
      </c>
      <c r="B52" s="21">
        <v>19</v>
      </c>
      <c r="C52" s="6">
        <v>20</v>
      </c>
      <c r="D52" s="5">
        <v>39</v>
      </c>
    </row>
    <row r="53" spans="1:4" ht="18" customHeight="1" x14ac:dyDescent="0.15">
      <c r="A53" s="8" t="s">
        <v>17</v>
      </c>
      <c r="B53" s="21">
        <v>93</v>
      </c>
      <c r="C53" s="6">
        <v>68</v>
      </c>
      <c r="D53" s="5">
        <v>161</v>
      </c>
    </row>
    <row r="54" spans="1:4" ht="18" customHeight="1" x14ac:dyDescent="0.15">
      <c r="A54" s="8">
        <v>40</v>
      </c>
      <c r="B54" s="21">
        <v>16</v>
      </c>
      <c r="C54" s="6">
        <v>12</v>
      </c>
      <c r="D54" s="5">
        <v>28</v>
      </c>
    </row>
    <row r="55" spans="1:4" ht="18" customHeight="1" x14ac:dyDescent="0.15">
      <c r="A55" s="8">
        <v>41</v>
      </c>
      <c r="B55" s="21">
        <v>17</v>
      </c>
      <c r="C55" s="6">
        <v>20</v>
      </c>
      <c r="D55" s="5">
        <v>37</v>
      </c>
    </row>
    <row r="56" spans="1:4" ht="18" customHeight="1" x14ac:dyDescent="0.15">
      <c r="A56" s="8">
        <v>42</v>
      </c>
      <c r="B56" s="21">
        <v>17</v>
      </c>
      <c r="C56" s="6">
        <v>14</v>
      </c>
      <c r="D56" s="5">
        <v>31</v>
      </c>
    </row>
    <row r="57" spans="1:4" ht="18" customHeight="1" x14ac:dyDescent="0.15">
      <c r="A57" s="8">
        <v>43</v>
      </c>
      <c r="B57" s="21">
        <v>27</v>
      </c>
      <c r="C57" s="6">
        <v>15</v>
      </c>
      <c r="D57" s="5">
        <v>42</v>
      </c>
    </row>
    <row r="58" spans="1:4" ht="18" customHeight="1" x14ac:dyDescent="0.15">
      <c r="A58" s="8">
        <v>44</v>
      </c>
      <c r="B58" s="21">
        <v>15</v>
      </c>
      <c r="C58" s="6">
        <v>16</v>
      </c>
      <c r="D58" s="5">
        <v>31</v>
      </c>
    </row>
    <row r="59" spans="1:4" ht="18" customHeight="1" x14ac:dyDescent="0.15">
      <c r="A59" s="8" t="s">
        <v>16</v>
      </c>
      <c r="B59" s="21">
        <v>92</v>
      </c>
      <c r="C59" s="6">
        <v>77</v>
      </c>
      <c r="D59" s="5">
        <v>169</v>
      </c>
    </row>
    <row r="60" spans="1:4" ht="18" customHeight="1" x14ac:dyDescent="0.15">
      <c r="A60" s="8">
        <v>45</v>
      </c>
      <c r="B60" s="21">
        <v>16</v>
      </c>
      <c r="C60" s="6">
        <v>20</v>
      </c>
      <c r="D60" s="5">
        <v>36</v>
      </c>
    </row>
    <row r="61" spans="1:4" ht="18" customHeight="1" x14ac:dyDescent="0.15">
      <c r="A61" s="8">
        <v>46</v>
      </c>
      <c r="B61" s="21">
        <v>19</v>
      </c>
      <c r="C61" s="6">
        <v>23</v>
      </c>
      <c r="D61" s="5">
        <v>42</v>
      </c>
    </row>
    <row r="62" spans="1:4" ht="18" customHeight="1" x14ac:dyDescent="0.15">
      <c r="A62" s="8">
        <v>47</v>
      </c>
      <c r="B62" s="21">
        <v>32</v>
      </c>
      <c r="C62" s="6">
        <v>24</v>
      </c>
      <c r="D62" s="5">
        <v>56</v>
      </c>
    </row>
    <row r="63" spans="1:4" ht="18" customHeight="1" x14ac:dyDescent="0.15">
      <c r="A63" s="8">
        <v>48</v>
      </c>
      <c r="B63" s="21">
        <v>25</v>
      </c>
      <c r="C63" s="6">
        <v>24</v>
      </c>
      <c r="D63" s="5">
        <v>49</v>
      </c>
    </row>
    <row r="64" spans="1:4" ht="18" customHeight="1" x14ac:dyDescent="0.15">
      <c r="A64" s="8">
        <v>49</v>
      </c>
      <c r="B64" s="21">
        <v>38</v>
      </c>
      <c r="C64" s="6">
        <v>21</v>
      </c>
      <c r="D64" s="5">
        <v>59</v>
      </c>
    </row>
    <row r="65" spans="1:4" ht="18" customHeight="1" x14ac:dyDescent="0.15">
      <c r="A65" s="8" t="s">
        <v>15</v>
      </c>
      <c r="B65" s="21">
        <v>130</v>
      </c>
      <c r="C65" s="6">
        <v>112</v>
      </c>
      <c r="D65" s="5">
        <v>242</v>
      </c>
    </row>
    <row r="66" spans="1:4" ht="18" customHeight="1" x14ac:dyDescent="0.15">
      <c r="A66" s="8">
        <v>50</v>
      </c>
      <c r="B66" s="21">
        <v>30</v>
      </c>
      <c r="C66" s="6">
        <v>25</v>
      </c>
      <c r="D66" s="5">
        <v>55</v>
      </c>
    </row>
    <row r="67" spans="1:4" ht="18" customHeight="1" x14ac:dyDescent="0.15">
      <c r="A67" s="8">
        <v>51</v>
      </c>
      <c r="B67" s="21">
        <v>29</v>
      </c>
      <c r="C67" s="6">
        <v>33</v>
      </c>
      <c r="D67" s="5">
        <v>62</v>
      </c>
    </row>
    <row r="68" spans="1:4" ht="18" customHeight="1" x14ac:dyDescent="0.15">
      <c r="A68" s="8">
        <v>52</v>
      </c>
      <c r="B68" s="21">
        <v>36</v>
      </c>
      <c r="C68" s="6">
        <v>37</v>
      </c>
      <c r="D68" s="5">
        <v>73</v>
      </c>
    </row>
    <row r="69" spans="1:4" ht="18" customHeight="1" x14ac:dyDescent="0.15">
      <c r="A69" s="8">
        <v>53</v>
      </c>
      <c r="B69" s="21">
        <v>38</v>
      </c>
      <c r="C69" s="6">
        <v>35</v>
      </c>
      <c r="D69" s="5">
        <v>73</v>
      </c>
    </row>
    <row r="70" spans="1:4" ht="18" customHeight="1" x14ac:dyDescent="0.15">
      <c r="A70" s="8">
        <v>54</v>
      </c>
      <c r="B70" s="21">
        <v>42</v>
      </c>
      <c r="C70" s="6">
        <v>35</v>
      </c>
      <c r="D70" s="5">
        <v>77</v>
      </c>
    </row>
    <row r="71" spans="1:4" ht="18" customHeight="1" x14ac:dyDescent="0.15">
      <c r="A71" s="8" t="s">
        <v>14</v>
      </c>
      <c r="B71" s="21">
        <v>175</v>
      </c>
      <c r="C71" s="6">
        <v>165</v>
      </c>
      <c r="D71" s="5">
        <v>340</v>
      </c>
    </row>
    <row r="72" spans="1:4" ht="18" customHeight="1" x14ac:dyDescent="0.15">
      <c r="A72" s="8">
        <v>55</v>
      </c>
      <c r="B72" s="21">
        <v>26</v>
      </c>
      <c r="C72" s="6">
        <v>32</v>
      </c>
      <c r="D72" s="5">
        <v>58</v>
      </c>
    </row>
    <row r="73" spans="1:4" ht="18" customHeight="1" x14ac:dyDescent="0.15">
      <c r="A73" s="8">
        <v>56</v>
      </c>
      <c r="B73" s="21">
        <v>38</v>
      </c>
      <c r="C73" s="6">
        <v>29</v>
      </c>
      <c r="D73" s="5">
        <v>67</v>
      </c>
    </row>
    <row r="74" spans="1:4" ht="18" customHeight="1" x14ac:dyDescent="0.15">
      <c r="A74" s="8">
        <v>57</v>
      </c>
      <c r="B74" s="21">
        <v>35</v>
      </c>
      <c r="C74" s="6">
        <v>31</v>
      </c>
      <c r="D74" s="5">
        <v>66</v>
      </c>
    </row>
    <row r="75" spans="1:4" ht="18" customHeight="1" x14ac:dyDescent="0.15">
      <c r="A75" s="8">
        <v>58</v>
      </c>
      <c r="B75" s="21">
        <v>29</v>
      </c>
      <c r="C75" s="6">
        <v>24</v>
      </c>
      <c r="D75" s="5">
        <v>53</v>
      </c>
    </row>
    <row r="76" spans="1:4" ht="18" customHeight="1" x14ac:dyDescent="0.15">
      <c r="A76" s="8">
        <v>59</v>
      </c>
      <c r="B76" s="21">
        <v>15</v>
      </c>
      <c r="C76" s="6">
        <v>13</v>
      </c>
      <c r="D76" s="5">
        <v>28</v>
      </c>
    </row>
    <row r="77" spans="1:4" ht="18" customHeight="1" x14ac:dyDescent="0.15">
      <c r="A77" s="8" t="s">
        <v>13</v>
      </c>
      <c r="B77" s="21">
        <v>143</v>
      </c>
      <c r="C77" s="6">
        <v>129</v>
      </c>
      <c r="D77" s="5">
        <v>272</v>
      </c>
    </row>
    <row r="78" spans="1:4" ht="18" customHeight="1" x14ac:dyDescent="0.15">
      <c r="A78" s="8">
        <v>60</v>
      </c>
      <c r="B78" s="21">
        <v>25</v>
      </c>
      <c r="C78" s="6">
        <v>22</v>
      </c>
      <c r="D78" s="5">
        <v>47</v>
      </c>
    </row>
    <row r="79" spans="1:4" ht="18" customHeight="1" x14ac:dyDescent="0.15">
      <c r="A79" s="8">
        <v>61</v>
      </c>
      <c r="B79" s="21">
        <v>21</v>
      </c>
      <c r="C79" s="6">
        <v>25</v>
      </c>
      <c r="D79" s="5">
        <v>46</v>
      </c>
    </row>
    <row r="80" spans="1:4" ht="18" customHeight="1" x14ac:dyDescent="0.15">
      <c r="A80" s="8">
        <v>62</v>
      </c>
      <c r="B80" s="21">
        <v>25</v>
      </c>
      <c r="C80" s="6">
        <v>21</v>
      </c>
      <c r="D80" s="5">
        <v>46</v>
      </c>
    </row>
    <row r="81" spans="1:4" ht="18" customHeight="1" x14ac:dyDescent="0.15">
      <c r="A81" s="8">
        <v>63</v>
      </c>
      <c r="B81" s="21">
        <v>10</v>
      </c>
      <c r="C81" s="6">
        <v>23</v>
      </c>
      <c r="D81" s="5">
        <v>33</v>
      </c>
    </row>
    <row r="82" spans="1:4" ht="18" customHeight="1" x14ac:dyDescent="0.15">
      <c r="A82" s="8">
        <v>64</v>
      </c>
      <c r="B82" s="21">
        <v>25</v>
      </c>
      <c r="C82" s="6">
        <v>18</v>
      </c>
      <c r="D82" s="5">
        <v>43</v>
      </c>
    </row>
    <row r="83" spans="1:4" ht="18" customHeight="1" x14ac:dyDescent="0.15">
      <c r="A83" s="8" t="s">
        <v>12</v>
      </c>
      <c r="B83" s="21">
        <v>106</v>
      </c>
      <c r="C83" s="6">
        <v>109</v>
      </c>
      <c r="D83" s="5">
        <v>215</v>
      </c>
    </row>
    <row r="84" spans="1:4" ht="18" customHeight="1" x14ac:dyDescent="0.15">
      <c r="A84" s="8" t="s">
        <v>11</v>
      </c>
      <c r="B84" s="21">
        <v>1115</v>
      </c>
      <c r="C84" s="6">
        <v>999</v>
      </c>
      <c r="D84" s="5">
        <v>2114</v>
      </c>
    </row>
    <row r="85" spans="1:4" ht="18" customHeight="1" x14ac:dyDescent="0.15">
      <c r="A85" s="8">
        <v>65</v>
      </c>
      <c r="B85" s="21">
        <v>24</v>
      </c>
      <c r="C85" s="6">
        <v>26</v>
      </c>
      <c r="D85" s="5">
        <v>50</v>
      </c>
    </row>
    <row r="86" spans="1:4" ht="18" customHeight="1" x14ac:dyDescent="0.15">
      <c r="A86" s="8">
        <v>66</v>
      </c>
      <c r="B86" s="21">
        <v>17</v>
      </c>
      <c r="C86" s="6">
        <v>22</v>
      </c>
      <c r="D86" s="5">
        <v>39</v>
      </c>
    </row>
    <row r="87" spans="1:4" ht="18" customHeight="1" x14ac:dyDescent="0.15">
      <c r="A87" s="8">
        <v>67</v>
      </c>
      <c r="B87" s="21">
        <v>19</v>
      </c>
      <c r="C87" s="6">
        <v>26</v>
      </c>
      <c r="D87" s="5">
        <v>45</v>
      </c>
    </row>
    <row r="88" spans="1:4" ht="18" customHeight="1" x14ac:dyDescent="0.15">
      <c r="A88" s="8">
        <v>68</v>
      </c>
      <c r="B88" s="21">
        <v>20</v>
      </c>
      <c r="C88" s="6">
        <v>30</v>
      </c>
      <c r="D88" s="5">
        <v>50</v>
      </c>
    </row>
    <row r="89" spans="1:4" ht="18" customHeight="1" x14ac:dyDescent="0.15">
      <c r="A89" s="8">
        <v>69</v>
      </c>
      <c r="B89" s="21">
        <v>22</v>
      </c>
      <c r="C89" s="6">
        <v>21</v>
      </c>
      <c r="D89" s="5">
        <v>43</v>
      </c>
    </row>
    <row r="90" spans="1:4" ht="18" customHeight="1" x14ac:dyDescent="0.15">
      <c r="A90" s="8" t="s">
        <v>10</v>
      </c>
      <c r="B90" s="21">
        <v>102</v>
      </c>
      <c r="C90" s="6">
        <v>125</v>
      </c>
      <c r="D90" s="5">
        <v>227</v>
      </c>
    </row>
    <row r="91" spans="1:4" ht="18" customHeight="1" x14ac:dyDescent="0.15">
      <c r="A91" s="8">
        <v>70</v>
      </c>
      <c r="B91" s="21">
        <v>28</v>
      </c>
      <c r="C91" s="6">
        <v>30</v>
      </c>
      <c r="D91" s="5">
        <v>58</v>
      </c>
    </row>
    <row r="92" spans="1:4" ht="18" customHeight="1" x14ac:dyDescent="0.15">
      <c r="A92" s="8">
        <v>71</v>
      </c>
      <c r="B92" s="21">
        <v>27</v>
      </c>
      <c r="C92" s="6">
        <v>20</v>
      </c>
      <c r="D92" s="5">
        <v>47</v>
      </c>
    </row>
    <row r="93" spans="1:4" ht="18" customHeight="1" x14ac:dyDescent="0.15">
      <c r="A93" s="8">
        <v>72</v>
      </c>
      <c r="B93" s="21">
        <v>25</v>
      </c>
      <c r="C93" s="6">
        <v>28</v>
      </c>
      <c r="D93" s="5">
        <v>53</v>
      </c>
    </row>
    <row r="94" spans="1:4" ht="18" customHeight="1" x14ac:dyDescent="0.15">
      <c r="A94" s="8">
        <v>73</v>
      </c>
      <c r="B94" s="21">
        <v>29</v>
      </c>
      <c r="C94" s="6">
        <v>23</v>
      </c>
      <c r="D94" s="5">
        <v>52</v>
      </c>
    </row>
    <row r="95" spans="1:4" ht="18" customHeight="1" x14ac:dyDescent="0.15">
      <c r="A95" s="8">
        <v>74</v>
      </c>
      <c r="B95" s="21">
        <v>27</v>
      </c>
      <c r="C95" s="6">
        <v>42</v>
      </c>
      <c r="D95" s="5">
        <v>69</v>
      </c>
    </row>
    <row r="96" spans="1:4" ht="18" customHeight="1" x14ac:dyDescent="0.15">
      <c r="A96" s="8" t="s">
        <v>9</v>
      </c>
      <c r="B96" s="21">
        <v>136</v>
      </c>
      <c r="C96" s="6">
        <v>143</v>
      </c>
      <c r="D96" s="5">
        <v>279</v>
      </c>
    </row>
    <row r="97" spans="1:4" ht="18" customHeight="1" x14ac:dyDescent="0.15">
      <c r="A97" s="8">
        <v>75</v>
      </c>
      <c r="B97" s="21">
        <v>28</v>
      </c>
      <c r="C97" s="6">
        <v>39</v>
      </c>
      <c r="D97" s="5">
        <v>67</v>
      </c>
    </row>
    <row r="98" spans="1:4" ht="18" customHeight="1" x14ac:dyDescent="0.15">
      <c r="A98" s="8">
        <v>76</v>
      </c>
      <c r="B98" s="21">
        <v>32</v>
      </c>
      <c r="C98" s="6">
        <v>46</v>
      </c>
      <c r="D98" s="5">
        <v>78</v>
      </c>
    </row>
    <row r="99" spans="1:4" ht="18" customHeight="1" x14ac:dyDescent="0.15">
      <c r="A99" s="8">
        <v>77</v>
      </c>
      <c r="B99" s="21">
        <v>31</v>
      </c>
      <c r="C99" s="6">
        <v>46</v>
      </c>
      <c r="D99" s="5">
        <v>77</v>
      </c>
    </row>
    <row r="100" spans="1:4" ht="18" customHeight="1" x14ac:dyDescent="0.15">
      <c r="A100" s="8">
        <v>78</v>
      </c>
      <c r="B100" s="21">
        <v>42</v>
      </c>
      <c r="C100" s="6">
        <v>45</v>
      </c>
      <c r="D100" s="5">
        <v>87</v>
      </c>
    </row>
    <row r="101" spans="1:4" ht="18" customHeight="1" x14ac:dyDescent="0.15">
      <c r="A101" s="8">
        <v>79</v>
      </c>
      <c r="B101" s="21">
        <v>29</v>
      </c>
      <c r="C101" s="6">
        <v>30</v>
      </c>
      <c r="D101" s="5">
        <v>59</v>
      </c>
    </row>
    <row r="102" spans="1:4" ht="18" customHeight="1" x14ac:dyDescent="0.15">
      <c r="A102" s="8" t="s">
        <v>8</v>
      </c>
      <c r="B102" s="21">
        <v>162</v>
      </c>
      <c r="C102" s="6">
        <v>206</v>
      </c>
      <c r="D102" s="5">
        <v>368</v>
      </c>
    </row>
    <row r="103" spans="1:4" ht="18" customHeight="1" x14ac:dyDescent="0.15">
      <c r="A103" s="8">
        <v>80</v>
      </c>
      <c r="B103" s="21">
        <v>20</v>
      </c>
      <c r="C103" s="6">
        <v>25</v>
      </c>
      <c r="D103" s="5">
        <v>45</v>
      </c>
    </row>
    <row r="104" spans="1:4" ht="18" customHeight="1" x14ac:dyDescent="0.15">
      <c r="A104" s="8">
        <v>81</v>
      </c>
      <c r="B104" s="21">
        <v>25</v>
      </c>
      <c r="C104" s="6">
        <v>33</v>
      </c>
      <c r="D104" s="5">
        <v>58</v>
      </c>
    </row>
    <row r="105" spans="1:4" ht="18" customHeight="1" x14ac:dyDescent="0.15">
      <c r="A105" s="8">
        <v>82</v>
      </c>
      <c r="B105" s="21">
        <v>25</v>
      </c>
      <c r="C105" s="6">
        <v>25</v>
      </c>
      <c r="D105" s="5">
        <v>50</v>
      </c>
    </row>
    <row r="106" spans="1:4" ht="18" customHeight="1" x14ac:dyDescent="0.15">
      <c r="A106" s="8">
        <v>83</v>
      </c>
      <c r="B106" s="21">
        <v>31</v>
      </c>
      <c r="C106" s="6">
        <v>36</v>
      </c>
      <c r="D106" s="5">
        <v>67</v>
      </c>
    </row>
    <row r="107" spans="1:4" ht="18" customHeight="1" x14ac:dyDescent="0.15">
      <c r="A107" s="8">
        <v>84</v>
      </c>
      <c r="B107" s="21">
        <v>23</v>
      </c>
      <c r="C107" s="6">
        <v>33</v>
      </c>
      <c r="D107" s="5">
        <v>56</v>
      </c>
    </row>
    <row r="108" spans="1:4" ht="18" customHeight="1" x14ac:dyDescent="0.15">
      <c r="A108" s="8" t="s">
        <v>7</v>
      </c>
      <c r="B108" s="21">
        <v>124</v>
      </c>
      <c r="C108" s="6">
        <v>152</v>
      </c>
      <c r="D108" s="5">
        <v>276</v>
      </c>
    </row>
    <row r="109" spans="1:4" ht="18" customHeight="1" x14ac:dyDescent="0.15">
      <c r="A109" s="8">
        <v>85</v>
      </c>
      <c r="B109" s="21">
        <v>14</v>
      </c>
      <c r="C109" s="6">
        <v>21</v>
      </c>
      <c r="D109" s="5">
        <v>35</v>
      </c>
    </row>
    <row r="110" spans="1:4" ht="18" customHeight="1" x14ac:dyDescent="0.15">
      <c r="A110" s="8">
        <v>86</v>
      </c>
      <c r="B110" s="21">
        <v>9</v>
      </c>
      <c r="C110" s="6">
        <v>19</v>
      </c>
      <c r="D110" s="5">
        <v>28</v>
      </c>
    </row>
    <row r="111" spans="1:4" ht="18" customHeight="1" x14ac:dyDescent="0.15">
      <c r="A111" s="8">
        <v>87</v>
      </c>
      <c r="B111" s="21">
        <v>12</v>
      </c>
      <c r="C111" s="6">
        <v>23</v>
      </c>
      <c r="D111" s="5">
        <v>35</v>
      </c>
    </row>
    <row r="112" spans="1:4" ht="18" customHeight="1" x14ac:dyDescent="0.15">
      <c r="A112" s="8">
        <v>88</v>
      </c>
      <c r="B112" s="21">
        <v>11</v>
      </c>
      <c r="C112" s="6">
        <v>21</v>
      </c>
      <c r="D112" s="5">
        <v>32</v>
      </c>
    </row>
    <row r="113" spans="1:4" ht="18" customHeight="1" x14ac:dyDescent="0.15">
      <c r="A113" s="8">
        <v>89</v>
      </c>
      <c r="B113" s="21">
        <v>7</v>
      </c>
      <c r="C113" s="6">
        <v>17</v>
      </c>
      <c r="D113" s="5">
        <v>24</v>
      </c>
    </row>
    <row r="114" spans="1:4" ht="18" customHeight="1" x14ac:dyDescent="0.15">
      <c r="A114" s="8" t="s">
        <v>6</v>
      </c>
      <c r="B114" s="21">
        <v>53</v>
      </c>
      <c r="C114" s="6">
        <v>101</v>
      </c>
      <c r="D114" s="5">
        <v>154</v>
      </c>
    </row>
    <row r="115" spans="1:4" ht="18" customHeight="1" x14ac:dyDescent="0.15">
      <c r="A115" s="8">
        <v>90</v>
      </c>
      <c r="B115" s="21">
        <v>7</v>
      </c>
      <c r="C115" s="6">
        <v>16</v>
      </c>
      <c r="D115" s="5">
        <v>23</v>
      </c>
    </row>
    <row r="116" spans="1:4" ht="18" customHeight="1" x14ac:dyDescent="0.15">
      <c r="A116" s="8">
        <v>91</v>
      </c>
      <c r="B116" s="21">
        <v>4</v>
      </c>
      <c r="C116" s="6">
        <v>7</v>
      </c>
      <c r="D116" s="5">
        <v>11</v>
      </c>
    </row>
    <row r="117" spans="1:4" ht="18" customHeight="1" x14ac:dyDescent="0.15">
      <c r="A117" s="8">
        <v>92</v>
      </c>
      <c r="B117" s="21">
        <v>3</v>
      </c>
      <c r="C117" s="6">
        <v>10</v>
      </c>
      <c r="D117" s="5">
        <v>13</v>
      </c>
    </row>
    <row r="118" spans="1:4" ht="18" customHeight="1" x14ac:dyDescent="0.15">
      <c r="A118" s="8">
        <v>93</v>
      </c>
      <c r="B118" s="21">
        <v>2</v>
      </c>
      <c r="C118" s="6">
        <v>8</v>
      </c>
      <c r="D118" s="5">
        <v>10</v>
      </c>
    </row>
    <row r="119" spans="1:4" ht="18" customHeight="1" x14ac:dyDescent="0.15">
      <c r="A119" s="8">
        <v>94</v>
      </c>
      <c r="B119" s="21">
        <v>2</v>
      </c>
      <c r="C119" s="6">
        <v>12</v>
      </c>
      <c r="D119" s="5">
        <v>14</v>
      </c>
    </row>
    <row r="120" spans="1:4" ht="18" customHeight="1" x14ac:dyDescent="0.15">
      <c r="A120" s="8" t="s">
        <v>5</v>
      </c>
      <c r="B120" s="21">
        <v>18</v>
      </c>
      <c r="C120" s="6">
        <v>53</v>
      </c>
      <c r="D120" s="5">
        <v>71</v>
      </c>
    </row>
    <row r="121" spans="1:4" ht="18" customHeight="1" x14ac:dyDescent="0.15">
      <c r="A121" s="8">
        <v>95</v>
      </c>
      <c r="B121" s="21">
        <v>1</v>
      </c>
      <c r="C121" s="6">
        <v>3</v>
      </c>
      <c r="D121" s="5">
        <v>4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1</v>
      </c>
      <c r="C124" s="6">
        <v>2</v>
      </c>
      <c r="D124" s="5">
        <v>3</v>
      </c>
    </row>
    <row r="125" spans="1:4" ht="18" customHeight="1" x14ac:dyDescent="0.15">
      <c r="A125" s="8">
        <v>99</v>
      </c>
      <c r="B125" s="21">
        <v>2</v>
      </c>
      <c r="C125" s="6">
        <v>3</v>
      </c>
      <c r="D125" s="5">
        <v>5</v>
      </c>
    </row>
    <row r="126" spans="1:4" ht="18" customHeight="1" x14ac:dyDescent="0.15">
      <c r="A126" s="8" t="s">
        <v>4</v>
      </c>
      <c r="B126" s="21">
        <v>7</v>
      </c>
      <c r="C126" s="6">
        <v>15</v>
      </c>
      <c r="D126" s="5">
        <v>22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602</v>
      </c>
      <c r="C130" s="6">
        <v>798</v>
      </c>
      <c r="D130" s="5">
        <v>1400</v>
      </c>
    </row>
    <row r="131" spans="1:4" ht="18" customHeight="1" x14ac:dyDescent="0.15">
      <c r="A131" s="4" t="s">
        <v>0</v>
      </c>
      <c r="B131" s="20">
        <v>1883</v>
      </c>
      <c r="C131" s="2">
        <v>1938</v>
      </c>
      <c r="D131" s="1">
        <v>382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58BC6BF-383A-4D63-8086-0E7F33BF27B8}">
  <sheetPr codeName="Sheet5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2</v>
      </c>
      <c r="C5" s="11">
        <v>2</v>
      </c>
      <c r="D5" s="10">
        <v>4</v>
      </c>
    </row>
    <row r="6" spans="1:4" ht="18" customHeight="1" x14ac:dyDescent="0.15">
      <c r="A6" s="8">
        <v>1</v>
      </c>
      <c r="B6" s="21">
        <v>2</v>
      </c>
      <c r="C6" s="6">
        <v>3</v>
      </c>
      <c r="D6" s="5">
        <v>5</v>
      </c>
    </row>
    <row r="7" spans="1:4" ht="18" customHeight="1" x14ac:dyDescent="0.15">
      <c r="A7" s="8">
        <v>2</v>
      </c>
      <c r="B7" s="21">
        <v>3</v>
      </c>
      <c r="C7" s="6">
        <v>3</v>
      </c>
      <c r="D7" s="5">
        <v>6</v>
      </c>
    </row>
    <row r="8" spans="1:4" ht="18" customHeight="1" x14ac:dyDescent="0.15">
      <c r="A8" s="8">
        <v>3</v>
      </c>
      <c r="B8" s="21">
        <v>5</v>
      </c>
      <c r="C8" s="6">
        <v>5</v>
      </c>
      <c r="D8" s="5">
        <v>10</v>
      </c>
    </row>
    <row r="9" spans="1:4" ht="18" customHeight="1" x14ac:dyDescent="0.15">
      <c r="A9" s="8">
        <v>4</v>
      </c>
      <c r="B9" s="21">
        <v>3</v>
      </c>
      <c r="C9" s="6">
        <v>4</v>
      </c>
      <c r="D9" s="5">
        <v>7</v>
      </c>
    </row>
    <row r="10" spans="1:4" ht="18" customHeight="1" x14ac:dyDescent="0.15">
      <c r="A10" s="8" t="s">
        <v>25</v>
      </c>
      <c r="B10" s="21">
        <v>15</v>
      </c>
      <c r="C10" s="6">
        <v>17</v>
      </c>
      <c r="D10" s="5">
        <v>32</v>
      </c>
    </row>
    <row r="11" spans="1:4" ht="18" customHeight="1" x14ac:dyDescent="0.15">
      <c r="A11" s="8">
        <v>5</v>
      </c>
      <c r="B11" s="21">
        <v>3</v>
      </c>
      <c r="C11" s="6">
        <v>6</v>
      </c>
      <c r="D11" s="5">
        <v>9</v>
      </c>
    </row>
    <row r="12" spans="1:4" ht="18" customHeight="1" x14ac:dyDescent="0.15">
      <c r="A12" s="8">
        <v>6</v>
      </c>
      <c r="B12" s="21">
        <v>5</v>
      </c>
      <c r="C12" s="6">
        <v>1</v>
      </c>
      <c r="D12" s="5">
        <v>6</v>
      </c>
    </row>
    <row r="13" spans="1:4" ht="18" customHeight="1" x14ac:dyDescent="0.15">
      <c r="A13" s="8">
        <v>7</v>
      </c>
      <c r="B13" s="21">
        <v>3</v>
      </c>
      <c r="C13" s="6">
        <v>1</v>
      </c>
      <c r="D13" s="5">
        <v>4</v>
      </c>
    </row>
    <row r="14" spans="1:4" ht="18" customHeight="1" x14ac:dyDescent="0.15">
      <c r="A14" s="8">
        <v>8</v>
      </c>
      <c r="B14" s="21">
        <v>6</v>
      </c>
      <c r="C14" s="6">
        <v>1</v>
      </c>
      <c r="D14" s="5">
        <v>7</v>
      </c>
    </row>
    <row r="15" spans="1:4" ht="18" customHeight="1" x14ac:dyDescent="0.15">
      <c r="A15" s="8">
        <v>9</v>
      </c>
      <c r="B15" s="21">
        <v>2</v>
      </c>
      <c r="C15" s="6">
        <v>5</v>
      </c>
      <c r="D15" s="5">
        <v>7</v>
      </c>
    </row>
    <row r="16" spans="1:4" ht="18" customHeight="1" x14ac:dyDescent="0.15">
      <c r="A16" s="8" t="s">
        <v>24</v>
      </c>
      <c r="B16" s="21">
        <v>19</v>
      </c>
      <c r="C16" s="6">
        <v>14</v>
      </c>
      <c r="D16" s="5">
        <v>33</v>
      </c>
    </row>
    <row r="17" spans="1:4" ht="18" customHeight="1" x14ac:dyDescent="0.15">
      <c r="A17" s="8">
        <v>10</v>
      </c>
      <c r="B17" s="21">
        <v>5</v>
      </c>
      <c r="C17" s="6">
        <v>10</v>
      </c>
      <c r="D17" s="5">
        <v>15</v>
      </c>
    </row>
    <row r="18" spans="1:4" ht="18" customHeight="1" x14ac:dyDescent="0.15">
      <c r="A18" s="8">
        <v>11</v>
      </c>
      <c r="B18" s="21">
        <v>2</v>
      </c>
      <c r="C18" s="6">
        <v>3</v>
      </c>
      <c r="D18" s="5">
        <v>5</v>
      </c>
    </row>
    <row r="19" spans="1:4" ht="18" customHeight="1" x14ac:dyDescent="0.15">
      <c r="A19" s="8">
        <v>12</v>
      </c>
      <c r="B19" s="21">
        <v>7</v>
      </c>
      <c r="C19" s="6">
        <v>8</v>
      </c>
      <c r="D19" s="5">
        <v>15</v>
      </c>
    </row>
    <row r="20" spans="1:4" ht="18" customHeight="1" x14ac:dyDescent="0.15">
      <c r="A20" s="8">
        <v>13</v>
      </c>
      <c r="B20" s="21">
        <v>6</v>
      </c>
      <c r="C20" s="6">
        <v>6</v>
      </c>
      <c r="D20" s="5">
        <v>12</v>
      </c>
    </row>
    <row r="21" spans="1:4" ht="18" customHeight="1" x14ac:dyDescent="0.15">
      <c r="A21" s="8">
        <v>14</v>
      </c>
      <c r="B21" s="21">
        <v>7</v>
      </c>
      <c r="C21" s="6">
        <v>4</v>
      </c>
      <c r="D21" s="5">
        <v>11</v>
      </c>
    </row>
    <row r="22" spans="1:4" ht="18" customHeight="1" x14ac:dyDescent="0.15">
      <c r="A22" s="8" t="s">
        <v>23</v>
      </c>
      <c r="B22" s="21">
        <v>27</v>
      </c>
      <c r="C22" s="6">
        <v>31</v>
      </c>
      <c r="D22" s="5">
        <v>58</v>
      </c>
    </row>
    <row r="23" spans="1:4" ht="18" customHeight="1" x14ac:dyDescent="0.15">
      <c r="A23" s="8" t="s">
        <v>22</v>
      </c>
      <c r="B23" s="21">
        <v>61</v>
      </c>
      <c r="C23" s="6">
        <v>62</v>
      </c>
      <c r="D23" s="5">
        <v>123</v>
      </c>
    </row>
    <row r="24" spans="1:4" ht="18" customHeight="1" x14ac:dyDescent="0.15">
      <c r="A24" s="8">
        <v>15</v>
      </c>
      <c r="B24" s="21">
        <v>6</v>
      </c>
      <c r="C24" s="6">
        <v>4</v>
      </c>
      <c r="D24" s="5">
        <v>10</v>
      </c>
    </row>
    <row r="25" spans="1:4" ht="18" customHeight="1" x14ac:dyDescent="0.15">
      <c r="A25" s="8">
        <v>16</v>
      </c>
      <c r="B25" s="21">
        <v>7</v>
      </c>
      <c r="C25" s="6">
        <v>9</v>
      </c>
      <c r="D25" s="5">
        <v>16</v>
      </c>
    </row>
    <row r="26" spans="1:4" ht="18" customHeight="1" x14ac:dyDescent="0.15">
      <c r="A26" s="8">
        <v>17</v>
      </c>
      <c r="B26" s="21">
        <v>7</v>
      </c>
      <c r="C26" s="6">
        <v>4</v>
      </c>
      <c r="D26" s="5">
        <v>11</v>
      </c>
    </row>
    <row r="27" spans="1:4" ht="18" customHeight="1" x14ac:dyDescent="0.15">
      <c r="A27" s="8">
        <v>18</v>
      </c>
      <c r="B27" s="21">
        <v>8</v>
      </c>
      <c r="C27" s="6">
        <v>5</v>
      </c>
      <c r="D27" s="5">
        <v>13</v>
      </c>
    </row>
    <row r="28" spans="1:4" ht="18" customHeight="1" x14ac:dyDescent="0.15">
      <c r="A28" s="8">
        <v>19</v>
      </c>
      <c r="B28" s="21">
        <v>9</v>
      </c>
      <c r="C28" s="6">
        <v>3</v>
      </c>
      <c r="D28" s="5">
        <v>12</v>
      </c>
    </row>
    <row r="29" spans="1:4" ht="18" customHeight="1" x14ac:dyDescent="0.15">
      <c r="A29" s="8" t="s">
        <v>21</v>
      </c>
      <c r="B29" s="21">
        <v>37</v>
      </c>
      <c r="C29" s="6">
        <v>25</v>
      </c>
      <c r="D29" s="5">
        <v>62</v>
      </c>
    </row>
    <row r="30" spans="1:4" ht="18" customHeight="1" x14ac:dyDescent="0.15">
      <c r="A30" s="8">
        <v>20</v>
      </c>
      <c r="B30" s="21">
        <v>10</v>
      </c>
      <c r="C30" s="6">
        <v>4</v>
      </c>
      <c r="D30" s="5">
        <v>14</v>
      </c>
    </row>
    <row r="31" spans="1:4" ht="18" customHeight="1" x14ac:dyDescent="0.15">
      <c r="A31" s="8">
        <v>21</v>
      </c>
      <c r="B31" s="21">
        <v>9</v>
      </c>
      <c r="C31" s="6">
        <v>4</v>
      </c>
      <c r="D31" s="5">
        <v>13</v>
      </c>
    </row>
    <row r="32" spans="1:4" ht="18" customHeight="1" x14ac:dyDescent="0.15">
      <c r="A32" s="8">
        <v>22</v>
      </c>
      <c r="B32" s="21">
        <v>2</v>
      </c>
      <c r="C32" s="6">
        <v>5</v>
      </c>
      <c r="D32" s="5">
        <v>7</v>
      </c>
    </row>
    <row r="33" spans="1:4" ht="18" customHeight="1" x14ac:dyDescent="0.15">
      <c r="A33" s="8">
        <v>23</v>
      </c>
      <c r="B33" s="21">
        <v>8</v>
      </c>
      <c r="C33" s="6">
        <v>6</v>
      </c>
      <c r="D33" s="5">
        <v>14</v>
      </c>
    </row>
    <row r="34" spans="1:4" ht="18" customHeight="1" x14ac:dyDescent="0.15">
      <c r="A34" s="8">
        <v>24</v>
      </c>
      <c r="B34" s="21">
        <v>5</v>
      </c>
      <c r="C34" s="6">
        <v>2</v>
      </c>
      <c r="D34" s="5">
        <v>7</v>
      </c>
    </row>
    <row r="35" spans="1:4" ht="18" customHeight="1" x14ac:dyDescent="0.15">
      <c r="A35" s="8" t="s">
        <v>20</v>
      </c>
      <c r="B35" s="21">
        <v>34</v>
      </c>
      <c r="C35" s="6">
        <v>21</v>
      </c>
      <c r="D35" s="5">
        <v>55</v>
      </c>
    </row>
    <row r="36" spans="1:4" ht="18" customHeight="1" x14ac:dyDescent="0.15">
      <c r="A36" s="8">
        <v>25</v>
      </c>
      <c r="B36" s="21">
        <v>7</v>
      </c>
      <c r="C36" s="6">
        <v>6</v>
      </c>
      <c r="D36" s="5">
        <v>13</v>
      </c>
    </row>
    <row r="37" spans="1:4" ht="18" customHeight="1" x14ac:dyDescent="0.15">
      <c r="A37" s="8">
        <v>26</v>
      </c>
      <c r="B37" s="21">
        <v>8</v>
      </c>
      <c r="C37" s="6">
        <v>1</v>
      </c>
      <c r="D37" s="5">
        <v>9</v>
      </c>
    </row>
    <row r="38" spans="1:4" ht="18" customHeight="1" x14ac:dyDescent="0.15">
      <c r="A38" s="8">
        <v>27</v>
      </c>
      <c r="B38" s="21">
        <v>1</v>
      </c>
      <c r="C38" s="6">
        <v>1</v>
      </c>
      <c r="D38" s="5">
        <v>2</v>
      </c>
    </row>
    <row r="39" spans="1:4" ht="18" customHeight="1" x14ac:dyDescent="0.15">
      <c r="A39" s="8">
        <v>28</v>
      </c>
      <c r="B39" s="21">
        <v>4</v>
      </c>
      <c r="C39" s="6">
        <v>5</v>
      </c>
      <c r="D39" s="5">
        <v>9</v>
      </c>
    </row>
    <row r="40" spans="1:4" ht="18" customHeight="1" x14ac:dyDescent="0.15">
      <c r="A40" s="8">
        <v>29</v>
      </c>
      <c r="B40" s="21">
        <v>4</v>
      </c>
      <c r="C40" s="6">
        <v>3</v>
      </c>
      <c r="D40" s="5">
        <v>7</v>
      </c>
    </row>
    <row r="41" spans="1:4" ht="18" customHeight="1" x14ac:dyDescent="0.15">
      <c r="A41" s="8" t="s">
        <v>19</v>
      </c>
      <c r="B41" s="21">
        <v>24</v>
      </c>
      <c r="C41" s="6">
        <v>16</v>
      </c>
      <c r="D41" s="5">
        <v>40</v>
      </c>
    </row>
    <row r="42" spans="1:4" ht="18" customHeight="1" x14ac:dyDescent="0.15">
      <c r="A42" s="8">
        <v>30</v>
      </c>
      <c r="B42" s="21">
        <v>9</v>
      </c>
      <c r="C42" s="6">
        <v>5</v>
      </c>
      <c r="D42" s="5">
        <v>14</v>
      </c>
    </row>
    <row r="43" spans="1:4" ht="18" customHeight="1" x14ac:dyDescent="0.15">
      <c r="A43" s="8">
        <v>31</v>
      </c>
      <c r="B43" s="21">
        <v>5</v>
      </c>
      <c r="C43" s="6">
        <v>3</v>
      </c>
      <c r="D43" s="5">
        <v>8</v>
      </c>
    </row>
    <row r="44" spans="1:4" ht="18" customHeight="1" x14ac:dyDescent="0.15">
      <c r="A44" s="8">
        <v>32</v>
      </c>
      <c r="B44" s="21">
        <v>4</v>
      </c>
      <c r="C44" s="6">
        <v>3</v>
      </c>
      <c r="D44" s="5">
        <v>7</v>
      </c>
    </row>
    <row r="45" spans="1:4" ht="18" customHeight="1" x14ac:dyDescent="0.15">
      <c r="A45" s="8">
        <v>33</v>
      </c>
      <c r="B45" s="21">
        <v>7</v>
      </c>
      <c r="C45" s="6">
        <v>10</v>
      </c>
      <c r="D45" s="5">
        <v>17</v>
      </c>
    </row>
    <row r="46" spans="1:4" ht="18" customHeight="1" x14ac:dyDescent="0.15">
      <c r="A46" s="8">
        <v>34</v>
      </c>
      <c r="B46" s="21">
        <v>4</v>
      </c>
      <c r="C46" s="6">
        <v>6</v>
      </c>
      <c r="D46" s="5">
        <v>10</v>
      </c>
    </row>
    <row r="47" spans="1:4" ht="18" customHeight="1" x14ac:dyDescent="0.15">
      <c r="A47" s="8" t="s">
        <v>18</v>
      </c>
      <c r="B47" s="21">
        <v>29</v>
      </c>
      <c r="C47" s="6">
        <v>27</v>
      </c>
      <c r="D47" s="5">
        <v>56</v>
      </c>
    </row>
    <row r="48" spans="1:4" ht="18" customHeight="1" x14ac:dyDescent="0.15">
      <c r="A48" s="8">
        <v>35</v>
      </c>
      <c r="B48" s="21">
        <v>12</v>
      </c>
      <c r="C48" s="6">
        <v>5</v>
      </c>
      <c r="D48" s="5">
        <v>17</v>
      </c>
    </row>
    <row r="49" spans="1:4" ht="18" customHeight="1" x14ac:dyDescent="0.15">
      <c r="A49" s="8">
        <v>36</v>
      </c>
      <c r="B49" s="21">
        <v>4</v>
      </c>
      <c r="C49" s="6">
        <v>7</v>
      </c>
      <c r="D49" s="5">
        <v>11</v>
      </c>
    </row>
    <row r="50" spans="1:4" ht="18" customHeight="1" x14ac:dyDescent="0.15">
      <c r="A50" s="8">
        <v>37</v>
      </c>
      <c r="B50" s="21">
        <v>10</v>
      </c>
      <c r="C50" s="6">
        <v>6</v>
      </c>
      <c r="D50" s="5">
        <v>16</v>
      </c>
    </row>
    <row r="51" spans="1:4" ht="18" customHeight="1" x14ac:dyDescent="0.15">
      <c r="A51" s="8">
        <v>38</v>
      </c>
      <c r="B51" s="21">
        <v>8</v>
      </c>
      <c r="C51" s="6">
        <v>2</v>
      </c>
      <c r="D51" s="5">
        <v>10</v>
      </c>
    </row>
    <row r="52" spans="1:4" ht="18" customHeight="1" x14ac:dyDescent="0.15">
      <c r="A52" s="8">
        <v>39</v>
      </c>
      <c r="B52" s="21">
        <v>11</v>
      </c>
      <c r="C52" s="6">
        <v>8</v>
      </c>
      <c r="D52" s="5">
        <v>19</v>
      </c>
    </row>
    <row r="53" spans="1:4" ht="18" customHeight="1" x14ac:dyDescent="0.15">
      <c r="A53" s="8" t="s">
        <v>17</v>
      </c>
      <c r="B53" s="21">
        <v>45</v>
      </c>
      <c r="C53" s="6">
        <v>28</v>
      </c>
      <c r="D53" s="5">
        <v>73</v>
      </c>
    </row>
    <row r="54" spans="1:4" ht="18" customHeight="1" x14ac:dyDescent="0.15">
      <c r="A54" s="8">
        <v>40</v>
      </c>
      <c r="B54" s="21">
        <v>11</v>
      </c>
      <c r="C54" s="6">
        <v>11</v>
      </c>
      <c r="D54" s="5">
        <v>22</v>
      </c>
    </row>
    <row r="55" spans="1:4" ht="18" customHeight="1" x14ac:dyDescent="0.15">
      <c r="A55" s="8">
        <v>41</v>
      </c>
      <c r="B55" s="21">
        <v>9</v>
      </c>
      <c r="C55" s="6">
        <v>7</v>
      </c>
      <c r="D55" s="5">
        <v>16</v>
      </c>
    </row>
    <row r="56" spans="1:4" ht="18" customHeight="1" x14ac:dyDescent="0.15">
      <c r="A56" s="8">
        <v>42</v>
      </c>
      <c r="B56" s="21">
        <v>6</v>
      </c>
      <c r="C56" s="6">
        <v>7</v>
      </c>
      <c r="D56" s="5">
        <v>13</v>
      </c>
    </row>
    <row r="57" spans="1:4" ht="18" customHeight="1" x14ac:dyDescent="0.15">
      <c r="A57" s="8">
        <v>43</v>
      </c>
      <c r="B57" s="21">
        <v>8</v>
      </c>
      <c r="C57" s="6">
        <v>1</v>
      </c>
      <c r="D57" s="5">
        <v>9</v>
      </c>
    </row>
    <row r="58" spans="1:4" ht="18" customHeight="1" x14ac:dyDescent="0.15">
      <c r="A58" s="8">
        <v>44</v>
      </c>
      <c r="B58" s="21">
        <v>8</v>
      </c>
      <c r="C58" s="6">
        <v>9</v>
      </c>
      <c r="D58" s="5">
        <v>17</v>
      </c>
    </row>
    <row r="59" spans="1:4" ht="18" customHeight="1" x14ac:dyDescent="0.15">
      <c r="A59" s="8" t="s">
        <v>16</v>
      </c>
      <c r="B59" s="21">
        <v>42</v>
      </c>
      <c r="C59" s="6">
        <v>35</v>
      </c>
      <c r="D59" s="5">
        <v>77</v>
      </c>
    </row>
    <row r="60" spans="1:4" ht="18" customHeight="1" x14ac:dyDescent="0.15">
      <c r="A60" s="8">
        <v>45</v>
      </c>
      <c r="B60" s="21">
        <v>6</v>
      </c>
      <c r="C60" s="6">
        <v>4</v>
      </c>
      <c r="D60" s="5">
        <v>10</v>
      </c>
    </row>
    <row r="61" spans="1:4" ht="18" customHeight="1" x14ac:dyDescent="0.15">
      <c r="A61" s="8">
        <v>46</v>
      </c>
      <c r="B61" s="21">
        <v>17</v>
      </c>
      <c r="C61" s="6">
        <v>6</v>
      </c>
      <c r="D61" s="5">
        <v>23</v>
      </c>
    </row>
    <row r="62" spans="1:4" ht="18" customHeight="1" x14ac:dyDescent="0.15">
      <c r="A62" s="8">
        <v>47</v>
      </c>
      <c r="B62" s="21">
        <v>6</v>
      </c>
      <c r="C62" s="6">
        <v>14</v>
      </c>
      <c r="D62" s="5">
        <v>20</v>
      </c>
    </row>
    <row r="63" spans="1:4" ht="18" customHeight="1" x14ac:dyDescent="0.15">
      <c r="A63" s="8">
        <v>48</v>
      </c>
      <c r="B63" s="21">
        <v>13</v>
      </c>
      <c r="C63" s="6">
        <v>8</v>
      </c>
      <c r="D63" s="5">
        <v>21</v>
      </c>
    </row>
    <row r="64" spans="1:4" ht="18" customHeight="1" x14ac:dyDescent="0.15">
      <c r="A64" s="8">
        <v>49</v>
      </c>
      <c r="B64" s="21">
        <v>12</v>
      </c>
      <c r="C64" s="6">
        <v>11</v>
      </c>
      <c r="D64" s="5">
        <v>23</v>
      </c>
    </row>
    <row r="65" spans="1:4" ht="18" customHeight="1" x14ac:dyDescent="0.15">
      <c r="A65" s="8" t="s">
        <v>15</v>
      </c>
      <c r="B65" s="21">
        <v>54</v>
      </c>
      <c r="C65" s="6">
        <v>43</v>
      </c>
      <c r="D65" s="5">
        <v>97</v>
      </c>
    </row>
    <row r="66" spans="1:4" ht="18" customHeight="1" x14ac:dyDescent="0.15">
      <c r="A66" s="8">
        <v>50</v>
      </c>
      <c r="B66" s="21">
        <v>15</v>
      </c>
      <c r="C66" s="6">
        <v>7</v>
      </c>
      <c r="D66" s="5">
        <v>22</v>
      </c>
    </row>
    <row r="67" spans="1:4" ht="18" customHeight="1" x14ac:dyDescent="0.15">
      <c r="A67" s="8">
        <v>51</v>
      </c>
      <c r="B67" s="21">
        <v>18</v>
      </c>
      <c r="C67" s="6">
        <v>14</v>
      </c>
      <c r="D67" s="5">
        <v>32</v>
      </c>
    </row>
    <row r="68" spans="1:4" ht="18" customHeight="1" x14ac:dyDescent="0.15">
      <c r="A68" s="8">
        <v>52</v>
      </c>
      <c r="B68" s="21">
        <v>15</v>
      </c>
      <c r="C68" s="6">
        <v>19</v>
      </c>
      <c r="D68" s="5">
        <v>34</v>
      </c>
    </row>
    <row r="69" spans="1:4" ht="18" customHeight="1" x14ac:dyDescent="0.15">
      <c r="A69" s="8">
        <v>53</v>
      </c>
      <c r="B69" s="21">
        <v>13</v>
      </c>
      <c r="C69" s="6">
        <v>9</v>
      </c>
      <c r="D69" s="5">
        <v>22</v>
      </c>
    </row>
    <row r="70" spans="1:4" ht="18" customHeight="1" x14ac:dyDescent="0.15">
      <c r="A70" s="8">
        <v>54</v>
      </c>
      <c r="B70" s="21">
        <v>11</v>
      </c>
      <c r="C70" s="6">
        <v>12</v>
      </c>
      <c r="D70" s="5">
        <v>23</v>
      </c>
    </row>
    <row r="71" spans="1:4" ht="18" customHeight="1" x14ac:dyDescent="0.15">
      <c r="A71" s="8" t="s">
        <v>14</v>
      </c>
      <c r="B71" s="21">
        <v>72</v>
      </c>
      <c r="C71" s="6">
        <v>61</v>
      </c>
      <c r="D71" s="5">
        <v>133</v>
      </c>
    </row>
    <row r="72" spans="1:4" ht="18" customHeight="1" x14ac:dyDescent="0.15">
      <c r="A72" s="8">
        <v>55</v>
      </c>
      <c r="B72" s="21">
        <v>13</v>
      </c>
      <c r="C72" s="6">
        <v>14</v>
      </c>
      <c r="D72" s="5">
        <v>27</v>
      </c>
    </row>
    <row r="73" spans="1:4" ht="18" customHeight="1" x14ac:dyDescent="0.15">
      <c r="A73" s="8">
        <v>56</v>
      </c>
      <c r="B73" s="21">
        <v>11</v>
      </c>
      <c r="C73" s="6">
        <v>7</v>
      </c>
      <c r="D73" s="5">
        <v>18</v>
      </c>
    </row>
    <row r="74" spans="1:4" ht="18" customHeight="1" x14ac:dyDescent="0.15">
      <c r="A74" s="8">
        <v>57</v>
      </c>
      <c r="B74" s="21">
        <v>13</v>
      </c>
      <c r="C74" s="6">
        <v>9</v>
      </c>
      <c r="D74" s="5">
        <v>22</v>
      </c>
    </row>
    <row r="75" spans="1:4" ht="18" customHeight="1" x14ac:dyDescent="0.15">
      <c r="A75" s="8">
        <v>58</v>
      </c>
      <c r="B75" s="21">
        <v>13</v>
      </c>
      <c r="C75" s="6">
        <v>12</v>
      </c>
      <c r="D75" s="5">
        <v>25</v>
      </c>
    </row>
    <row r="76" spans="1:4" ht="18" customHeight="1" x14ac:dyDescent="0.15">
      <c r="A76" s="8">
        <v>59</v>
      </c>
      <c r="B76" s="21">
        <v>9</v>
      </c>
      <c r="C76" s="6">
        <v>11</v>
      </c>
      <c r="D76" s="5">
        <v>20</v>
      </c>
    </row>
    <row r="77" spans="1:4" ht="18" customHeight="1" x14ac:dyDescent="0.15">
      <c r="A77" s="8" t="s">
        <v>13</v>
      </c>
      <c r="B77" s="21">
        <v>59</v>
      </c>
      <c r="C77" s="6">
        <v>53</v>
      </c>
      <c r="D77" s="5">
        <v>112</v>
      </c>
    </row>
    <row r="78" spans="1:4" ht="18" customHeight="1" x14ac:dyDescent="0.15">
      <c r="A78" s="8">
        <v>60</v>
      </c>
      <c r="B78" s="21">
        <v>14</v>
      </c>
      <c r="C78" s="6">
        <v>16</v>
      </c>
      <c r="D78" s="5">
        <v>30</v>
      </c>
    </row>
    <row r="79" spans="1:4" ht="18" customHeight="1" x14ac:dyDescent="0.15">
      <c r="A79" s="8">
        <v>61</v>
      </c>
      <c r="B79" s="21">
        <v>6</v>
      </c>
      <c r="C79" s="6">
        <v>9</v>
      </c>
      <c r="D79" s="5">
        <v>15</v>
      </c>
    </row>
    <row r="80" spans="1:4" ht="18" customHeight="1" x14ac:dyDescent="0.15">
      <c r="A80" s="8">
        <v>62</v>
      </c>
      <c r="B80" s="21">
        <v>9</v>
      </c>
      <c r="C80" s="6">
        <v>10</v>
      </c>
      <c r="D80" s="5">
        <v>19</v>
      </c>
    </row>
    <row r="81" spans="1:4" ht="18" customHeight="1" x14ac:dyDescent="0.15">
      <c r="A81" s="8">
        <v>63</v>
      </c>
      <c r="B81" s="21">
        <v>6</v>
      </c>
      <c r="C81" s="6">
        <v>18</v>
      </c>
      <c r="D81" s="5">
        <v>24</v>
      </c>
    </row>
    <row r="82" spans="1:4" ht="18" customHeight="1" x14ac:dyDescent="0.15">
      <c r="A82" s="8">
        <v>64</v>
      </c>
      <c r="B82" s="21">
        <v>14</v>
      </c>
      <c r="C82" s="6">
        <v>11</v>
      </c>
      <c r="D82" s="5">
        <v>25</v>
      </c>
    </row>
    <row r="83" spans="1:4" ht="18" customHeight="1" x14ac:dyDescent="0.15">
      <c r="A83" s="8" t="s">
        <v>12</v>
      </c>
      <c r="B83" s="21">
        <v>49</v>
      </c>
      <c r="C83" s="6">
        <v>64</v>
      </c>
      <c r="D83" s="5">
        <v>113</v>
      </c>
    </row>
    <row r="84" spans="1:4" ht="18" customHeight="1" x14ac:dyDescent="0.15">
      <c r="A84" s="8" t="s">
        <v>11</v>
      </c>
      <c r="B84" s="21">
        <v>445</v>
      </c>
      <c r="C84" s="6">
        <v>373</v>
      </c>
      <c r="D84" s="5">
        <v>818</v>
      </c>
    </row>
    <row r="85" spans="1:4" ht="18" customHeight="1" x14ac:dyDescent="0.15">
      <c r="A85" s="8">
        <v>65</v>
      </c>
      <c r="B85" s="21">
        <v>17</v>
      </c>
      <c r="C85" s="6">
        <v>11</v>
      </c>
      <c r="D85" s="5">
        <v>28</v>
      </c>
    </row>
    <row r="86" spans="1:4" ht="18" customHeight="1" x14ac:dyDescent="0.15">
      <c r="A86" s="8">
        <v>66</v>
      </c>
      <c r="B86" s="21">
        <v>10</v>
      </c>
      <c r="C86" s="6">
        <v>9</v>
      </c>
      <c r="D86" s="5">
        <v>19</v>
      </c>
    </row>
    <row r="87" spans="1:4" ht="18" customHeight="1" x14ac:dyDescent="0.15">
      <c r="A87" s="8">
        <v>67</v>
      </c>
      <c r="B87" s="21">
        <v>15</v>
      </c>
      <c r="C87" s="6">
        <v>17</v>
      </c>
      <c r="D87" s="5">
        <v>32</v>
      </c>
    </row>
    <row r="88" spans="1:4" ht="18" customHeight="1" x14ac:dyDescent="0.15">
      <c r="A88" s="8">
        <v>68</v>
      </c>
      <c r="B88" s="21">
        <v>12</v>
      </c>
      <c r="C88" s="6">
        <v>14</v>
      </c>
      <c r="D88" s="5">
        <v>26</v>
      </c>
    </row>
    <row r="89" spans="1:4" ht="18" customHeight="1" x14ac:dyDescent="0.15">
      <c r="A89" s="8">
        <v>69</v>
      </c>
      <c r="B89" s="21">
        <v>13</v>
      </c>
      <c r="C89" s="6">
        <v>10</v>
      </c>
      <c r="D89" s="5">
        <v>23</v>
      </c>
    </row>
    <row r="90" spans="1:4" ht="18" customHeight="1" x14ac:dyDescent="0.15">
      <c r="A90" s="8" t="s">
        <v>10</v>
      </c>
      <c r="B90" s="21">
        <v>67</v>
      </c>
      <c r="C90" s="6">
        <v>61</v>
      </c>
      <c r="D90" s="5">
        <v>128</v>
      </c>
    </row>
    <row r="91" spans="1:4" ht="18" customHeight="1" x14ac:dyDescent="0.15">
      <c r="A91" s="8">
        <v>70</v>
      </c>
      <c r="B91" s="21">
        <v>15</v>
      </c>
      <c r="C91" s="6">
        <v>10</v>
      </c>
      <c r="D91" s="5">
        <v>25</v>
      </c>
    </row>
    <row r="92" spans="1:4" ht="18" customHeight="1" x14ac:dyDescent="0.15">
      <c r="A92" s="8">
        <v>71</v>
      </c>
      <c r="B92" s="21">
        <v>8</v>
      </c>
      <c r="C92" s="6">
        <v>16</v>
      </c>
      <c r="D92" s="5">
        <v>24</v>
      </c>
    </row>
    <row r="93" spans="1:4" ht="18" customHeight="1" x14ac:dyDescent="0.15">
      <c r="A93" s="8">
        <v>72</v>
      </c>
      <c r="B93" s="21">
        <v>11</v>
      </c>
      <c r="C93" s="6">
        <v>14</v>
      </c>
      <c r="D93" s="5">
        <v>25</v>
      </c>
    </row>
    <row r="94" spans="1:4" ht="18" customHeight="1" x14ac:dyDescent="0.15">
      <c r="A94" s="8">
        <v>73</v>
      </c>
      <c r="B94" s="21">
        <v>19</v>
      </c>
      <c r="C94" s="6">
        <v>21</v>
      </c>
      <c r="D94" s="5">
        <v>40</v>
      </c>
    </row>
    <row r="95" spans="1:4" ht="18" customHeight="1" x14ac:dyDescent="0.15">
      <c r="A95" s="8">
        <v>74</v>
      </c>
      <c r="B95" s="21">
        <v>22</v>
      </c>
      <c r="C95" s="6">
        <v>18</v>
      </c>
      <c r="D95" s="5">
        <v>40</v>
      </c>
    </row>
    <row r="96" spans="1:4" ht="18" customHeight="1" x14ac:dyDescent="0.15">
      <c r="A96" s="8" t="s">
        <v>9</v>
      </c>
      <c r="B96" s="21">
        <v>75</v>
      </c>
      <c r="C96" s="6">
        <v>79</v>
      </c>
      <c r="D96" s="5">
        <v>154</v>
      </c>
    </row>
    <row r="97" spans="1:4" ht="18" customHeight="1" x14ac:dyDescent="0.15">
      <c r="A97" s="8">
        <v>75</v>
      </c>
      <c r="B97" s="21">
        <v>19</v>
      </c>
      <c r="C97" s="6">
        <v>19</v>
      </c>
      <c r="D97" s="5">
        <v>38</v>
      </c>
    </row>
    <row r="98" spans="1:4" ht="18" customHeight="1" x14ac:dyDescent="0.15">
      <c r="A98" s="8">
        <v>76</v>
      </c>
      <c r="B98" s="21">
        <v>18</v>
      </c>
      <c r="C98" s="6">
        <v>25</v>
      </c>
      <c r="D98" s="5">
        <v>43</v>
      </c>
    </row>
    <row r="99" spans="1:4" ht="18" customHeight="1" x14ac:dyDescent="0.15">
      <c r="A99" s="8">
        <v>77</v>
      </c>
      <c r="B99" s="21">
        <v>21</v>
      </c>
      <c r="C99" s="6">
        <v>30</v>
      </c>
      <c r="D99" s="5">
        <v>51</v>
      </c>
    </row>
    <row r="100" spans="1:4" ht="18" customHeight="1" x14ac:dyDescent="0.15">
      <c r="A100" s="8">
        <v>78</v>
      </c>
      <c r="B100" s="21">
        <v>33</v>
      </c>
      <c r="C100" s="6">
        <v>34</v>
      </c>
      <c r="D100" s="5">
        <v>67</v>
      </c>
    </row>
    <row r="101" spans="1:4" ht="18" customHeight="1" x14ac:dyDescent="0.15">
      <c r="A101" s="8">
        <v>79</v>
      </c>
      <c r="B101" s="21">
        <v>6</v>
      </c>
      <c r="C101" s="6">
        <v>19</v>
      </c>
      <c r="D101" s="5">
        <v>25</v>
      </c>
    </row>
    <row r="102" spans="1:4" ht="18" customHeight="1" x14ac:dyDescent="0.15">
      <c r="A102" s="8" t="s">
        <v>8</v>
      </c>
      <c r="B102" s="21">
        <v>97</v>
      </c>
      <c r="C102" s="6">
        <v>127</v>
      </c>
      <c r="D102" s="5">
        <v>224</v>
      </c>
    </row>
    <row r="103" spans="1:4" ht="18" customHeight="1" x14ac:dyDescent="0.15">
      <c r="A103" s="8">
        <v>80</v>
      </c>
      <c r="B103" s="21">
        <v>12</v>
      </c>
      <c r="C103" s="6">
        <v>16</v>
      </c>
      <c r="D103" s="5">
        <v>28</v>
      </c>
    </row>
    <row r="104" spans="1:4" ht="18" customHeight="1" x14ac:dyDescent="0.15">
      <c r="A104" s="8">
        <v>81</v>
      </c>
      <c r="B104" s="21">
        <v>12</v>
      </c>
      <c r="C104" s="6">
        <v>11</v>
      </c>
      <c r="D104" s="5">
        <v>23</v>
      </c>
    </row>
    <row r="105" spans="1:4" ht="18" customHeight="1" x14ac:dyDescent="0.15">
      <c r="A105" s="8">
        <v>82</v>
      </c>
      <c r="B105" s="21">
        <v>11</v>
      </c>
      <c r="C105" s="6">
        <v>15</v>
      </c>
      <c r="D105" s="5">
        <v>26</v>
      </c>
    </row>
    <row r="106" spans="1:4" ht="18" customHeight="1" x14ac:dyDescent="0.15">
      <c r="A106" s="8">
        <v>83</v>
      </c>
      <c r="B106" s="21">
        <v>18</v>
      </c>
      <c r="C106" s="6">
        <v>17</v>
      </c>
      <c r="D106" s="5">
        <v>35</v>
      </c>
    </row>
    <row r="107" spans="1:4" ht="18" customHeight="1" x14ac:dyDescent="0.15">
      <c r="A107" s="8">
        <v>84</v>
      </c>
      <c r="B107" s="21">
        <v>10</v>
      </c>
      <c r="C107" s="6">
        <v>10</v>
      </c>
      <c r="D107" s="5">
        <v>20</v>
      </c>
    </row>
    <row r="108" spans="1:4" ht="18" customHeight="1" x14ac:dyDescent="0.15">
      <c r="A108" s="8" t="s">
        <v>7</v>
      </c>
      <c r="B108" s="21">
        <v>63</v>
      </c>
      <c r="C108" s="6">
        <v>69</v>
      </c>
      <c r="D108" s="5">
        <v>132</v>
      </c>
    </row>
    <row r="109" spans="1:4" ht="18" customHeight="1" x14ac:dyDescent="0.15">
      <c r="A109" s="8">
        <v>85</v>
      </c>
      <c r="B109" s="21">
        <v>9</v>
      </c>
      <c r="C109" s="6">
        <v>17</v>
      </c>
      <c r="D109" s="5">
        <v>26</v>
      </c>
    </row>
    <row r="110" spans="1:4" ht="18" customHeight="1" x14ac:dyDescent="0.15">
      <c r="A110" s="8">
        <v>86</v>
      </c>
      <c r="B110" s="21">
        <v>6</v>
      </c>
      <c r="C110" s="6">
        <v>11</v>
      </c>
      <c r="D110" s="5">
        <v>17</v>
      </c>
    </row>
    <row r="111" spans="1:4" ht="18" customHeight="1" x14ac:dyDescent="0.15">
      <c r="A111" s="8">
        <v>87</v>
      </c>
      <c r="B111" s="21">
        <v>2</v>
      </c>
      <c r="C111" s="6">
        <v>9</v>
      </c>
      <c r="D111" s="5">
        <v>11</v>
      </c>
    </row>
    <row r="112" spans="1:4" ht="18" customHeight="1" x14ac:dyDescent="0.15">
      <c r="A112" s="8">
        <v>88</v>
      </c>
      <c r="B112" s="21">
        <v>5</v>
      </c>
      <c r="C112" s="6">
        <v>8</v>
      </c>
      <c r="D112" s="5">
        <v>13</v>
      </c>
    </row>
    <row r="113" spans="1:4" ht="18" customHeight="1" x14ac:dyDescent="0.15">
      <c r="A113" s="8">
        <v>89</v>
      </c>
      <c r="B113" s="21">
        <v>6</v>
      </c>
      <c r="C113" s="6">
        <v>12</v>
      </c>
      <c r="D113" s="5">
        <v>18</v>
      </c>
    </row>
    <row r="114" spans="1:4" ht="18" customHeight="1" x14ac:dyDescent="0.15">
      <c r="A114" s="8" t="s">
        <v>6</v>
      </c>
      <c r="B114" s="21">
        <v>28</v>
      </c>
      <c r="C114" s="6">
        <v>57</v>
      </c>
      <c r="D114" s="5">
        <v>85</v>
      </c>
    </row>
    <row r="115" spans="1:4" ht="18" customHeight="1" x14ac:dyDescent="0.15">
      <c r="A115" s="8">
        <v>90</v>
      </c>
      <c r="B115" s="21">
        <v>3</v>
      </c>
      <c r="C115" s="6">
        <v>7</v>
      </c>
      <c r="D115" s="5">
        <v>10</v>
      </c>
    </row>
    <row r="116" spans="1:4" ht="18" customHeight="1" x14ac:dyDescent="0.15">
      <c r="A116" s="8">
        <v>91</v>
      </c>
      <c r="B116" s="21">
        <v>3</v>
      </c>
      <c r="C116" s="6">
        <v>5</v>
      </c>
      <c r="D116" s="5">
        <v>8</v>
      </c>
    </row>
    <row r="117" spans="1:4" ht="18" customHeight="1" x14ac:dyDescent="0.15">
      <c r="A117" s="8">
        <v>92</v>
      </c>
      <c r="B117" s="21">
        <v>2</v>
      </c>
      <c r="C117" s="6">
        <v>9</v>
      </c>
      <c r="D117" s="5">
        <v>11</v>
      </c>
    </row>
    <row r="118" spans="1:4" ht="18" customHeight="1" x14ac:dyDescent="0.15">
      <c r="A118" s="8">
        <v>93</v>
      </c>
      <c r="B118" s="21">
        <v>2</v>
      </c>
      <c r="C118" s="6">
        <v>4</v>
      </c>
      <c r="D118" s="5">
        <v>6</v>
      </c>
    </row>
    <row r="119" spans="1:4" ht="18" customHeight="1" x14ac:dyDescent="0.15">
      <c r="A119" s="8">
        <v>94</v>
      </c>
      <c r="B119" s="21">
        <v>3</v>
      </c>
      <c r="C119" s="6">
        <v>7</v>
      </c>
      <c r="D119" s="5">
        <v>10</v>
      </c>
    </row>
    <row r="120" spans="1:4" ht="18" customHeight="1" x14ac:dyDescent="0.15">
      <c r="A120" s="8" t="s">
        <v>5</v>
      </c>
      <c r="B120" s="21">
        <v>13</v>
      </c>
      <c r="C120" s="6">
        <v>32</v>
      </c>
      <c r="D120" s="5">
        <v>45</v>
      </c>
    </row>
    <row r="121" spans="1:4" ht="18" customHeight="1" x14ac:dyDescent="0.15">
      <c r="A121" s="8">
        <v>95</v>
      </c>
      <c r="B121" s="21">
        <v>1</v>
      </c>
      <c r="C121" s="6">
        <v>1</v>
      </c>
      <c r="D121" s="5">
        <v>2</v>
      </c>
    </row>
    <row r="122" spans="1:4" ht="18" customHeight="1" x14ac:dyDescent="0.15">
      <c r="A122" s="8">
        <v>96</v>
      </c>
      <c r="B122" s="21">
        <v>1</v>
      </c>
      <c r="C122" s="6">
        <v>2</v>
      </c>
      <c r="D122" s="5">
        <v>3</v>
      </c>
    </row>
    <row r="123" spans="1:4" ht="18" customHeight="1" x14ac:dyDescent="0.15">
      <c r="A123" s="8">
        <v>97</v>
      </c>
      <c r="B123" s="21">
        <v>2</v>
      </c>
      <c r="C123" s="6">
        <v>0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5</v>
      </c>
      <c r="C126" s="6">
        <v>9</v>
      </c>
      <c r="D126" s="5">
        <v>14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348</v>
      </c>
      <c r="C130" s="6">
        <v>435</v>
      </c>
      <c r="D130" s="5">
        <v>783</v>
      </c>
    </row>
    <row r="131" spans="1:4" ht="18" customHeight="1" x14ac:dyDescent="0.15">
      <c r="A131" s="4" t="s">
        <v>0</v>
      </c>
      <c r="B131" s="20">
        <v>854</v>
      </c>
      <c r="C131" s="2">
        <v>870</v>
      </c>
      <c r="D131" s="1">
        <v>172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1A9184-984D-41EE-B729-45B626964D9F}">
  <sheetPr codeName="Sheet5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1</v>
      </c>
      <c r="C5" s="11">
        <v>8</v>
      </c>
      <c r="D5" s="10">
        <v>19</v>
      </c>
    </row>
    <row r="6" spans="1:4" ht="18" customHeight="1" x14ac:dyDescent="0.15">
      <c r="A6" s="8">
        <v>1</v>
      </c>
      <c r="B6" s="21">
        <v>8</v>
      </c>
      <c r="C6" s="6">
        <v>13</v>
      </c>
      <c r="D6" s="5">
        <v>21</v>
      </c>
    </row>
    <row r="7" spans="1:4" ht="18" customHeight="1" x14ac:dyDescent="0.15">
      <c r="A7" s="8">
        <v>2</v>
      </c>
      <c r="B7" s="21">
        <v>7</v>
      </c>
      <c r="C7" s="6">
        <v>7</v>
      </c>
      <c r="D7" s="5">
        <v>14</v>
      </c>
    </row>
    <row r="8" spans="1:4" ht="18" customHeight="1" x14ac:dyDescent="0.15">
      <c r="A8" s="8">
        <v>3</v>
      </c>
      <c r="B8" s="21">
        <v>7</v>
      </c>
      <c r="C8" s="6">
        <v>11</v>
      </c>
      <c r="D8" s="5">
        <v>18</v>
      </c>
    </row>
    <row r="9" spans="1:4" ht="18" customHeight="1" x14ac:dyDescent="0.15">
      <c r="A9" s="8">
        <v>4</v>
      </c>
      <c r="B9" s="21">
        <v>12</v>
      </c>
      <c r="C9" s="6">
        <v>11</v>
      </c>
      <c r="D9" s="5">
        <v>23</v>
      </c>
    </row>
    <row r="10" spans="1:4" ht="18" customHeight="1" x14ac:dyDescent="0.15">
      <c r="A10" s="8" t="s">
        <v>25</v>
      </c>
      <c r="B10" s="21">
        <v>45</v>
      </c>
      <c r="C10" s="6">
        <v>50</v>
      </c>
      <c r="D10" s="5">
        <v>95</v>
      </c>
    </row>
    <row r="11" spans="1:4" ht="18" customHeight="1" x14ac:dyDescent="0.15">
      <c r="A11" s="8">
        <v>5</v>
      </c>
      <c r="B11" s="21">
        <v>10</v>
      </c>
      <c r="C11" s="6">
        <v>8</v>
      </c>
      <c r="D11" s="5">
        <v>18</v>
      </c>
    </row>
    <row r="12" spans="1:4" ht="18" customHeight="1" x14ac:dyDescent="0.15">
      <c r="A12" s="8">
        <v>6</v>
      </c>
      <c r="B12" s="21">
        <v>7</v>
      </c>
      <c r="C12" s="6">
        <v>10</v>
      </c>
      <c r="D12" s="5">
        <v>17</v>
      </c>
    </row>
    <row r="13" spans="1:4" ht="18" customHeight="1" x14ac:dyDescent="0.15">
      <c r="A13" s="8">
        <v>7</v>
      </c>
      <c r="B13" s="21">
        <v>14</v>
      </c>
      <c r="C13" s="6">
        <v>6</v>
      </c>
      <c r="D13" s="5">
        <v>20</v>
      </c>
    </row>
    <row r="14" spans="1:4" ht="18" customHeight="1" x14ac:dyDescent="0.15">
      <c r="A14" s="8">
        <v>8</v>
      </c>
      <c r="B14" s="21">
        <v>8</v>
      </c>
      <c r="C14" s="6">
        <v>8</v>
      </c>
      <c r="D14" s="5">
        <v>16</v>
      </c>
    </row>
    <row r="15" spans="1:4" ht="18" customHeight="1" x14ac:dyDescent="0.15">
      <c r="A15" s="8">
        <v>9</v>
      </c>
      <c r="B15" s="21">
        <v>8</v>
      </c>
      <c r="C15" s="6">
        <v>13</v>
      </c>
      <c r="D15" s="5">
        <v>21</v>
      </c>
    </row>
    <row r="16" spans="1:4" ht="18" customHeight="1" x14ac:dyDescent="0.15">
      <c r="A16" s="8" t="s">
        <v>24</v>
      </c>
      <c r="B16" s="21">
        <v>47</v>
      </c>
      <c r="C16" s="6">
        <v>45</v>
      </c>
      <c r="D16" s="5">
        <v>92</v>
      </c>
    </row>
    <row r="17" spans="1:4" ht="18" customHeight="1" x14ac:dyDescent="0.15">
      <c r="A17" s="8">
        <v>10</v>
      </c>
      <c r="B17" s="21">
        <v>20</v>
      </c>
      <c r="C17" s="6">
        <v>10</v>
      </c>
      <c r="D17" s="5">
        <v>30</v>
      </c>
    </row>
    <row r="18" spans="1:4" ht="18" customHeight="1" x14ac:dyDescent="0.15">
      <c r="A18" s="8">
        <v>11</v>
      </c>
      <c r="B18" s="21">
        <v>8</v>
      </c>
      <c r="C18" s="6">
        <v>11</v>
      </c>
      <c r="D18" s="5">
        <v>19</v>
      </c>
    </row>
    <row r="19" spans="1:4" ht="18" customHeight="1" x14ac:dyDescent="0.15">
      <c r="A19" s="8">
        <v>12</v>
      </c>
      <c r="B19" s="21">
        <v>10</v>
      </c>
      <c r="C19" s="6">
        <v>10</v>
      </c>
      <c r="D19" s="5">
        <v>20</v>
      </c>
    </row>
    <row r="20" spans="1:4" ht="18" customHeight="1" x14ac:dyDescent="0.15">
      <c r="A20" s="8">
        <v>13</v>
      </c>
      <c r="B20" s="21">
        <v>9</v>
      </c>
      <c r="C20" s="6">
        <v>10</v>
      </c>
      <c r="D20" s="5">
        <v>19</v>
      </c>
    </row>
    <row r="21" spans="1:4" ht="18" customHeight="1" x14ac:dyDescent="0.15">
      <c r="A21" s="8">
        <v>14</v>
      </c>
      <c r="B21" s="21">
        <v>17</v>
      </c>
      <c r="C21" s="6">
        <v>15</v>
      </c>
      <c r="D21" s="5">
        <v>32</v>
      </c>
    </row>
    <row r="22" spans="1:4" ht="18" customHeight="1" x14ac:dyDescent="0.15">
      <c r="A22" s="8" t="s">
        <v>23</v>
      </c>
      <c r="B22" s="21">
        <v>64</v>
      </c>
      <c r="C22" s="6">
        <v>56</v>
      </c>
      <c r="D22" s="5">
        <v>120</v>
      </c>
    </row>
    <row r="23" spans="1:4" ht="18" customHeight="1" x14ac:dyDescent="0.15">
      <c r="A23" s="8" t="s">
        <v>22</v>
      </c>
      <c r="B23" s="21">
        <v>156</v>
      </c>
      <c r="C23" s="6">
        <v>151</v>
      </c>
      <c r="D23" s="5">
        <v>307</v>
      </c>
    </row>
    <row r="24" spans="1:4" ht="18" customHeight="1" x14ac:dyDescent="0.15">
      <c r="A24" s="8">
        <v>15</v>
      </c>
      <c r="B24" s="21">
        <v>14</v>
      </c>
      <c r="C24" s="6">
        <v>5</v>
      </c>
      <c r="D24" s="5">
        <v>19</v>
      </c>
    </row>
    <row r="25" spans="1:4" ht="18" customHeight="1" x14ac:dyDescent="0.15">
      <c r="A25" s="8">
        <v>16</v>
      </c>
      <c r="B25" s="21">
        <v>10</v>
      </c>
      <c r="C25" s="6">
        <v>14</v>
      </c>
      <c r="D25" s="5">
        <v>24</v>
      </c>
    </row>
    <row r="26" spans="1:4" ht="18" customHeight="1" x14ac:dyDescent="0.15">
      <c r="A26" s="8">
        <v>17</v>
      </c>
      <c r="B26" s="21">
        <v>14</v>
      </c>
      <c r="C26" s="6">
        <v>20</v>
      </c>
      <c r="D26" s="5">
        <v>34</v>
      </c>
    </row>
    <row r="27" spans="1:4" ht="18" customHeight="1" x14ac:dyDescent="0.15">
      <c r="A27" s="8">
        <v>18</v>
      </c>
      <c r="B27" s="21">
        <v>15</v>
      </c>
      <c r="C27" s="6">
        <v>10</v>
      </c>
      <c r="D27" s="5">
        <v>25</v>
      </c>
    </row>
    <row r="28" spans="1:4" ht="18" customHeight="1" x14ac:dyDescent="0.15">
      <c r="A28" s="8">
        <v>19</v>
      </c>
      <c r="B28" s="21">
        <v>16</v>
      </c>
      <c r="C28" s="6">
        <v>10</v>
      </c>
      <c r="D28" s="5">
        <v>26</v>
      </c>
    </row>
    <row r="29" spans="1:4" ht="18" customHeight="1" x14ac:dyDescent="0.15">
      <c r="A29" s="8" t="s">
        <v>21</v>
      </c>
      <c r="B29" s="21">
        <v>69</v>
      </c>
      <c r="C29" s="6">
        <v>59</v>
      </c>
      <c r="D29" s="5">
        <v>128</v>
      </c>
    </row>
    <row r="30" spans="1:4" ht="18" customHeight="1" x14ac:dyDescent="0.15">
      <c r="A30" s="8">
        <v>20</v>
      </c>
      <c r="B30" s="21">
        <v>20</v>
      </c>
      <c r="C30" s="6">
        <v>13</v>
      </c>
      <c r="D30" s="5">
        <v>33</v>
      </c>
    </row>
    <row r="31" spans="1:4" ht="18" customHeight="1" x14ac:dyDescent="0.15">
      <c r="A31" s="8">
        <v>21</v>
      </c>
      <c r="B31" s="21">
        <v>10</v>
      </c>
      <c r="C31" s="6">
        <v>16</v>
      </c>
      <c r="D31" s="5">
        <v>26</v>
      </c>
    </row>
    <row r="32" spans="1:4" ht="18" customHeight="1" x14ac:dyDescent="0.15">
      <c r="A32" s="8">
        <v>22</v>
      </c>
      <c r="B32" s="21">
        <v>18</v>
      </c>
      <c r="C32" s="6">
        <v>17</v>
      </c>
      <c r="D32" s="5">
        <v>35</v>
      </c>
    </row>
    <row r="33" spans="1:4" ht="18" customHeight="1" x14ac:dyDescent="0.15">
      <c r="A33" s="8">
        <v>23</v>
      </c>
      <c r="B33" s="21">
        <v>15</v>
      </c>
      <c r="C33" s="6">
        <v>17</v>
      </c>
      <c r="D33" s="5">
        <v>32</v>
      </c>
    </row>
    <row r="34" spans="1:4" ht="18" customHeight="1" x14ac:dyDescent="0.15">
      <c r="A34" s="8">
        <v>24</v>
      </c>
      <c r="B34" s="21">
        <v>17</v>
      </c>
      <c r="C34" s="6">
        <v>15</v>
      </c>
      <c r="D34" s="5">
        <v>32</v>
      </c>
    </row>
    <row r="35" spans="1:4" ht="18" customHeight="1" x14ac:dyDescent="0.15">
      <c r="A35" s="8" t="s">
        <v>20</v>
      </c>
      <c r="B35" s="21">
        <v>80</v>
      </c>
      <c r="C35" s="6">
        <v>78</v>
      </c>
      <c r="D35" s="5">
        <v>158</v>
      </c>
    </row>
    <row r="36" spans="1:4" ht="18" customHeight="1" x14ac:dyDescent="0.15">
      <c r="A36" s="8">
        <v>25</v>
      </c>
      <c r="B36" s="21">
        <v>18</v>
      </c>
      <c r="C36" s="6">
        <v>17</v>
      </c>
      <c r="D36" s="5">
        <v>35</v>
      </c>
    </row>
    <row r="37" spans="1:4" ht="18" customHeight="1" x14ac:dyDescent="0.15">
      <c r="A37" s="8">
        <v>26</v>
      </c>
      <c r="B37" s="21">
        <v>19</v>
      </c>
      <c r="C37" s="6">
        <v>11</v>
      </c>
      <c r="D37" s="5">
        <v>30</v>
      </c>
    </row>
    <row r="38" spans="1:4" ht="18" customHeight="1" x14ac:dyDescent="0.15">
      <c r="A38" s="8">
        <v>27</v>
      </c>
      <c r="B38" s="21">
        <v>15</v>
      </c>
      <c r="C38" s="6">
        <v>10</v>
      </c>
      <c r="D38" s="5">
        <v>25</v>
      </c>
    </row>
    <row r="39" spans="1:4" ht="18" customHeight="1" x14ac:dyDescent="0.15">
      <c r="A39" s="8">
        <v>28</v>
      </c>
      <c r="B39" s="21">
        <v>20</v>
      </c>
      <c r="C39" s="6">
        <v>14</v>
      </c>
      <c r="D39" s="5">
        <v>34</v>
      </c>
    </row>
    <row r="40" spans="1:4" ht="18" customHeight="1" x14ac:dyDescent="0.15">
      <c r="A40" s="8">
        <v>29</v>
      </c>
      <c r="B40" s="21">
        <v>14</v>
      </c>
      <c r="C40" s="6">
        <v>13</v>
      </c>
      <c r="D40" s="5">
        <v>27</v>
      </c>
    </row>
    <row r="41" spans="1:4" ht="18" customHeight="1" x14ac:dyDescent="0.15">
      <c r="A41" s="8" t="s">
        <v>19</v>
      </c>
      <c r="B41" s="21">
        <v>86</v>
      </c>
      <c r="C41" s="6">
        <v>65</v>
      </c>
      <c r="D41" s="5">
        <v>151</v>
      </c>
    </row>
    <row r="42" spans="1:4" ht="18" customHeight="1" x14ac:dyDescent="0.15">
      <c r="A42" s="8">
        <v>30</v>
      </c>
      <c r="B42" s="21">
        <v>18</v>
      </c>
      <c r="C42" s="6">
        <v>12</v>
      </c>
      <c r="D42" s="5">
        <v>30</v>
      </c>
    </row>
    <row r="43" spans="1:4" ht="18" customHeight="1" x14ac:dyDescent="0.15">
      <c r="A43" s="8">
        <v>31</v>
      </c>
      <c r="B43" s="21">
        <v>13</v>
      </c>
      <c r="C43" s="6">
        <v>18</v>
      </c>
      <c r="D43" s="5">
        <v>31</v>
      </c>
    </row>
    <row r="44" spans="1:4" ht="18" customHeight="1" x14ac:dyDescent="0.15">
      <c r="A44" s="8">
        <v>32</v>
      </c>
      <c r="B44" s="21">
        <v>14</v>
      </c>
      <c r="C44" s="6">
        <v>14</v>
      </c>
      <c r="D44" s="5">
        <v>28</v>
      </c>
    </row>
    <row r="45" spans="1:4" ht="18" customHeight="1" x14ac:dyDescent="0.15">
      <c r="A45" s="8">
        <v>33</v>
      </c>
      <c r="B45" s="21">
        <v>17</v>
      </c>
      <c r="C45" s="6">
        <v>15</v>
      </c>
      <c r="D45" s="5">
        <v>32</v>
      </c>
    </row>
    <row r="46" spans="1:4" ht="18" customHeight="1" x14ac:dyDescent="0.15">
      <c r="A46" s="8">
        <v>34</v>
      </c>
      <c r="B46" s="21">
        <v>13</v>
      </c>
      <c r="C46" s="6">
        <v>23</v>
      </c>
      <c r="D46" s="5">
        <v>36</v>
      </c>
    </row>
    <row r="47" spans="1:4" ht="18" customHeight="1" x14ac:dyDescent="0.15">
      <c r="A47" s="8" t="s">
        <v>18</v>
      </c>
      <c r="B47" s="21">
        <v>75</v>
      </c>
      <c r="C47" s="6">
        <v>82</v>
      </c>
      <c r="D47" s="5">
        <v>157</v>
      </c>
    </row>
    <row r="48" spans="1:4" ht="18" customHeight="1" x14ac:dyDescent="0.15">
      <c r="A48" s="8">
        <v>35</v>
      </c>
      <c r="B48" s="21">
        <v>11</v>
      </c>
      <c r="C48" s="6">
        <v>16</v>
      </c>
      <c r="D48" s="5">
        <v>27</v>
      </c>
    </row>
    <row r="49" spans="1:4" ht="18" customHeight="1" x14ac:dyDescent="0.15">
      <c r="A49" s="8">
        <v>36</v>
      </c>
      <c r="B49" s="21">
        <v>18</v>
      </c>
      <c r="C49" s="6">
        <v>10</v>
      </c>
      <c r="D49" s="5">
        <v>28</v>
      </c>
    </row>
    <row r="50" spans="1:4" ht="18" customHeight="1" x14ac:dyDescent="0.15">
      <c r="A50" s="8">
        <v>37</v>
      </c>
      <c r="B50" s="21">
        <v>21</v>
      </c>
      <c r="C50" s="6">
        <v>21</v>
      </c>
      <c r="D50" s="5">
        <v>42</v>
      </c>
    </row>
    <row r="51" spans="1:4" ht="18" customHeight="1" x14ac:dyDescent="0.15">
      <c r="A51" s="8">
        <v>38</v>
      </c>
      <c r="B51" s="21">
        <v>12</v>
      </c>
      <c r="C51" s="6">
        <v>16</v>
      </c>
      <c r="D51" s="5">
        <v>28</v>
      </c>
    </row>
    <row r="52" spans="1:4" ht="18" customHeight="1" x14ac:dyDescent="0.15">
      <c r="A52" s="8">
        <v>39</v>
      </c>
      <c r="B52" s="21">
        <v>24</v>
      </c>
      <c r="C52" s="6">
        <v>18</v>
      </c>
      <c r="D52" s="5">
        <v>42</v>
      </c>
    </row>
    <row r="53" spans="1:4" ht="18" customHeight="1" x14ac:dyDescent="0.15">
      <c r="A53" s="8" t="s">
        <v>17</v>
      </c>
      <c r="B53" s="21">
        <v>86</v>
      </c>
      <c r="C53" s="6">
        <v>81</v>
      </c>
      <c r="D53" s="5">
        <v>167</v>
      </c>
    </row>
    <row r="54" spans="1:4" ht="18" customHeight="1" x14ac:dyDescent="0.15">
      <c r="A54" s="8">
        <v>40</v>
      </c>
      <c r="B54" s="21">
        <v>20</v>
      </c>
      <c r="C54" s="6">
        <v>12</v>
      </c>
      <c r="D54" s="5">
        <v>32</v>
      </c>
    </row>
    <row r="55" spans="1:4" ht="18" customHeight="1" x14ac:dyDescent="0.15">
      <c r="A55" s="8">
        <v>41</v>
      </c>
      <c r="B55" s="21">
        <v>21</v>
      </c>
      <c r="C55" s="6">
        <v>12</v>
      </c>
      <c r="D55" s="5">
        <v>33</v>
      </c>
    </row>
    <row r="56" spans="1:4" ht="18" customHeight="1" x14ac:dyDescent="0.15">
      <c r="A56" s="8">
        <v>42</v>
      </c>
      <c r="B56" s="21">
        <v>28</v>
      </c>
      <c r="C56" s="6">
        <v>15</v>
      </c>
      <c r="D56" s="5">
        <v>43</v>
      </c>
    </row>
    <row r="57" spans="1:4" ht="18" customHeight="1" x14ac:dyDescent="0.15">
      <c r="A57" s="8">
        <v>43</v>
      </c>
      <c r="B57" s="21">
        <v>15</v>
      </c>
      <c r="C57" s="6">
        <v>20</v>
      </c>
      <c r="D57" s="5">
        <v>35</v>
      </c>
    </row>
    <row r="58" spans="1:4" ht="18" customHeight="1" x14ac:dyDescent="0.15">
      <c r="A58" s="8">
        <v>44</v>
      </c>
      <c r="B58" s="21">
        <v>19</v>
      </c>
      <c r="C58" s="6">
        <v>14</v>
      </c>
      <c r="D58" s="5">
        <v>33</v>
      </c>
    </row>
    <row r="59" spans="1:4" ht="18" customHeight="1" x14ac:dyDescent="0.15">
      <c r="A59" s="8" t="s">
        <v>16</v>
      </c>
      <c r="B59" s="21">
        <v>103</v>
      </c>
      <c r="C59" s="6">
        <v>73</v>
      </c>
      <c r="D59" s="5">
        <v>176</v>
      </c>
    </row>
    <row r="60" spans="1:4" ht="18" customHeight="1" x14ac:dyDescent="0.15">
      <c r="A60" s="8">
        <v>45</v>
      </c>
      <c r="B60" s="21">
        <v>29</v>
      </c>
      <c r="C60" s="6">
        <v>12</v>
      </c>
      <c r="D60" s="5">
        <v>41</v>
      </c>
    </row>
    <row r="61" spans="1:4" ht="18" customHeight="1" x14ac:dyDescent="0.15">
      <c r="A61" s="8">
        <v>46</v>
      </c>
      <c r="B61" s="21">
        <v>20</v>
      </c>
      <c r="C61" s="6">
        <v>15</v>
      </c>
      <c r="D61" s="5">
        <v>35</v>
      </c>
    </row>
    <row r="62" spans="1:4" ht="18" customHeight="1" x14ac:dyDescent="0.15">
      <c r="A62" s="8">
        <v>47</v>
      </c>
      <c r="B62" s="21">
        <v>22</v>
      </c>
      <c r="C62" s="6">
        <v>19</v>
      </c>
      <c r="D62" s="5">
        <v>41</v>
      </c>
    </row>
    <row r="63" spans="1:4" ht="18" customHeight="1" x14ac:dyDescent="0.15">
      <c r="A63" s="8">
        <v>48</v>
      </c>
      <c r="B63" s="21">
        <v>33</v>
      </c>
      <c r="C63" s="6">
        <v>19</v>
      </c>
      <c r="D63" s="5">
        <v>52</v>
      </c>
    </row>
    <row r="64" spans="1:4" ht="18" customHeight="1" x14ac:dyDescent="0.15">
      <c r="A64" s="8">
        <v>49</v>
      </c>
      <c r="B64" s="21">
        <v>29</v>
      </c>
      <c r="C64" s="6">
        <v>27</v>
      </c>
      <c r="D64" s="5">
        <v>56</v>
      </c>
    </row>
    <row r="65" spans="1:4" ht="18" customHeight="1" x14ac:dyDescent="0.15">
      <c r="A65" s="8" t="s">
        <v>15</v>
      </c>
      <c r="B65" s="21">
        <v>133</v>
      </c>
      <c r="C65" s="6">
        <v>92</v>
      </c>
      <c r="D65" s="5">
        <v>225</v>
      </c>
    </row>
    <row r="66" spans="1:4" ht="18" customHeight="1" x14ac:dyDescent="0.15">
      <c r="A66" s="8">
        <v>50</v>
      </c>
      <c r="B66" s="21">
        <v>39</v>
      </c>
      <c r="C66" s="6">
        <v>20</v>
      </c>
      <c r="D66" s="5">
        <v>59</v>
      </c>
    </row>
    <row r="67" spans="1:4" ht="18" customHeight="1" x14ac:dyDescent="0.15">
      <c r="A67" s="8">
        <v>51</v>
      </c>
      <c r="B67" s="21">
        <v>35</v>
      </c>
      <c r="C67" s="6">
        <v>28</v>
      </c>
      <c r="D67" s="5">
        <v>63</v>
      </c>
    </row>
    <row r="68" spans="1:4" ht="18" customHeight="1" x14ac:dyDescent="0.15">
      <c r="A68" s="8">
        <v>52</v>
      </c>
      <c r="B68" s="21">
        <v>35</v>
      </c>
      <c r="C68" s="6">
        <v>28</v>
      </c>
      <c r="D68" s="5">
        <v>63</v>
      </c>
    </row>
    <row r="69" spans="1:4" ht="18" customHeight="1" x14ac:dyDescent="0.15">
      <c r="A69" s="8">
        <v>53</v>
      </c>
      <c r="B69" s="21">
        <v>23</v>
      </c>
      <c r="C69" s="6">
        <v>19</v>
      </c>
      <c r="D69" s="5">
        <v>42</v>
      </c>
    </row>
    <row r="70" spans="1:4" ht="18" customHeight="1" x14ac:dyDescent="0.15">
      <c r="A70" s="8">
        <v>54</v>
      </c>
      <c r="B70" s="21">
        <v>34</v>
      </c>
      <c r="C70" s="6">
        <v>24</v>
      </c>
      <c r="D70" s="5">
        <v>58</v>
      </c>
    </row>
    <row r="71" spans="1:4" ht="18" customHeight="1" x14ac:dyDescent="0.15">
      <c r="A71" s="8" t="s">
        <v>14</v>
      </c>
      <c r="B71" s="21">
        <v>166</v>
      </c>
      <c r="C71" s="6">
        <v>119</v>
      </c>
      <c r="D71" s="5">
        <v>285</v>
      </c>
    </row>
    <row r="72" spans="1:4" ht="18" customHeight="1" x14ac:dyDescent="0.15">
      <c r="A72" s="8">
        <v>55</v>
      </c>
      <c r="B72" s="21">
        <v>28</v>
      </c>
      <c r="C72" s="6">
        <v>26</v>
      </c>
      <c r="D72" s="5">
        <v>54</v>
      </c>
    </row>
    <row r="73" spans="1:4" ht="18" customHeight="1" x14ac:dyDescent="0.15">
      <c r="A73" s="8">
        <v>56</v>
      </c>
      <c r="B73" s="21">
        <v>28</v>
      </c>
      <c r="C73" s="6">
        <v>15</v>
      </c>
      <c r="D73" s="5">
        <v>43</v>
      </c>
    </row>
    <row r="74" spans="1:4" ht="18" customHeight="1" x14ac:dyDescent="0.15">
      <c r="A74" s="8">
        <v>57</v>
      </c>
      <c r="B74" s="21">
        <v>17</v>
      </c>
      <c r="C74" s="6">
        <v>22</v>
      </c>
      <c r="D74" s="5">
        <v>39</v>
      </c>
    </row>
    <row r="75" spans="1:4" ht="18" customHeight="1" x14ac:dyDescent="0.15">
      <c r="A75" s="8">
        <v>58</v>
      </c>
      <c r="B75" s="21">
        <v>28</v>
      </c>
      <c r="C75" s="6">
        <v>22</v>
      </c>
      <c r="D75" s="5">
        <v>50</v>
      </c>
    </row>
    <row r="76" spans="1:4" ht="18" customHeight="1" x14ac:dyDescent="0.15">
      <c r="A76" s="8">
        <v>59</v>
      </c>
      <c r="B76" s="21">
        <v>9</v>
      </c>
      <c r="C76" s="6">
        <v>14</v>
      </c>
      <c r="D76" s="5">
        <v>23</v>
      </c>
    </row>
    <row r="77" spans="1:4" ht="18" customHeight="1" x14ac:dyDescent="0.15">
      <c r="A77" s="8" t="s">
        <v>13</v>
      </c>
      <c r="B77" s="21">
        <v>110</v>
      </c>
      <c r="C77" s="6">
        <v>99</v>
      </c>
      <c r="D77" s="5">
        <v>209</v>
      </c>
    </row>
    <row r="78" spans="1:4" ht="18" customHeight="1" x14ac:dyDescent="0.15">
      <c r="A78" s="8">
        <v>60</v>
      </c>
      <c r="B78" s="21">
        <v>26</v>
      </c>
      <c r="C78" s="6">
        <v>24</v>
      </c>
      <c r="D78" s="5">
        <v>50</v>
      </c>
    </row>
    <row r="79" spans="1:4" ht="18" customHeight="1" x14ac:dyDescent="0.15">
      <c r="A79" s="8">
        <v>61</v>
      </c>
      <c r="B79" s="21">
        <v>25</v>
      </c>
      <c r="C79" s="6">
        <v>24</v>
      </c>
      <c r="D79" s="5">
        <v>49</v>
      </c>
    </row>
    <row r="80" spans="1:4" ht="18" customHeight="1" x14ac:dyDescent="0.15">
      <c r="A80" s="8">
        <v>62</v>
      </c>
      <c r="B80" s="21">
        <v>27</v>
      </c>
      <c r="C80" s="6">
        <v>18</v>
      </c>
      <c r="D80" s="5">
        <v>45</v>
      </c>
    </row>
    <row r="81" spans="1:4" ht="18" customHeight="1" x14ac:dyDescent="0.15">
      <c r="A81" s="8">
        <v>63</v>
      </c>
      <c r="B81" s="21">
        <v>25</v>
      </c>
      <c r="C81" s="6">
        <v>32</v>
      </c>
      <c r="D81" s="5">
        <v>57</v>
      </c>
    </row>
    <row r="82" spans="1:4" ht="18" customHeight="1" x14ac:dyDescent="0.15">
      <c r="A82" s="8">
        <v>64</v>
      </c>
      <c r="B82" s="21">
        <v>25</v>
      </c>
      <c r="C82" s="6">
        <v>21</v>
      </c>
      <c r="D82" s="5">
        <v>46</v>
      </c>
    </row>
    <row r="83" spans="1:4" ht="18" customHeight="1" x14ac:dyDescent="0.15">
      <c r="A83" s="8" t="s">
        <v>12</v>
      </c>
      <c r="B83" s="21">
        <v>128</v>
      </c>
      <c r="C83" s="6">
        <v>119</v>
      </c>
      <c r="D83" s="5">
        <v>247</v>
      </c>
    </row>
    <row r="84" spans="1:4" ht="18" customHeight="1" x14ac:dyDescent="0.15">
      <c r="A84" s="8" t="s">
        <v>11</v>
      </c>
      <c r="B84" s="21">
        <v>1036</v>
      </c>
      <c r="C84" s="6">
        <v>867</v>
      </c>
      <c r="D84" s="5">
        <v>1903</v>
      </c>
    </row>
    <row r="85" spans="1:4" ht="18" customHeight="1" x14ac:dyDescent="0.15">
      <c r="A85" s="8">
        <v>65</v>
      </c>
      <c r="B85" s="21">
        <v>24</v>
      </c>
      <c r="C85" s="6">
        <v>23</v>
      </c>
      <c r="D85" s="5">
        <v>47</v>
      </c>
    </row>
    <row r="86" spans="1:4" ht="18" customHeight="1" x14ac:dyDescent="0.15">
      <c r="A86" s="8">
        <v>66</v>
      </c>
      <c r="B86" s="21">
        <v>28</v>
      </c>
      <c r="C86" s="6">
        <v>23</v>
      </c>
      <c r="D86" s="5">
        <v>51</v>
      </c>
    </row>
    <row r="87" spans="1:4" ht="18" customHeight="1" x14ac:dyDescent="0.15">
      <c r="A87" s="8">
        <v>67</v>
      </c>
      <c r="B87" s="21">
        <v>19</v>
      </c>
      <c r="C87" s="6">
        <v>28</v>
      </c>
      <c r="D87" s="5">
        <v>47</v>
      </c>
    </row>
    <row r="88" spans="1:4" ht="18" customHeight="1" x14ac:dyDescent="0.15">
      <c r="A88" s="8">
        <v>68</v>
      </c>
      <c r="B88" s="21">
        <v>26</v>
      </c>
      <c r="C88" s="6">
        <v>25</v>
      </c>
      <c r="D88" s="5">
        <v>51</v>
      </c>
    </row>
    <row r="89" spans="1:4" ht="18" customHeight="1" x14ac:dyDescent="0.15">
      <c r="A89" s="8">
        <v>69</v>
      </c>
      <c r="B89" s="21">
        <v>24</v>
      </c>
      <c r="C89" s="6">
        <v>35</v>
      </c>
      <c r="D89" s="5">
        <v>59</v>
      </c>
    </row>
    <row r="90" spans="1:4" ht="18" customHeight="1" x14ac:dyDescent="0.15">
      <c r="A90" s="8" t="s">
        <v>10</v>
      </c>
      <c r="B90" s="21">
        <v>121</v>
      </c>
      <c r="C90" s="6">
        <v>134</v>
      </c>
      <c r="D90" s="5">
        <v>255</v>
      </c>
    </row>
    <row r="91" spans="1:4" ht="18" customHeight="1" x14ac:dyDescent="0.15">
      <c r="A91" s="8">
        <v>70</v>
      </c>
      <c r="B91" s="21">
        <v>25</v>
      </c>
      <c r="C91" s="6">
        <v>30</v>
      </c>
      <c r="D91" s="5">
        <v>55</v>
      </c>
    </row>
    <row r="92" spans="1:4" ht="18" customHeight="1" x14ac:dyDescent="0.15">
      <c r="A92" s="8">
        <v>71</v>
      </c>
      <c r="B92" s="21">
        <v>32</v>
      </c>
      <c r="C92" s="6">
        <v>30</v>
      </c>
      <c r="D92" s="5">
        <v>62</v>
      </c>
    </row>
    <row r="93" spans="1:4" ht="18" customHeight="1" x14ac:dyDescent="0.15">
      <c r="A93" s="8">
        <v>72</v>
      </c>
      <c r="B93" s="21">
        <v>22</v>
      </c>
      <c r="C93" s="6">
        <v>31</v>
      </c>
      <c r="D93" s="5">
        <v>53</v>
      </c>
    </row>
    <row r="94" spans="1:4" ht="18" customHeight="1" x14ac:dyDescent="0.15">
      <c r="A94" s="8">
        <v>73</v>
      </c>
      <c r="B94" s="21">
        <v>23</v>
      </c>
      <c r="C94" s="6">
        <v>30</v>
      </c>
      <c r="D94" s="5">
        <v>53</v>
      </c>
    </row>
    <row r="95" spans="1:4" ht="18" customHeight="1" x14ac:dyDescent="0.15">
      <c r="A95" s="8">
        <v>74</v>
      </c>
      <c r="B95" s="21">
        <v>32</v>
      </c>
      <c r="C95" s="6">
        <v>26</v>
      </c>
      <c r="D95" s="5">
        <v>58</v>
      </c>
    </row>
    <row r="96" spans="1:4" ht="18" customHeight="1" x14ac:dyDescent="0.15">
      <c r="A96" s="8" t="s">
        <v>9</v>
      </c>
      <c r="B96" s="21">
        <v>134</v>
      </c>
      <c r="C96" s="6">
        <v>147</v>
      </c>
      <c r="D96" s="5">
        <v>281</v>
      </c>
    </row>
    <row r="97" spans="1:4" ht="18" customHeight="1" x14ac:dyDescent="0.15">
      <c r="A97" s="8">
        <v>75</v>
      </c>
      <c r="B97" s="21">
        <v>38</v>
      </c>
      <c r="C97" s="6">
        <v>38</v>
      </c>
      <c r="D97" s="5">
        <v>76</v>
      </c>
    </row>
    <row r="98" spans="1:4" ht="18" customHeight="1" x14ac:dyDescent="0.15">
      <c r="A98" s="8">
        <v>76</v>
      </c>
      <c r="B98" s="21">
        <v>51</v>
      </c>
      <c r="C98" s="6">
        <v>54</v>
      </c>
      <c r="D98" s="5">
        <v>105</v>
      </c>
    </row>
    <row r="99" spans="1:4" ht="18" customHeight="1" x14ac:dyDescent="0.15">
      <c r="A99" s="8">
        <v>77</v>
      </c>
      <c r="B99" s="21">
        <v>37</v>
      </c>
      <c r="C99" s="6">
        <v>44</v>
      </c>
      <c r="D99" s="5">
        <v>81</v>
      </c>
    </row>
    <row r="100" spans="1:4" ht="18" customHeight="1" x14ac:dyDescent="0.15">
      <c r="A100" s="8">
        <v>78</v>
      </c>
      <c r="B100" s="21">
        <v>42</v>
      </c>
      <c r="C100" s="6">
        <v>53</v>
      </c>
      <c r="D100" s="5">
        <v>95</v>
      </c>
    </row>
    <row r="101" spans="1:4" ht="18" customHeight="1" x14ac:dyDescent="0.15">
      <c r="A101" s="8">
        <v>79</v>
      </c>
      <c r="B101" s="21">
        <v>25</v>
      </c>
      <c r="C101" s="6">
        <v>25</v>
      </c>
      <c r="D101" s="5">
        <v>50</v>
      </c>
    </row>
    <row r="102" spans="1:4" ht="18" customHeight="1" x14ac:dyDescent="0.15">
      <c r="A102" s="8" t="s">
        <v>8</v>
      </c>
      <c r="B102" s="21">
        <v>193</v>
      </c>
      <c r="C102" s="6">
        <v>214</v>
      </c>
      <c r="D102" s="5">
        <v>407</v>
      </c>
    </row>
    <row r="103" spans="1:4" ht="18" customHeight="1" x14ac:dyDescent="0.15">
      <c r="A103" s="8">
        <v>80</v>
      </c>
      <c r="B103" s="21">
        <v>19</v>
      </c>
      <c r="C103" s="6">
        <v>16</v>
      </c>
      <c r="D103" s="5">
        <v>35</v>
      </c>
    </row>
    <row r="104" spans="1:4" ht="18" customHeight="1" x14ac:dyDescent="0.15">
      <c r="A104" s="8">
        <v>81</v>
      </c>
      <c r="B104" s="21">
        <v>17</v>
      </c>
      <c r="C104" s="6">
        <v>26</v>
      </c>
      <c r="D104" s="5">
        <v>43</v>
      </c>
    </row>
    <row r="105" spans="1:4" ht="18" customHeight="1" x14ac:dyDescent="0.15">
      <c r="A105" s="8">
        <v>82</v>
      </c>
      <c r="B105" s="21">
        <v>19</v>
      </c>
      <c r="C105" s="6">
        <v>35</v>
      </c>
      <c r="D105" s="5">
        <v>54</v>
      </c>
    </row>
    <row r="106" spans="1:4" ht="18" customHeight="1" x14ac:dyDescent="0.15">
      <c r="A106" s="8">
        <v>83</v>
      </c>
      <c r="B106" s="21">
        <v>29</v>
      </c>
      <c r="C106" s="6">
        <v>36</v>
      </c>
      <c r="D106" s="5">
        <v>65</v>
      </c>
    </row>
    <row r="107" spans="1:4" ht="18" customHeight="1" x14ac:dyDescent="0.15">
      <c r="A107" s="8">
        <v>84</v>
      </c>
      <c r="B107" s="21">
        <v>17</v>
      </c>
      <c r="C107" s="6">
        <v>29</v>
      </c>
      <c r="D107" s="5">
        <v>46</v>
      </c>
    </row>
    <row r="108" spans="1:4" ht="18" customHeight="1" x14ac:dyDescent="0.15">
      <c r="A108" s="8" t="s">
        <v>7</v>
      </c>
      <c r="B108" s="21">
        <v>101</v>
      </c>
      <c r="C108" s="6">
        <v>142</v>
      </c>
      <c r="D108" s="5">
        <v>243</v>
      </c>
    </row>
    <row r="109" spans="1:4" ht="18" customHeight="1" x14ac:dyDescent="0.15">
      <c r="A109" s="8">
        <v>85</v>
      </c>
      <c r="B109" s="21">
        <v>17</v>
      </c>
      <c r="C109" s="6">
        <v>34</v>
      </c>
      <c r="D109" s="5">
        <v>51</v>
      </c>
    </row>
    <row r="110" spans="1:4" ht="18" customHeight="1" x14ac:dyDescent="0.15">
      <c r="A110" s="8">
        <v>86</v>
      </c>
      <c r="B110" s="21">
        <v>6</v>
      </c>
      <c r="C110" s="6">
        <v>14</v>
      </c>
      <c r="D110" s="5">
        <v>20</v>
      </c>
    </row>
    <row r="111" spans="1:4" ht="18" customHeight="1" x14ac:dyDescent="0.15">
      <c r="A111" s="8">
        <v>87</v>
      </c>
      <c r="B111" s="21">
        <v>8</v>
      </c>
      <c r="C111" s="6">
        <v>27</v>
      </c>
      <c r="D111" s="5">
        <v>35</v>
      </c>
    </row>
    <row r="112" spans="1:4" ht="18" customHeight="1" x14ac:dyDescent="0.15">
      <c r="A112" s="8">
        <v>88</v>
      </c>
      <c r="B112" s="21">
        <v>8</v>
      </c>
      <c r="C112" s="6">
        <v>14</v>
      </c>
      <c r="D112" s="5">
        <v>22</v>
      </c>
    </row>
    <row r="113" spans="1:4" ht="18" customHeight="1" x14ac:dyDescent="0.15">
      <c r="A113" s="8">
        <v>89</v>
      </c>
      <c r="B113" s="21">
        <v>4</v>
      </c>
      <c r="C113" s="6">
        <v>13</v>
      </c>
      <c r="D113" s="5">
        <v>17</v>
      </c>
    </row>
    <row r="114" spans="1:4" ht="18" customHeight="1" x14ac:dyDescent="0.15">
      <c r="A114" s="8" t="s">
        <v>6</v>
      </c>
      <c r="B114" s="21">
        <v>43</v>
      </c>
      <c r="C114" s="6">
        <v>102</v>
      </c>
      <c r="D114" s="5">
        <v>145</v>
      </c>
    </row>
    <row r="115" spans="1:4" ht="18" customHeight="1" x14ac:dyDescent="0.15">
      <c r="A115" s="8">
        <v>90</v>
      </c>
      <c r="B115" s="21">
        <v>7</v>
      </c>
      <c r="C115" s="6">
        <v>14</v>
      </c>
      <c r="D115" s="5">
        <v>21</v>
      </c>
    </row>
    <row r="116" spans="1:4" ht="18" customHeight="1" x14ac:dyDescent="0.15">
      <c r="A116" s="8">
        <v>91</v>
      </c>
      <c r="B116" s="21">
        <v>8</v>
      </c>
      <c r="C116" s="6">
        <v>17</v>
      </c>
      <c r="D116" s="5">
        <v>25</v>
      </c>
    </row>
    <row r="117" spans="1:4" ht="18" customHeight="1" x14ac:dyDescent="0.15">
      <c r="A117" s="8">
        <v>92</v>
      </c>
      <c r="B117" s="21">
        <v>3</v>
      </c>
      <c r="C117" s="6">
        <v>17</v>
      </c>
      <c r="D117" s="5">
        <v>20</v>
      </c>
    </row>
    <row r="118" spans="1:4" ht="18" customHeight="1" x14ac:dyDescent="0.15">
      <c r="A118" s="8">
        <v>93</v>
      </c>
      <c r="B118" s="21">
        <v>1</v>
      </c>
      <c r="C118" s="6">
        <v>12</v>
      </c>
      <c r="D118" s="5">
        <v>13</v>
      </c>
    </row>
    <row r="119" spans="1:4" ht="18" customHeight="1" x14ac:dyDescent="0.15">
      <c r="A119" s="8">
        <v>94</v>
      </c>
      <c r="B119" s="21">
        <v>2</v>
      </c>
      <c r="C119" s="6">
        <v>5</v>
      </c>
      <c r="D119" s="5">
        <v>7</v>
      </c>
    </row>
    <row r="120" spans="1:4" ht="18" customHeight="1" x14ac:dyDescent="0.15">
      <c r="A120" s="8" t="s">
        <v>5</v>
      </c>
      <c r="B120" s="21">
        <v>21</v>
      </c>
      <c r="C120" s="6">
        <v>65</v>
      </c>
      <c r="D120" s="5">
        <v>86</v>
      </c>
    </row>
    <row r="121" spans="1:4" ht="18" customHeight="1" x14ac:dyDescent="0.15">
      <c r="A121" s="8">
        <v>95</v>
      </c>
      <c r="B121" s="21">
        <v>1</v>
      </c>
      <c r="C121" s="6">
        <v>13</v>
      </c>
      <c r="D121" s="5">
        <v>14</v>
      </c>
    </row>
    <row r="122" spans="1:4" ht="18" customHeight="1" x14ac:dyDescent="0.15">
      <c r="A122" s="8">
        <v>96</v>
      </c>
      <c r="B122" s="21">
        <v>0</v>
      </c>
      <c r="C122" s="6">
        <v>6</v>
      </c>
      <c r="D122" s="5">
        <v>6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25</v>
      </c>
      <c r="D126" s="5">
        <v>26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1</v>
      </c>
      <c r="C128" s="6">
        <v>2</v>
      </c>
      <c r="D128" s="5">
        <v>3</v>
      </c>
    </row>
    <row r="129" spans="1:4" ht="18" customHeight="1" x14ac:dyDescent="0.15">
      <c r="A129" s="8" t="s">
        <v>2</v>
      </c>
      <c r="B129" s="21">
        <v>1</v>
      </c>
      <c r="C129" s="6">
        <v>6</v>
      </c>
      <c r="D129" s="5">
        <v>7</v>
      </c>
    </row>
    <row r="130" spans="1:4" ht="18" customHeight="1" x14ac:dyDescent="0.15">
      <c r="A130" s="8" t="s">
        <v>1</v>
      </c>
      <c r="B130" s="21">
        <v>615</v>
      </c>
      <c r="C130" s="6">
        <v>835</v>
      </c>
      <c r="D130" s="5">
        <v>1450</v>
      </c>
    </row>
    <row r="131" spans="1:4" ht="18" customHeight="1" x14ac:dyDescent="0.15">
      <c r="A131" s="4" t="s">
        <v>0</v>
      </c>
      <c r="B131" s="20">
        <v>1807</v>
      </c>
      <c r="C131" s="2">
        <v>1853</v>
      </c>
      <c r="D131" s="1">
        <v>366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4CA06D-1902-4550-AB4D-948F4D46184A}">
  <sheetPr codeName="Sheet5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</v>
      </c>
      <c r="C5" s="11">
        <v>3</v>
      </c>
      <c r="D5" s="10">
        <v>4</v>
      </c>
    </row>
    <row r="6" spans="1:4" ht="18" customHeight="1" x14ac:dyDescent="0.15">
      <c r="A6" s="8">
        <v>1</v>
      </c>
      <c r="B6" s="21">
        <v>3</v>
      </c>
      <c r="C6" s="6">
        <v>0</v>
      </c>
      <c r="D6" s="5">
        <v>3</v>
      </c>
    </row>
    <row r="7" spans="1:4" ht="18" customHeight="1" x14ac:dyDescent="0.15">
      <c r="A7" s="8">
        <v>2</v>
      </c>
      <c r="B7" s="21">
        <v>1</v>
      </c>
      <c r="C7" s="6">
        <v>3</v>
      </c>
      <c r="D7" s="5">
        <v>4</v>
      </c>
    </row>
    <row r="8" spans="1:4" ht="18" customHeight="1" x14ac:dyDescent="0.15">
      <c r="A8" s="8">
        <v>3</v>
      </c>
      <c r="B8" s="21">
        <v>2</v>
      </c>
      <c r="C8" s="6">
        <v>4</v>
      </c>
      <c r="D8" s="5">
        <v>6</v>
      </c>
    </row>
    <row r="9" spans="1:4" ht="18" customHeight="1" x14ac:dyDescent="0.15">
      <c r="A9" s="8">
        <v>4</v>
      </c>
      <c r="B9" s="21">
        <v>3</v>
      </c>
      <c r="C9" s="6">
        <v>2</v>
      </c>
      <c r="D9" s="5">
        <v>5</v>
      </c>
    </row>
    <row r="10" spans="1:4" ht="18" customHeight="1" x14ac:dyDescent="0.15">
      <c r="A10" s="8" t="s">
        <v>25</v>
      </c>
      <c r="B10" s="21">
        <v>10</v>
      </c>
      <c r="C10" s="6">
        <v>12</v>
      </c>
      <c r="D10" s="5">
        <v>22</v>
      </c>
    </row>
    <row r="11" spans="1:4" ht="18" customHeight="1" x14ac:dyDescent="0.15">
      <c r="A11" s="8">
        <v>5</v>
      </c>
      <c r="B11" s="21">
        <v>3</v>
      </c>
      <c r="C11" s="6">
        <v>3</v>
      </c>
      <c r="D11" s="5">
        <v>6</v>
      </c>
    </row>
    <row r="12" spans="1:4" ht="18" customHeight="1" x14ac:dyDescent="0.15">
      <c r="A12" s="8">
        <v>6</v>
      </c>
      <c r="B12" s="21">
        <v>5</v>
      </c>
      <c r="C12" s="6">
        <v>7</v>
      </c>
      <c r="D12" s="5">
        <v>12</v>
      </c>
    </row>
    <row r="13" spans="1:4" ht="18" customHeight="1" x14ac:dyDescent="0.15">
      <c r="A13" s="8">
        <v>7</v>
      </c>
      <c r="B13" s="21">
        <v>1</v>
      </c>
      <c r="C13" s="6">
        <v>0</v>
      </c>
      <c r="D13" s="5">
        <v>1</v>
      </c>
    </row>
    <row r="14" spans="1:4" ht="18" customHeight="1" x14ac:dyDescent="0.15">
      <c r="A14" s="8">
        <v>8</v>
      </c>
      <c r="B14" s="21">
        <v>5</v>
      </c>
      <c r="C14" s="6">
        <v>10</v>
      </c>
      <c r="D14" s="5">
        <v>15</v>
      </c>
    </row>
    <row r="15" spans="1:4" ht="18" customHeight="1" x14ac:dyDescent="0.15">
      <c r="A15" s="8">
        <v>9</v>
      </c>
      <c r="B15" s="21">
        <v>3</v>
      </c>
      <c r="C15" s="6">
        <v>5</v>
      </c>
      <c r="D15" s="5">
        <v>8</v>
      </c>
    </row>
    <row r="16" spans="1:4" ht="18" customHeight="1" x14ac:dyDescent="0.15">
      <c r="A16" s="8" t="s">
        <v>24</v>
      </c>
      <c r="B16" s="21">
        <v>17</v>
      </c>
      <c r="C16" s="6">
        <v>25</v>
      </c>
      <c r="D16" s="5">
        <v>42</v>
      </c>
    </row>
    <row r="17" spans="1:4" ht="18" customHeight="1" x14ac:dyDescent="0.15">
      <c r="A17" s="8">
        <v>10</v>
      </c>
      <c r="B17" s="21">
        <v>5</v>
      </c>
      <c r="C17" s="6">
        <v>3</v>
      </c>
      <c r="D17" s="5">
        <v>8</v>
      </c>
    </row>
    <row r="18" spans="1:4" ht="18" customHeight="1" x14ac:dyDescent="0.15">
      <c r="A18" s="8">
        <v>11</v>
      </c>
      <c r="B18" s="21">
        <v>4</v>
      </c>
      <c r="C18" s="6">
        <v>4</v>
      </c>
      <c r="D18" s="5">
        <v>8</v>
      </c>
    </row>
    <row r="19" spans="1:4" ht="18" customHeight="1" x14ac:dyDescent="0.15">
      <c r="A19" s="8">
        <v>12</v>
      </c>
      <c r="B19" s="21">
        <v>3</v>
      </c>
      <c r="C19" s="6">
        <v>4</v>
      </c>
      <c r="D19" s="5">
        <v>7</v>
      </c>
    </row>
    <row r="20" spans="1:4" ht="18" customHeight="1" x14ac:dyDescent="0.15">
      <c r="A20" s="8">
        <v>13</v>
      </c>
      <c r="B20" s="21">
        <v>4</v>
      </c>
      <c r="C20" s="6">
        <v>4</v>
      </c>
      <c r="D20" s="5">
        <v>8</v>
      </c>
    </row>
    <row r="21" spans="1:4" ht="18" customHeight="1" x14ac:dyDescent="0.15">
      <c r="A21" s="8">
        <v>14</v>
      </c>
      <c r="B21" s="21">
        <v>7</v>
      </c>
      <c r="C21" s="6">
        <v>2</v>
      </c>
      <c r="D21" s="5">
        <v>9</v>
      </c>
    </row>
    <row r="22" spans="1:4" ht="18" customHeight="1" x14ac:dyDescent="0.15">
      <c r="A22" s="8" t="s">
        <v>23</v>
      </c>
      <c r="B22" s="21">
        <v>23</v>
      </c>
      <c r="C22" s="6">
        <v>17</v>
      </c>
      <c r="D22" s="5">
        <v>40</v>
      </c>
    </row>
    <row r="23" spans="1:4" ht="18" customHeight="1" x14ac:dyDescent="0.15">
      <c r="A23" s="8" t="s">
        <v>22</v>
      </c>
      <c r="B23" s="21">
        <v>50</v>
      </c>
      <c r="C23" s="6">
        <v>54</v>
      </c>
      <c r="D23" s="5">
        <v>104</v>
      </c>
    </row>
    <row r="24" spans="1:4" ht="18" customHeight="1" x14ac:dyDescent="0.15">
      <c r="A24" s="8">
        <v>15</v>
      </c>
      <c r="B24" s="21">
        <v>8</v>
      </c>
      <c r="C24" s="6">
        <v>4</v>
      </c>
      <c r="D24" s="5">
        <v>12</v>
      </c>
    </row>
    <row r="25" spans="1:4" ht="18" customHeight="1" x14ac:dyDescent="0.15">
      <c r="A25" s="8">
        <v>16</v>
      </c>
      <c r="B25" s="21">
        <v>8</v>
      </c>
      <c r="C25" s="6">
        <v>11</v>
      </c>
      <c r="D25" s="5">
        <v>19</v>
      </c>
    </row>
    <row r="26" spans="1:4" ht="18" customHeight="1" x14ac:dyDescent="0.15">
      <c r="A26" s="8">
        <v>17</v>
      </c>
      <c r="B26" s="21">
        <v>15</v>
      </c>
      <c r="C26" s="6">
        <v>10</v>
      </c>
      <c r="D26" s="5">
        <v>25</v>
      </c>
    </row>
    <row r="27" spans="1:4" ht="18" customHeight="1" x14ac:dyDescent="0.15">
      <c r="A27" s="8">
        <v>18</v>
      </c>
      <c r="B27" s="21">
        <v>4</v>
      </c>
      <c r="C27" s="6">
        <v>4</v>
      </c>
      <c r="D27" s="5">
        <v>8</v>
      </c>
    </row>
    <row r="28" spans="1:4" ht="18" customHeight="1" x14ac:dyDescent="0.15">
      <c r="A28" s="8">
        <v>19</v>
      </c>
      <c r="B28" s="21">
        <v>13</v>
      </c>
      <c r="C28" s="6">
        <v>15</v>
      </c>
      <c r="D28" s="5">
        <v>28</v>
      </c>
    </row>
    <row r="29" spans="1:4" ht="18" customHeight="1" x14ac:dyDescent="0.15">
      <c r="A29" s="8" t="s">
        <v>21</v>
      </c>
      <c r="B29" s="21">
        <v>48</v>
      </c>
      <c r="C29" s="6">
        <v>44</v>
      </c>
      <c r="D29" s="5">
        <v>92</v>
      </c>
    </row>
    <row r="30" spans="1:4" ht="18" customHeight="1" x14ac:dyDescent="0.15">
      <c r="A30" s="8">
        <v>20</v>
      </c>
      <c r="B30" s="21">
        <v>18</v>
      </c>
      <c r="C30" s="6">
        <v>10</v>
      </c>
      <c r="D30" s="5">
        <v>28</v>
      </c>
    </row>
    <row r="31" spans="1:4" ht="18" customHeight="1" x14ac:dyDescent="0.15">
      <c r="A31" s="8">
        <v>21</v>
      </c>
      <c r="B31" s="21">
        <v>14</v>
      </c>
      <c r="C31" s="6">
        <v>16</v>
      </c>
      <c r="D31" s="5">
        <v>30</v>
      </c>
    </row>
    <row r="32" spans="1:4" ht="18" customHeight="1" x14ac:dyDescent="0.15">
      <c r="A32" s="8">
        <v>22</v>
      </c>
      <c r="B32" s="21">
        <v>12</v>
      </c>
      <c r="C32" s="6">
        <v>16</v>
      </c>
      <c r="D32" s="5">
        <v>28</v>
      </c>
    </row>
    <row r="33" spans="1:4" ht="18" customHeight="1" x14ac:dyDescent="0.15">
      <c r="A33" s="8">
        <v>23</v>
      </c>
      <c r="B33" s="21">
        <v>8</v>
      </c>
      <c r="C33" s="6">
        <v>10</v>
      </c>
      <c r="D33" s="5">
        <v>18</v>
      </c>
    </row>
    <row r="34" spans="1:4" ht="18" customHeight="1" x14ac:dyDescent="0.15">
      <c r="A34" s="8">
        <v>24</v>
      </c>
      <c r="B34" s="21">
        <v>11</v>
      </c>
      <c r="C34" s="6">
        <v>14</v>
      </c>
      <c r="D34" s="5">
        <v>25</v>
      </c>
    </row>
    <row r="35" spans="1:4" ht="18" customHeight="1" x14ac:dyDescent="0.15">
      <c r="A35" s="8" t="s">
        <v>20</v>
      </c>
      <c r="B35" s="21">
        <v>63</v>
      </c>
      <c r="C35" s="6">
        <v>66</v>
      </c>
      <c r="D35" s="5">
        <v>129</v>
      </c>
    </row>
    <row r="36" spans="1:4" ht="18" customHeight="1" x14ac:dyDescent="0.15">
      <c r="A36" s="8">
        <v>25</v>
      </c>
      <c r="B36" s="21">
        <v>16</v>
      </c>
      <c r="C36" s="6">
        <v>2</v>
      </c>
      <c r="D36" s="5">
        <v>18</v>
      </c>
    </row>
    <row r="37" spans="1:4" ht="18" customHeight="1" x14ac:dyDescent="0.15">
      <c r="A37" s="8">
        <v>26</v>
      </c>
      <c r="B37" s="21">
        <v>8</v>
      </c>
      <c r="C37" s="6">
        <v>5</v>
      </c>
      <c r="D37" s="5">
        <v>13</v>
      </c>
    </row>
    <row r="38" spans="1:4" ht="18" customHeight="1" x14ac:dyDescent="0.15">
      <c r="A38" s="8">
        <v>27</v>
      </c>
      <c r="B38" s="21">
        <v>7</v>
      </c>
      <c r="C38" s="6">
        <v>5</v>
      </c>
      <c r="D38" s="5">
        <v>12</v>
      </c>
    </row>
    <row r="39" spans="1:4" ht="18" customHeight="1" x14ac:dyDescent="0.15">
      <c r="A39" s="8">
        <v>28</v>
      </c>
      <c r="B39" s="21">
        <v>7</v>
      </c>
      <c r="C39" s="6">
        <v>5</v>
      </c>
      <c r="D39" s="5">
        <v>12</v>
      </c>
    </row>
    <row r="40" spans="1:4" ht="18" customHeight="1" x14ac:dyDescent="0.15">
      <c r="A40" s="8">
        <v>29</v>
      </c>
      <c r="B40" s="21">
        <v>2</v>
      </c>
      <c r="C40" s="6">
        <v>7</v>
      </c>
      <c r="D40" s="5">
        <v>9</v>
      </c>
    </row>
    <row r="41" spans="1:4" ht="18" customHeight="1" x14ac:dyDescent="0.15">
      <c r="A41" s="8" t="s">
        <v>19</v>
      </c>
      <c r="B41" s="21">
        <v>40</v>
      </c>
      <c r="C41" s="6">
        <v>24</v>
      </c>
      <c r="D41" s="5">
        <v>64</v>
      </c>
    </row>
    <row r="42" spans="1:4" ht="18" customHeight="1" x14ac:dyDescent="0.15">
      <c r="A42" s="8">
        <v>30</v>
      </c>
      <c r="B42" s="21">
        <v>6</v>
      </c>
      <c r="C42" s="6">
        <v>4</v>
      </c>
      <c r="D42" s="5">
        <v>10</v>
      </c>
    </row>
    <row r="43" spans="1:4" ht="18" customHeight="1" x14ac:dyDescent="0.15">
      <c r="A43" s="8">
        <v>31</v>
      </c>
      <c r="B43" s="21">
        <v>5</v>
      </c>
      <c r="C43" s="6">
        <v>4</v>
      </c>
      <c r="D43" s="5">
        <v>9</v>
      </c>
    </row>
    <row r="44" spans="1:4" ht="18" customHeight="1" x14ac:dyDescent="0.15">
      <c r="A44" s="8">
        <v>32</v>
      </c>
      <c r="B44" s="21">
        <v>5</v>
      </c>
      <c r="C44" s="6">
        <v>4</v>
      </c>
      <c r="D44" s="5">
        <v>9</v>
      </c>
    </row>
    <row r="45" spans="1:4" ht="18" customHeight="1" x14ac:dyDescent="0.15">
      <c r="A45" s="8">
        <v>33</v>
      </c>
      <c r="B45" s="21">
        <v>3</v>
      </c>
      <c r="C45" s="6">
        <v>2</v>
      </c>
      <c r="D45" s="5">
        <v>5</v>
      </c>
    </row>
    <row r="46" spans="1:4" ht="18" customHeight="1" x14ac:dyDescent="0.15">
      <c r="A46" s="8">
        <v>34</v>
      </c>
      <c r="B46" s="21">
        <v>5</v>
      </c>
      <c r="C46" s="6">
        <v>1</v>
      </c>
      <c r="D46" s="5">
        <v>6</v>
      </c>
    </row>
    <row r="47" spans="1:4" ht="18" customHeight="1" x14ac:dyDescent="0.15">
      <c r="A47" s="8" t="s">
        <v>18</v>
      </c>
      <c r="B47" s="21">
        <v>24</v>
      </c>
      <c r="C47" s="6">
        <v>15</v>
      </c>
      <c r="D47" s="5">
        <v>39</v>
      </c>
    </row>
    <row r="48" spans="1:4" ht="18" customHeight="1" x14ac:dyDescent="0.15">
      <c r="A48" s="8">
        <v>35</v>
      </c>
      <c r="B48" s="21">
        <v>5</v>
      </c>
      <c r="C48" s="6">
        <v>6</v>
      </c>
      <c r="D48" s="5">
        <v>11</v>
      </c>
    </row>
    <row r="49" spans="1:4" ht="18" customHeight="1" x14ac:dyDescent="0.15">
      <c r="A49" s="8">
        <v>36</v>
      </c>
      <c r="B49" s="21">
        <v>4</v>
      </c>
      <c r="C49" s="6">
        <v>6</v>
      </c>
      <c r="D49" s="5">
        <v>10</v>
      </c>
    </row>
    <row r="50" spans="1:4" ht="18" customHeight="1" x14ac:dyDescent="0.15">
      <c r="A50" s="8">
        <v>37</v>
      </c>
      <c r="B50" s="21">
        <v>4</v>
      </c>
      <c r="C50" s="6">
        <v>3</v>
      </c>
      <c r="D50" s="5">
        <v>7</v>
      </c>
    </row>
    <row r="51" spans="1:4" ht="18" customHeight="1" x14ac:dyDescent="0.15">
      <c r="A51" s="8">
        <v>38</v>
      </c>
      <c r="B51" s="21">
        <v>6</v>
      </c>
      <c r="C51" s="6">
        <v>4</v>
      </c>
      <c r="D51" s="5">
        <v>10</v>
      </c>
    </row>
    <row r="52" spans="1:4" ht="18" customHeight="1" x14ac:dyDescent="0.15">
      <c r="A52" s="8">
        <v>39</v>
      </c>
      <c r="B52" s="21">
        <v>10</v>
      </c>
      <c r="C52" s="6">
        <v>7</v>
      </c>
      <c r="D52" s="5">
        <v>17</v>
      </c>
    </row>
    <row r="53" spans="1:4" ht="18" customHeight="1" x14ac:dyDescent="0.15">
      <c r="A53" s="8" t="s">
        <v>17</v>
      </c>
      <c r="B53" s="21">
        <v>29</v>
      </c>
      <c r="C53" s="6">
        <v>26</v>
      </c>
      <c r="D53" s="5">
        <v>55</v>
      </c>
    </row>
    <row r="54" spans="1:4" ht="18" customHeight="1" x14ac:dyDescent="0.15">
      <c r="A54" s="8">
        <v>40</v>
      </c>
      <c r="B54" s="21">
        <v>3</v>
      </c>
      <c r="C54" s="6">
        <v>4</v>
      </c>
      <c r="D54" s="5">
        <v>7</v>
      </c>
    </row>
    <row r="55" spans="1:4" ht="18" customHeight="1" x14ac:dyDescent="0.15">
      <c r="A55" s="8">
        <v>41</v>
      </c>
      <c r="B55" s="21">
        <v>8</v>
      </c>
      <c r="C55" s="6">
        <v>6</v>
      </c>
      <c r="D55" s="5">
        <v>14</v>
      </c>
    </row>
    <row r="56" spans="1:4" ht="18" customHeight="1" x14ac:dyDescent="0.15">
      <c r="A56" s="8">
        <v>42</v>
      </c>
      <c r="B56" s="21">
        <v>7</v>
      </c>
      <c r="C56" s="6">
        <v>4</v>
      </c>
      <c r="D56" s="5">
        <v>11</v>
      </c>
    </row>
    <row r="57" spans="1:4" ht="18" customHeight="1" x14ac:dyDescent="0.15">
      <c r="A57" s="8">
        <v>43</v>
      </c>
      <c r="B57" s="21">
        <v>4</v>
      </c>
      <c r="C57" s="6">
        <v>4</v>
      </c>
      <c r="D57" s="5">
        <v>8</v>
      </c>
    </row>
    <row r="58" spans="1:4" ht="18" customHeight="1" x14ac:dyDescent="0.15">
      <c r="A58" s="8">
        <v>44</v>
      </c>
      <c r="B58" s="21">
        <v>5</v>
      </c>
      <c r="C58" s="6">
        <v>5</v>
      </c>
      <c r="D58" s="5">
        <v>10</v>
      </c>
    </row>
    <row r="59" spans="1:4" ht="18" customHeight="1" x14ac:dyDescent="0.15">
      <c r="A59" s="8" t="s">
        <v>16</v>
      </c>
      <c r="B59" s="21">
        <v>27</v>
      </c>
      <c r="C59" s="6">
        <v>23</v>
      </c>
      <c r="D59" s="5">
        <v>50</v>
      </c>
    </row>
    <row r="60" spans="1:4" ht="18" customHeight="1" x14ac:dyDescent="0.15">
      <c r="A60" s="8">
        <v>45</v>
      </c>
      <c r="B60" s="21">
        <v>11</v>
      </c>
      <c r="C60" s="6">
        <v>10</v>
      </c>
      <c r="D60" s="5">
        <v>21</v>
      </c>
    </row>
    <row r="61" spans="1:4" ht="18" customHeight="1" x14ac:dyDescent="0.15">
      <c r="A61" s="8">
        <v>46</v>
      </c>
      <c r="B61" s="21">
        <v>3</v>
      </c>
      <c r="C61" s="6">
        <v>9</v>
      </c>
      <c r="D61" s="5">
        <v>12</v>
      </c>
    </row>
    <row r="62" spans="1:4" ht="18" customHeight="1" x14ac:dyDescent="0.15">
      <c r="A62" s="8">
        <v>47</v>
      </c>
      <c r="B62" s="21">
        <v>9</v>
      </c>
      <c r="C62" s="6">
        <v>15</v>
      </c>
      <c r="D62" s="5">
        <v>24</v>
      </c>
    </row>
    <row r="63" spans="1:4" ht="18" customHeight="1" x14ac:dyDescent="0.15">
      <c r="A63" s="8">
        <v>48</v>
      </c>
      <c r="B63" s="21">
        <v>15</v>
      </c>
      <c r="C63" s="6">
        <v>12</v>
      </c>
      <c r="D63" s="5">
        <v>27</v>
      </c>
    </row>
    <row r="64" spans="1:4" ht="18" customHeight="1" x14ac:dyDescent="0.15">
      <c r="A64" s="8">
        <v>49</v>
      </c>
      <c r="B64" s="21">
        <v>20</v>
      </c>
      <c r="C64" s="6">
        <v>19</v>
      </c>
      <c r="D64" s="5">
        <v>39</v>
      </c>
    </row>
    <row r="65" spans="1:4" ht="18" customHeight="1" x14ac:dyDescent="0.15">
      <c r="A65" s="8" t="s">
        <v>15</v>
      </c>
      <c r="B65" s="21">
        <v>58</v>
      </c>
      <c r="C65" s="6">
        <v>65</v>
      </c>
      <c r="D65" s="5">
        <v>123</v>
      </c>
    </row>
    <row r="66" spans="1:4" ht="18" customHeight="1" x14ac:dyDescent="0.15">
      <c r="A66" s="8">
        <v>50</v>
      </c>
      <c r="B66" s="21">
        <v>28</v>
      </c>
      <c r="C66" s="6">
        <v>19</v>
      </c>
      <c r="D66" s="5">
        <v>47</v>
      </c>
    </row>
    <row r="67" spans="1:4" ht="18" customHeight="1" x14ac:dyDescent="0.15">
      <c r="A67" s="8">
        <v>51</v>
      </c>
      <c r="B67" s="21">
        <v>25</v>
      </c>
      <c r="C67" s="6">
        <v>11</v>
      </c>
      <c r="D67" s="5">
        <v>36</v>
      </c>
    </row>
    <row r="68" spans="1:4" ht="18" customHeight="1" x14ac:dyDescent="0.15">
      <c r="A68" s="8">
        <v>52</v>
      </c>
      <c r="B68" s="21">
        <v>23</v>
      </c>
      <c r="C68" s="6">
        <v>22</v>
      </c>
      <c r="D68" s="5">
        <v>45</v>
      </c>
    </row>
    <row r="69" spans="1:4" ht="18" customHeight="1" x14ac:dyDescent="0.15">
      <c r="A69" s="8">
        <v>53</v>
      </c>
      <c r="B69" s="21">
        <v>20</v>
      </c>
      <c r="C69" s="6">
        <v>15</v>
      </c>
      <c r="D69" s="5">
        <v>35</v>
      </c>
    </row>
    <row r="70" spans="1:4" ht="18" customHeight="1" x14ac:dyDescent="0.15">
      <c r="A70" s="8">
        <v>54</v>
      </c>
      <c r="B70" s="21">
        <v>22</v>
      </c>
      <c r="C70" s="6">
        <v>15</v>
      </c>
      <c r="D70" s="5">
        <v>37</v>
      </c>
    </row>
    <row r="71" spans="1:4" ht="18" customHeight="1" x14ac:dyDescent="0.15">
      <c r="A71" s="8" t="s">
        <v>14</v>
      </c>
      <c r="B71" s="21">
        <v>118</v>
      </c>
      <c r="C71" s="6">
        <v>82</v>
      </c>
      <c r="D71" s="5">
        <v>200</v>
      </c>
    </row>
    <row r="72" spans="1:4" ht="18" customHeight="1" x14ac:dyDescent="0.15">
      <c r="A72" s="8">
        <v>55</v>
      </c>
      <c r="B72" s="21">
        <v>12</v>
      </c>
      <c r="C72" s="6">
        <v>24</v>
      </c>
      <c r="D72" s="5">
        <v>36</v>
      </c>
    </row>
    <row r="73" spans="1:4" ht="18" customHeight="1" x14ac:dyDescent="0.15">
      <c r="A73" s="8">
        <v>56</v>
      </c>
      <c r="B73" s="21">
        <v>11</v>
      </c>
      <c r="C73" s="6">
        <v>13</v>
      </c>
      <c r="D73" s="5">
        <v>24</v>
      </c>
    </row>
    <row r="74" spans="1:4" ht="18" customHeight="1" x14ac:dyDescent="0.15">
      <c r="A74" s="8">
        <v>57</v>
      </c>
      <c r="B74" s="21">
        <v>25</v>
      </c>
      <c r="C74" s="6">
        <v>16</v>
      </c>
      <c r="D74" s="5">
        <v>41</v>
      </c>
    </row>
    <row r="75" spans="1:4" ht="18" customHeight="1" x14ac:dyDescent="0.15">
      <c r="A75" s="8">
        <v>58</v>
      </c>
      <c r="B75" s="21">
        <v>9</v>
      </c>
      <c r="C75" s="6">
        <v>12</v>
      </c>
      <c r="D75" s="5">
        <v>21</v>
      </c>
    </row>
    <row r="76" spans="1:4" ht="18" customHeight="1" x14ac:dyDescent="0.15">
      <c r="A76" s="8">
        <v>59</v>
      </c>
      <c r="B76" s="21">
        <v>10</v>
      </c>
      <c r="C76" s="6">
        <v>9</v>
      </c>
      <c r="D76" s="5">
        <v>19</v>
      </c>
    </row>
    <row r="77" spans="1:4" ht="18" customHeight="1" x14ac:dyDescent="0.15">
      <c r="A77" s="8" t="s">
        <v>13</v>
      </c>
      <c r="B77" s="21">
        <v>67</v>
      </c>
      <c r="C77" s="6">
        <v>74</v>
      </c>
      <c r="D77" s="5">
        <v>141</v>
      </c>
    </row>
    <row r="78" spans="1:4" ht="18" customHeight="1" x14ac:dyDescent="0.15">
      <c r="A78" s="8">
        <v>60</v>
      </c>
      <c r="B78" s="21">
        <v>11</v>
      </c>
      <c r="C78" s="6">
        <v>6</v>
      </c>
      <c r="D78" s="5">
        <v>17</v>
      </c>
    </row>
    <row r="79" spans="1:4" ht="18" customHeight="1" x14ac:dyDescent="0.15">
      <c r="A79" s="8">
        <v>61</v>
      </c>
      <c r="B79" s="21">
        <v>11</v>
      </c>
      <c r="C79" s="6">
        <v>6</v>
      </c>
      <c r="D79" s="5">
        <v>17</v>
      </c>
    </row>
    <row r="80" spans="1:4" ht="18" customHeight="1" x14ac:dyDescent="0.15">
      <c r="A80" s="8">
        <v>62</v>
      </c>
      <c r="B80" s="21">
        <v>8</v>
      </c>
      <c r="C80" s="6">
        <v>8</v>
      </c>
      <c r="D80" s="5">
        <v>16</v>
      </c>
    </row>
    <row r="81" spans="1:4" ht="18" customHeight="1" x14ac:dyDescent="0.15">
      <c r="A81" s="8">
        <v>63</v>
      </c>
      <c r="B81" s="21">
        <v>4</v>
      </c>
      <c r="C81" s="6">
        <v>11</v>
      </c>
      <c r="D81" s="5">
        <v>15</v>
      </c>
    </row>
    <row r="82" spans="1:4" ht="18" customHeight="1" x14ac:dyDescent="0.15">
      <c r="A82" s="8">
        <v>64</v>
      </c>
      <c r="B82" s="21">
        <v>10</v>
      </c>
      <c r="C82" s="6">
        <v>10</v>
      </c>
      <c r="D82" s="5">
        <v>20</v>
      </c>
    </row>
    <row r="83" spans="1:4" ht="18" customHeight="1" x14ac:dyDescent="0.15">
      <c r="A83" s="8" t="s">
        <v>12</v>
      </c>
      <c r="B83" s="21">
        <v>44</v>
      </c>
      <c r="C83" s="6">
        <v>41</v>
      </c>
      <c r="D83" s="5">
        <v>85</v>
      </c>
    </row>
    <row r="84" spans="1:4" ht="18" customHeight="1" x14ac:dyDescent="0.15">
      <c r="A84" s="8" t="s">
        <v>11</v>
      </c>
      <c r="B84" s="21">
        <v>518</v>
      </c>
      <c r="C84" s="6">
        <v>460</v>
      </c>
      <c r="D84" s="5">
        <v>978</v>
      </c>
    </row>
    <row r="85" spans="1:4" ht="18" customHeight="1" x14ac:dyDescent="0.15">
      <c r="A85" s="8">
        <v>65</v>
      </c>
      <c r="B85" s="21">
        <v>11</v>
      </c>
      <c r="C85" s="6">
        <v>11</v>
      </c>
      <c r="D85" s="5">
        <v>22</v>
      </c>
    </row>
    <row r="86" spans="1:4" ht="18" customHeight="1" x14ac:dyDescent="0.15">
      <c r="A86" s="8">
        <v>66</v>
      </c>
      <c r="B86" s="21">
        <v>14</v>
      </c>
      <c r="C86" s="6">
        <v>5</v>
      </c>
      <c r="D86" s="5">
        <v>19</v>
      </c>
    </row>
    <row r="87" spans="1:4" ht="18" customHeight="1" x14ac:dyDescent="0.15">
      <c r="A87" s="8">
        <v>67</v>
      </c>
      <c r="B87" s="21">
        <v>8</v>
      </c>
      <c r="C87" s="6">
        <v>14</v>
      </c>
      <c r="D87" s="5">
        <v>22</v>
      </c>
    </row>
    <row r="88" spans="1:4" ht="18" customHeight="1" x14ac:dyDescent="0.15">
      <c r="A88" s="8">
        <v>68</v>
      </c>
      <c r="B88" s="21">
        <v>7</v>
      </c>
      <c r="C88" s="6">
        <v>9</v>
      </c>
      <c r="D88" s="5">
        <v>16</v>
      </c>
    </row>
    <row r="89" spans="1:4" ht="18" customHeight="1" x14ac:dyDescent="0.15">
      <c r="A89" s="8">
        <v>69</v>
      </c>
      <c r="B89" s="21">
        <v>8</v>
      </c>
      <c r="C89" s="6">
        <v>6</v>
      </c>
      <c r="D89" s="5">
        <v>14</v>
      </c>
    </row>
    <row r="90" spans="1:4" ht="18" customHeight="1" x14ac:dyDescent="0.15">
      <c r="A90" s="8" t="s">
        <v>10</v>
      </c>
      <c r="B90" s="21">
        <v>48</v>
      </c>
      <c r="C90" s="6">
        <v>45</v>
      </c>
      <c r="D90" s="5">
        <v>93</v>
      </c>
    </row>
    <row r="91" spans="1:4" ht="18" customHeight="1" x14ac:dyDescent="0.15">
      <c r="A91" s="8">
        <v>70</v>
      </c>
      <c r="B91" s="21">
        <v>6</v>
      </c>
      <c r="C91" s="6">
        <v>4</v>
      </c>
      <c r="D91" s="5">
        <v>10</v>
      </c>
    </row>
    <row r="92" spans="1:4" ht="18" customHeight="1" x14ac:dyDescent="0.15">
      <c r="A92" s="8">
        <v>71</v>
      </c>
      <c r="B92" s="21">
        <v>7</v>
      </c>
      <c r="C92" s="6">
        <v>12</v>
      </c>
      <c r="D92" s="5">
        <v>19</v>
      </c>
    </row>
    <row r="93" spans="1:4" ht="18" customHeight="1" x14ac:dyDescent="0.15">
      <c r="A93" s="8">
        <v>72</v>
      </c>
      <c r="B93" s="21">
        <v>8</v>
      </c>
      <c r="C93" s="6">
        <v>14</v>
      </c>
      <c r="D93" s="5">
        <v>22</v>
      </c>
    </row>
    <row r="94" spans="1:4" ht="18" customHeight="1" x14ac:dyDescent="0.15">
      <c r="A94" s="8">
        <v>73</v>
      </c>
      <c r="B94" s="21">
        <v>10</v>
      </c>
      <c r="C94" s="6">
        <v>12</v>
      </c>
      <c r="D94" s="5">
        <v>22</v>
      </c>
    </row>
    <row r="95" spans="1:4" ht="18" customHeight="1" x14ac:dyDescent="0.15">
      <c r="A95" s="8">
        <v>74</v>
      </c>
      <c r="B95" s="21">
        <v>8</v>
      </c>
      <c r="C95" s="6">
        <v>8</v>
      </c>
      <c r="D95" s="5">
        <v>16</v>
      </c>
    </row>
    <row r="96" spans="1:4" ht="18" customHeight="1" x14ac:dyDescent="0.15">
      <c r="A96" s="8" t="s">
        <v>9</v>
      </c>
      <c r="B96" s="21">
        <v>39</v>
      </c>
      <c r="C96" s="6">
        <v>50</v>
      </c>
      <c r="D96" s="5">
        <v>89</v>
      </c>
    </row>
    <row r="97" spans="1:4" ht="18" customHeight="1" x14ac:dyDescent="0.15">
      <c r="A97" s="8">
        <v>75</v>
      </c>
      <c r="B97" s="21">
        <v>14</v>
      </c>
      <c r="C97" s="6">
        <v>10</v>
      </c>
      <c r="D97" s="5">
        <v>24</v>
      </c>
    </row>
    <row r="98" spans="1:4" ht="18" customHeight="1" x14ac:dyDescent="0.15">
      <c r="A98" s="8">
        <v>76</v>
      </c>
      <c r="B98" s="21">
        <v>14</v>
      </c>
      <c r="C98" s="6">
        <v>15</v>
      </c>
      <c r="D98" s="5">
        <v>29</v>
      </c>
    </row>
    <row r="99" spans="1:4" ht="18" customHeight="1" x14ac:dyDescent="0.15">
      <c r="A99" s="8">
        <v>77</v>
      </c>
      <c r="B99" s="21">
        <v>7</v>
      </c>
      <c r="C99" s="6">
        <v>12</v>
      </c>
      <c r="D99" s="5">
        <v>19</v>
      </c>
    </row>
    <row r="100" spans="1:4" ht="18" customHeight="1" x14ac:dyDescent="0.15">
      <c r="A100" s="8">
        <v>78</v>
      </c>
      <c r="B100" s="21">
        <v>9</v>
      </c>
      <c r="C100" s="6">
        <v>14</v>
      </c>
      <c r="D100" s="5">
        <v>23</v>
      </c>
    </row>
    <row r="101" spans="1:4" ht="18" customHeight="1" x14ac:dyDescent="0.15">
      <c r="A101" s="8">
        <v>79</v>
      </c>
      <c r="B101" s="21">
        <v>8</v>
      </c>
      <c r="C101" s="6">
        <v>5</v>
      </c>
      <c r="D101" s="5">
        <v>13</v>
      </c>
    </row>
    <row r="102" spans="1:4" ht="18" customHeight="1" x14ac:dyDescent="0.15">
      <c r="A102" s="8" t="s">
        <v>8</v>
      </c>
      <c r="B102" s="21">
        <v>52</v>
      </c>
      <c r="C102" s="6">
        <v>56</v>
      </c>
      <c r="D102" s="5">
        <v>108</v>
      </c>
    </row>
    <row r="103" spans="1:4" ht="18" customHeight="1" x14ac:dyDescent="0.15">
      <c r="A103" s="8">
        <v>80</v>
      </c>
      <c r="B103" s="21">
        <v>7</v>
      </c>
      <c r="C103" s="6">
        <v>13</v>
      </c>
      <c r="D103" s="5">
        <v>20</v>
      </c>
    </row>
    <row r="104" spans="1:4" ht="18" customHeight="1" x14ac:dyDescent="0.15">
      <c r="A104" s="8">
        <v>81</v>
      </c>
      <c r="B104" s="21">
        <v>9</v>
      </c>
      <c r="C104" s="6">
        <v>8</v>
      </c>
      <c r="D104" s="5">
        <v>17</v>
      </c>
    </row>
    <row r="105" spans="1:4" ht="18" customHeight="1" x14ac:dyDescent="0.15">
      <c r="A105" s="8">
        <v>82</v>
      </c>
      <c r="B105" s="21">
        <v>5</v>
      </c>
      <c r="C105" s="6">
        <v>15</v>
      </c>
      <c r="D105" s="5">
        <v>20</v>
      </c>
    </row>
    <row r="106" spans="1:4" ht="18" customHeight="1" x14ac:dyDescent="0.15">
      <c r="A106" s="8">
        <v>83</v>
      </c>
      <c r="B106" s="21">
        <v>2</v>
      </c>
      <c r="C106" s="6">
        <v>10</v>
      </c>
      <c r="D106" s="5">
        <v>12</v>
      </c>
    </row>
    <row r="107" spans="1:4" ht="18" customHeight="1" x14ac:dyDescent="0.15">
      <c r="A107" s="8">
        <v>84</v>
      </c>
      <c r="B107" s="21">
        <v>7</v>
      </c>
      <c r="C107" s="6">
        <v>9</v>
      </c>
      <c r="D107" s="5">
        <v>16</v>
      </c>
    </row>
    <row r="108" spans="1:4" ht="18" customHeight="1" x14ac:dyDescent="0.15">
      <c r="A108" s="8" t="s">
        <v>7</v>
      </c>
      <c r="B108" s="21">
        <v>30</v>
      </c>
      <c r="C108" s="6">
        <v>55</v>
      </c>
      <c r="D108" s="5">
        <v>85</v>
      </c>
    </row>
    <row r="109" spans="1:4" ht="18" customHeight="1" x14ac:dyDescent="0.15">
      <c r="A109" s="8">
        <v>85</v>
      </c>
      <c r="B109" s="21">
        <v>4</v>
      </c>
      <c r="C109" s="6">
        <v>10</v>
      </c>
      <c r="D109" s="5">
        <v>14</v>
      </c>
    </row>
    <row r="110" spans="1:4" ht="18" customHeight="1" x14ac:dyDescent="0.15">
      <c r="A110" s="8">
        <v>86</v>
      </c>
      <c r="B110" s="21">
        <v>7</v>
      </c>
      <c r="C110" s="6">
        <v>1</v>
      </c>
      <c r="D110" s="5">
        <v>8</v>
      </c>
    </row>
    <row r="111" spans="1:4" ht="18" customHeight="1" x14ac:dyDescent="0.15">
      <c r="A111" s="8">
        <v>87</v>
      </c>
      <c r="B111" s="21">
        <v>2</v>
      </c>
      <c r="C111" s="6">
        <v>4</v>
      </c>
      <c r="D111" s="5">
        <v>6</v>
      </c>
    </row>
    <row r="112" spans="1:4" ht="18" customHeight="1" x14ac:dyDescent="0.15">
      <c r="A112" s="8">
        <v>88</v>
      </c>
      <c r="B112" s="21">
        <v>3</v>
      </c>
      <c r="C112" s="6">
        <v>7</v>
      </c>
      <c r="D112" s="5">
        <v>10</v>
      </c>
    </row>
    <row r="113" spans="1:4" ht="18" customHeight="1" x14ac:dyDescent="0.15">
      <c r="A113" s="8">
        <v>89</v>
      </c>
      <c r="B113" s="21">
        <v>1</v>
      </c>
      <c r="C113" s="6">
        <v>5</v>
      </c>
      <c r="D113" s="5">
        <v>6</v>
      </c>
    </row>
    <row r="114" spans="1:4" ht="18" customHeight="1" x14ac:dyDescent="0.15">
      <c r="A114" s="8" t="s">
        <v>6</v>
      </c>
      <c r="B114" s="21">
        <v>17</v>
      </c>
      <c r="C114" s="6">
        <v>27</v>
      </c>
      <c r="D114" s="5">
        <v>44</v>
      </c>
    </row>
    <row r="115" spans="1:4" ht="18" customHeight="1" x14ac:dyDescent="0.15">
      <c r="A115" s="8">
        <v>90</v>
      </c>
      <c r="B115" s="21">
        <v>1</v>
      </c>
      <c r="C115" s="6">
        <v>6</v>
      </c>
      <c r="D115" s="5">
        <v>7</v>
      </c>
    </row>
    <row r="116" spans="1:4" ht="18" customHeight="1" x14ac:dyDescent="0.15">
      <c r="A116" s="8">
        <v>91</v>
      </c>
      <c r="B116" s="21">
        <v>3</v>
      </c>
      <c r="C116" s="6">
        <v>6</v>
      </c>
      <c r="D116" s="5">
        <v>9</v>
      </c>
    </row>
    <row r="117" spans="1:4" ht="18" customHeight="1" x14ac:dyDescent="0.15">
      <c r="A117" s="8">
        <v>92</v>
      </c>
      <c r="B117" s="21">
        <v>2</v>
      </c>
      <c r="C117" s="6">
        <v>3</v>
      </c>
      <c r="D117" s="5">
        <v>5</v>
      </c>
    </row>
    <row r="118" spans="1:4" ht="18" customHeight="1" x14ac:dyDescent="0.15">
      <c r="A118" s="8">
        <v>93</v>
      </c>
      <c r="B118" s="21">
        <v>1</v>
      </c>
      <c r="C118" s="6">
        <v>3</v>
      </c>
      <c r="D118" s="5">
        <v>4</v>
      </c>
    </row>
    <row r="119" spans="1:4" ht="18" customHeight="1" x14ac:dyDescent="0.15">
      <c r="A119" s="8">
        <v>94</v>
      </c>
      <c r="B119" s="21">
        <v>1</v>
      </c>
      <c r="C119" s="6">
        <v>4</v>
      </c>
      <c r="D119" s="5">
        <v>5</v>
      </c>
    </row>
    <row r="120" spans="1:4" ht="18" customHeight="1" x14ac:dyDescent="0.15">
      <c r="A120" s="8" t="s">
        <v>5</v>
      </c>
      <c r="B120" s="21">
        <v>8</v>
      </c>
      <c r="C120" s="6">
        <v>22</v>
      </c>
      <c r="D120" s="5">
        <v>30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0</v>
      </c>
      <c r="C126" s="6">
        <v>2</v>
      </c>
      <c r="D126" s="5">
        <v>2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1</v>
      </c>
      <c r="C128" s="6">
        <v>1</v>
      </c>
      <c r="D128" s="5">
        <v>2</v>
      </c>
    </row>
    <row r="129" spans="1:4" ht="18" customHeight="1" x14ac:dyDescent="0.15">
      <c r="A129" s="8" t="s">
        <v>2</v>
      </c>
      <c r="B129" s="21">
        <v>1</v>
      </c>
      <c r="C129" s="6">
        <v>2</v>
      </c>
      <c r="D129" s="5">
        <v>3</v>
      </c>
    </row>
    <row r="130" spans="1:4" ht="18" customHeight="1" x14ac:dyDescent="0.15">
      <c r="A130" s="8" t="s">
        <v>1</v>
      </c>
      <c r="B130" s="21">
        <v>195</v>
      </c>
      <c r="C130" s="6">
        <v>259</v>
      </c>
      <c r="D130" s="5">
        <v>454</v>
      </c>
    </row>
    <row r="131" spans="1:4" ht="18" customHeight="1" x14ac:dyDescent="0.15">
      <c r="A131" s="4" t="s">
        <v>0</v>
      </c>
      <c r="B131" s="20">
        <v>763</v>
      </c>
      <c r="C131" s="2">
        <v>773</v>
      </c>
      <c r="D131" s="1">
        <v>153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7386BB-279C-45B5-864A-DFD3ED5C7357}">
  <sheetPr codeName="Sheet1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4</v>
      </c>
      <c r="C5" s="11">
        <v>1</v>
      </c>
      <c r="D5" s="10">
        <v>5</v>
      </c>
    </row>
    <row r="6" spans="1:4" ht="18" customHeight="1" x14ac:dyDescent="0.15">
      <c r="A6" s="8">
        <v>1</v>
      </c>
      <c r="B6" s="21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1">
        <v>4</v>
      </c>
      <c r="C7" s="6">
        <v>0</v>
      </c>
      <c r="D7" s="5">
        <v>4</v>
      </c>
    </row>
    <row r="8" spans="1:4" ht="18" customHeight="1" x14ac:dyDescent="0.15">
      <c r="A8" s="8">
        <v>3</v>
      </c>
      <c r="B8" s="21">
        <v>4</v>
      </c>
      <c r="C8" s="6">
        <v>4</v>
      </c>
      <c r="D8" s="5">
        <v>8</v>
      </c>
    </row>
    <row r="9" spans="1:4" ht="18" customHeight="1" x14ac:dyDescent="0.15">
      <c r="A9" s="8">
        <v>4</v>
      </c>
      <c r="B9" s="21">
        <v>4</v>
      </c>
      <c r="C9" s="6">
        <v>1</v>
      </c>
      <c r="D9" s="5">
        <v>5</v>
      </c>
    </row>
    <row r="10" spans="1:4" ht="18" customHeight="1" x14ac:dyDescent="0.15">
      <c r="A10" s="8" t="s">
        <v>25</v>
      </c>
      <c r="B10" s="21">
        <v>19</v>
      </c>
      <c r="C10" s="6">
        <v>8</v>
      </c>
      <c r="D10" s="5">
        <v>27</v>
      </c>
    </row>
    <row r="11" spans="1:4" ht="18" customHeight="1" x14ac:dyDescent="0.15">
      <c r="A11" s="8">
        <v>5</v>
      </c>
      <c r="B11" s="21">
        <v>8</v>
      </c>
      <c r="C11" s="6">
        <v>0</v>
      </c>
      <c r="D11" s="5">
        <v>8</v>
      </c>
    </row>
    <row r="12" spans="1:4" ht="18" customHeight="1" x14ac:dyDescent="0.15">
      <c r="A12" s="8">
        <v>6</v>
      </c>
      <c r="B12" s="21">
        <v>1</v>
      </c>
      <c r="C12" s="6">
        <v>4</v>
      </c>
      <c r="D12" s="5">
        <v>5</v>
      </c>
    </row>
    <row r="13" spans="1:4" ht="18" customHeight="1" x14ac:dyDescent="0.15">
      <c r="A13" s="8">
        <v>7</v>
      </c>
      <c r="B13" s="21">
        <v>4</v>
      </c>
      <c r="C13" s="6">
        <v>4</v>
      </c>
      <c r="D13" s="5">
        <v>8</v>
      </c>
    </row>
    <row r="14" spans="1:4" ht="18" customHeight="1" x14ac:dyDescent="0.15">
      <c r="A14" s="8">
        <v>8</v>
      </c>
      <c r="B14" s="21">
        <v>4</v>
      </c>
      <c r="C14" s="6">
        <v>3</v>
      </c>
      <c r="D14" s="5">
        <v>7</v>
      </c>
    </row>
    <row r="15" spans="1:4" ht="18" customHeight="1" x14ac:dyDescent="0.15">
      <c r="A15" s="8">
        <v>9</v>
      </c>
      <c r="B15" s="21">
        <v>5</v>
      </c>
      <c r="C15" s="6">
        <v>6</v>
      </c>
      <c r="D15" s="5">
        <v>11</v>
      </c>
    </row>
    <row r="16" spans="1:4" ht="18" customHeight="1" x14ac:dyDescent="0.15">
      <c r="A16" s="8" t="s">
        <v>24</v>
      </c>
      <c r="B16" s="21">
        <v>22</v>
      </c>
      <c r="C16" s="6">
        <v>17</v>
      </c>
      <c r="D16" s="5">
        <v>39</v>
      </c>
    </row>
    <row r="17" spans="1:4" ht="18" customHeight="1" x14ac:dyDescent="0.15">
      <c r="A17" s="8">
        <v>10</v>
      </c>
      <c r="B17" s="21">
        <v>3</v>
      </c>
      <c r="C17" s="6">
        <v>6</v>
      </c>
      <c r="D17" s="5">
        <v>9</v>
      </c>
    </row>
    <row r="18" spans="1:4" ht="18" customHeight="1" x14ac:dyDescent="0.15">
      <c r="A18" s="8">
        <v>11</v>
      </c>
      <c r="B18" s="21">
        <v>7</v>
      </c>
      <c r="C18" s="6">
        <v>5</v>
      </c>
      <c r="D18" s="5">
        <v>12</v>
      </c>
    </row>
    <row r="19" spans="1:4" ht="18" customHeight="1" x14ac:dyDescent="0.15">
      <c r="A19" s="8">
        <v>12</v>
      </c>
      <c r="B19" s="21">
        <v>8</v>
      </c>
      <c r="C19" s="6">
        <v>4</v>
      </c>
      <c r="D19" s="5">
        <v>12</v>
      </c>
    </row>
    <row r="20" spans="1:4" ht="18" customHeight="1" x14ac:dyDescent="0.15">
      <c r="A20" s="8">
        <v>13</v>
      </c>
      <c r="B20" s="21">
        <v>5</v>
      </c>
      <c r="C20" s="6">
        <v>5</v>
      </c>
      <c r="D20" s="5">
        <v>10</v>
      </c>
    </row>
    <row r="21" spans="1:4" ht="18" customHeight="1" x14ac:dyDescent="0.15">
      <c r="A21" s="8">
        <v>14</v>
      </c>
      <c r="B21" s="21">
        <v>6</v>
      </c>
      <c r="C21" s="6">
        <v>7</v>
      </c>
      <c r="D21" s="5">
        <v>13</v>
      </c>
    </row>
    <row r="22" spans="1:4" ht="18" customHeight="1" x14ac:dyDescent="0.15">
      <c r="A22" s="8" t="s">
        <v>23</v>
      </c>
      <c r="B22" s="21">
        <v>29</v>
      </c>
      <c r="C22" s="6">
        <v>27</v>
      </c>
      <c r="D22" s="5">
        <v>56</v>
      </c>
    </row>
    <row r="23" spans="1:4" ht="18" customHeight="1" x14ac:dyDescent="0.15">
      <c r="A23" s="8" t="s">
        <v>22</v>
      </c>
      <c r="B23" s="21">
        <v>70</v>
      </c>
      <c r="C23" s="6">
        <v>52</v>
      </c>
      <c r="D23" s="5">
        <v>122</v>
      </c>
    </row>
    <row r="24" spans="1:4" ht="18" customHeight="1" x14ac:dyDescent="0.15">
      <c r="A24" s="8">
        <v>15</v>
      </c>
      <c r="B24" s="21">
        <v>7</v>
      </c>
      <c r="C24" s="6">
        <v>11</v>
      </c>
      <c r="D24" s="5">
        <v>18</v>
      </c>
    </row>
    <row r="25" spans="1:4" ht="18" customHeight="1" x14ac:dyDescent="0.15">
      <c r="A25" s="8">
        <v>16</v>
      </c>
      <c r="B25" s="21">
        <v>2</v>
      </c>
      <c r="C25" s="6">
        <v>9</v>
      </c>
      <c r="D25" s="5">
        <v>11</v>
      </c>
    </row>
    <row r="26" spans="1:4" ht="18" customHeight="1" x14ac:dyDescent="0.15">
      <c r="A26" s="8">
        <v>17</v>
      </c>
      <c r="B26" s="21">
        <v>1</v>
      </c>
      <c r="C26" s="6">
        <v>10</v>
      </c>
      <c r="D26" s="5">
        <v>11</v>
      </c>
    </row>
    <row r="27" spans="1:4" ht="18" customHeight="1" x14ac:dyDescent="0.15">
      <c r="A27" s="8">
        <v>18</v>
      </c>
      <c r="B27" s="21">
        <v>5</v>
      </c>
      <c r="C27" s="6">
        <v>4</v>
      </c>
      <c r="D27" s="5">
        <v>9</v>
      </c>
    </row>
    <row r="28" spans="1:4" ht="18" customHeight="1" x14ac:dyDescent="0.15">
      <c r="A28" s="8">
        <v>19</v>
      </c>
      <c r="B28" s="21">
        <v>8</v>
      </c>
      <c r="C28" s="6">
        <v>6</v>
      </c>
      <c r="D28" s="5">
        <v>14</v>
      </c>
    </row>
    <row r="29" spans="1:4" ht="18" customHeight="1" x14ac:dyDescent="0.15">
      <c r="A29" s="8" t="s">
        <v>21</v>
      </c>
      <c r="B29" s="21">
        <v>23</v>
      </c>
      <c r="C29" s="6">
        <v>40</v>
      </c>
      <c r="D29" s="5">
        <v>63</v>
      </c>
    </row>
    <row r="30" spans="1:4" ht="18" customHeight="1" x14ac:dyDescent="0.15">
      <c r="A30" s="8">
        <v>20</v>
      </c>
      <c r="B30" s="21">
        <v>12</v>
      </c>
      <c r="C30" s="6">
        <v>10</v>
      </c>
      <c r="D30" s="5">
        <v>22</v>
      </c>
    </row>
    <row r="31" spans="1:4" ht="18" customHeight="1" x14ac:dyDescent="0.15">
      <c r="A31" s="8">
        <v>21</v>
      </c>
      <c r="B31" s="21">
        <v>11</v>
      </c>
      <c r="C31" s="6">
        <v>8</v>
      </c>
      <c r="D31" s="5">
        <v>19</v>
      </c>
    </row>
    <row r="32" spans="1:4" ht="18" customHeight="1" x14ac:dyDescent="0.15">
      <c r="A32" s="8">
        <v>22</v>
      </c>
      <c r="B32" s="21">
        <v>9</v>
      </c>
      <c r="C32" s="6">
        <v>7</v>
      </c>
      <c r="D32" s="5">
        <v>16</v>
      </c>
    </row>
    <row r="33" spans="1:4" ht="18" customHeight="1" x14ac:dyDescent="0.15">
      <c r="A33" s="8">
        <v>23</v>
      </c>
      <c r="B33" s="21">
        <v>8</v>
      </c>
      <c r="C33" s="6">
        <v>7</v>
      </c>
      <c r="D33" s="5">
        <v>15</v>
      </c>
    </row>
    <row r="34" spans="1:4" ht="18" customHeight="1" x14ac:dyDescent="0.15">
      <c r="A34" s="8">
        <v>24</v>
      </c>
      <c r="B34" s="21">
        <v>7</v>
      </c>
      <c r="C34" s="6">
        <v>8</v>
      </c>
      <c r="D34" s="5">
        <v>15</v>
      </c>
    </row>
    <row r="35" spans="1:4" ht="18" customHeight="1" x14ac:dyDescent="0.15">
      <c r="A35" s="8" t="s">
        <v>20</v>
      </c>
      <c r="B35" s="21">
        <v>47</v>
      </c>
      <c r="C35" s="6">
        <v>40</v>
      </c>
      <c r="D35" s="5">
        <v>87</v>
      </c>
    </row>
    <row r="36" spans="1:4" ht="18" customHeight="1" x14ac:dyDescent="0.15">
      <c r="A36" s="8">
        <v>25</v>
      </c>
      <c r="B36" s="21">
        <v>13</v>
      </c>
      <c r="C36" s="6">
        <v>7</v>
      </c>
      <c r="D36" s="5">
        <v>20</v>
      </c>
    </row>
    <row r="37" spans="1:4" ht="18" customHeight="1" x14ac:dyDescent="0.15">
      <c r="A37" s="8">
        <v>26</v>
      </c>
      <c r="B37" s="21">
        <v>13</v>
      </c>
      <c r="C37" s="6">
        <v>10</v>
      </c>
      <c r="D37" s="5">
        <v>23</v>
      </c>
    </row>
    <row r="38" spans="1:4" ht="18" customHeight="1" x14ac:dyDescent="0.15">
      <c r="A38" s="8">
        <v>27</v>
      </c>
      <c r="B38" s="21">
        <v>5</v>
      </c>
      <c r="C38" s="6">
        <v>5</v>
      </c>
      <c r="D38" s="5">
        <v>10</v>
      </c>
    </row>
    <row r="39" spans="1:4" ht="18" customHeight="1" x14ac:dyDescent="0.15">
      <c r="A39" s="8">
        <v>28</v>
      </c>
      <c r="B39" s="21">
        <v>8</v>
      </c>
      <c r="C39" s="6">
        <v>6</v>
      </c>
      <c r="D39" s="5">
        <v>14</v>
      </c>
    </row>
    <row r="40" spans="1:4" ht="18" customHeight="1" x14ac:dyDescent="0.15">
      <c r="A40" s="8">
        <v>29</v>
      </c>
      <c r="B40" s="21">
        <v>7</v>
      </c>
      <c r="C40" s="6">
        <v>6</v>
      </c>
      <c r="D40" s="5">
        <v>13</v>
      </c>
    </row>
    <row r="41" spans="1:4" ht="18" customHeight="1" x14ac:dyDescent="0.15">
      <c r="A41" s="8" t="s">
        <v>19</v>
      </c>
      <c r="B41" s="21">
        <v>46</v>
      </c>
      <c r="C41" s="6">
        <v>34</v>
      </c>
      <c r="D41" s="5">
        <v>80</v>
      </c>
    </row>
    <row r="42" spans="1:4" ht="18" customHeight="1" x14ac:dyDescent="0.15">
      <c r="A42" s="8">
        <v>30</v>
      </c>
      <c r="B42" s="21">
        <v>14</v>
      </c>
      <c r="C42" s="6">
        <v>7</v>
      </c>
      <c r="D42" s="5">
        <v>21</v>
      </c>
    </row>
    <row r="43" spans="1:4" ht="18" customHeight="1" x14ac:dyDescent="0.15">
      <c r="A43" s="8">
        <v>31</v>
      </c>
      <c r="B43" s="21">
        <v>8</v>
      </c>
      <c r="C43" s="6">
        <v>2</v>
      </c>
      <c r="D43" s="5">
        <v>10</v>
      </c>
    </row>
    <row r="44" spans="1:4" ht="18" customHeight="1" x14ac:dyDescent="0.15">
      <c r="A44" s="8">
        <v>32</v>
      </c>
      <c r="B44" s="21">
        <v>10</v>
      </c>
      <c r="C44" s="6">
        <v>8</v>
      </c>
      <c r="D44" s="5">
        <v>18</v>
      </c>
    </row>
    <row r="45" spans="1:4" ht="18" customHeight="1" x14ac:dyDescent="0.15">
      <c r="A45" s="8">
        <v>33</v>
      </c>
      <c r="B45" s="21">
        <v>5</v>
      </c>
      <c r="C45" s="6">
        <v>7</v>
      </c>
      <c r="D45" s="5">
        <v>12</v>
      </c>
    </row>
    <row r="46" spans="1:4" ht="18" customHeight="1" x14ac:dyDescent="0.15">
      <c r="A46" s="8">
        <v>34</v>
      </c>
      <c r="B46" s="21">
        <v>7</v>
      </c>
      <c r="C46" s="6">
        <v>11</v>
      </c>
      <c r="D46" s="5">
        <v>18</v>
      </c>
    </row>
    <row r="47" spans="1:4" ht="18" customHeight="1" x14ac:dyDescent="0.15">
      <c r="A47" s="8" t="s">
        <v>18</v>
      </c>
      <c r="B47" s="21">
        <v>44</v>
      </c>
      <c r="C47" s="6">
        <v>35</v>
      </c>
      <c r="D47" s="5">
        <v>79</v>
      </c>
    </row>
    <row r="48" spans="1:4" ht="18" customHeight="1" x14ac:dyDescent="0.15">
      <c r="A48" s="8">
        <v>35</v>
      </c>
      <c r="B48" s="21">
        <v>7</v>
      </c>
      <c r="C48" s="6">
        <v>7</v>
      </c>
      <c r="D48" s="5">
        <v>14</v>
      </c>
    </row>
    <row r="49" spans="1:4" ht="18" customHeight="1" x14ac:dyDescent="0.15">
      <c r="A49" s="8">
        <v>36</v>
      </c>
      <c r="B49" s="21">
        <v>5</v>
      </c>
      <c r="C49" s="6">
        <v>4</v>
      </c>
      <c r="D49" s="5">
        <v>9</v>
      </c>
    </row>
    <row r="50" spans="1:4" ht="18" customHeight="1" x14ac:dyDescent="0.15">
      <c r="A50" s="8">
        <v>37</v>
      </c>
      <c r="B50" s="21">
        <v>6</v>
      </c>
      <c r="C50" s="6">
        <v>3</v>
      </c>
      <c r="D50" s="5">
        <v>9</v>
      </c>
    </row>
    <row r="51" spans="1:4" ht="18" customHeight="1" x14ac:dyDescent="0.15">
      <c r="A51" s="8">
        <v>38</v>
      </c>
      <c r="B51" s="21">
        <v>8</v>
      </c>
      <c r="C51" s="6">
        <v>9</v>
      </c>
      <c r="D51" s="5">
        <v>17</v>
      </c>
    </row>
    <row r="52" spans="1:4" ht="18" customHeight="1" x14ac:dyDescent="0.15">
      <c r="A52" s="8">
        <v>39</v>
      </c>
      <c r="B52" s="21">
        <v>14</v>
      </c>
      <c r="C52" s="6">
        <v>7</v>
      </c>
      <c r="D52" s="5">
        <v>21</v>
      </c>
    </row>
    <row r="53" spans="1:4" ht="18" customHeight="1" x14ac:dyDescent="0.15">
      <c r="A53" s="8" t="s">
        <v>17</v>
      </c>
      <c r="B53" s="21">
        <v>40</v>
      </c>
      <c r="C53" s="6">
        <v>30</v>
      </c>
      <c r="D53" s="5">
        <v>70</v>
      </c>
    </row>
    <row r="54" spans="1:4" ht="18" customHeight="1" x14ac:dyDescent="0.15">
      <c r="A54" s="8">
        <v>40</v>
      </c>
      <c r="B54" s="21">
        <v>8</v>
      </c>
      <c r="C54" s="6">
        <v>10</v>
      </c>
      <c r="D54" s="5">
        <v>18</v>
      </c>
    </row>
    <row r="55" spans="1:4" ht="18" customHeight="1" x14ac:dyDescent="0.15">
      <c r="A55" s="8">
        <v>41</v>
      </c>
      <c r="B55" s="21">
        <v>7</v>
      </c>
      <c r="C55" s="6">
        <v>13</v>
      </c>
      <c r="D55" s="5">
        <v>20</v>
      </c>
    </row>
    <row r="56" spans="1:4" ht="18" customHeight="1" x14ac:dyDescent="0.15">
      <c r="A56" s="8">
        <v>42</v>
      </c>
      <c r="B56" s="21">
        <v>10</v>
      </c>
      <c r="C56" s="6">
        <v>11</v>
      </c>
      <c r="D56" s="5">
        <v>21</v>
      </c>
    </row>
    <row r="57" spans="1:4" ht="18" customHeight="1" x14ac:dyDescent="0.15">
      <c r="A57" s="8">
        <v>43</v>
      </c>
      <c r="B57" s="21">
        <v>8</v>
      </c>
      <c r="C57" s="6">
        <v>8</v>
      </c>
      <c r="D57" s="5">
        <v>16</v>
      </c>
    </row>
    <row r="58" spans="1:4" ht="18" customHeight="1" x14ac:dyDescent="0.15">
      <c r="A58" s="8">
        <v>44</v>
      </c>
      <c r="B58" s="21">
        <v>10</v>
      </c>
      <c r="C58" s="6">
        <v>9</v>
      </c>
      <c r="D58" s="5">
        <v>19</v>
      </c>
    </row>
    <row r="59" spans="1:4" ht="18" customHeight="1" x14ac:dyDescent="0.15">
      <c r="A59" s="8" t="s">
        <v>16</v>
      </c>
      <c r="B59" s="21">
        <v>43</v>
      </c>
      <c r="C59" s="6">
        <v>51</v>
      </c>
      <c r="D59" s="5">
        <v>94</v>
      </c>
    </row>
    <row r="60" spans="1:4" ht="18" customHeight="1" x14ac:dyDescent="0.15">
      <c r="A60" s="8">
        <v>45</v>
      </c>
      <c r="B60" s="21">
        <v>12</v>
      </c>
      <c r="C60" s="6">
        <v>13</v>
      </c>
      <c r="D60" s="5">
        <v>25</v>
      </c>
    </row>
    <row r="61" spans="1:4" ht="18" customHeight="1" x14ac:dyDescent="0.15">
      <c r="A61" s="8">
        <v>46</v>
      </c>
      <c r="B61" s="21">
        <v>15</v>
      </c>
      <c r="C61" s="6">
        <v>14</v>
      </c>
      <c r="D61" s="5">
        <v>29</v>
      </c>
    </row>
    <row r="62" spans="1:4" ht="18" customHeight="1" x14ac:dyDescent="0.15">
      <c r="A62" s="8">
        <v>47</v>
      </c>
      <c r="B62" s="21">
        <v>17</v>
      </c>
      <c r="C62" s="6">
        <v>13</v>
      </c>
      <c r="D62" s="5">
        <v>30</v>
      </c>
    </row>
    <row r="63" spans="1:4" ht="18" customHeight="1" x14ac:dyDescent="0.15">
      <c r="A63" s="8">
        <v>48</v>
      </c>
      <c r="B63" s="21">
        <v>16</v>
      </c>
      <c r="C63" s="6">
        <v>13</v>
      </c>
      <c r="D63" s="5">
        <v>29</v>
      </c>
    </row>
    <row r="64" spans="1:4" ht="18" customHeight="1" x14ac:dyDescent="0.15">
      <c r="A64" s="8">
        <v>49</v>
      </c>
      <c r="B64" s="21">
        <v>21</v>
      </c>
      <c r="C64" s="6">
        <v>21</v>
      </c>
      <c r="D64" s="5">
        <v>42</v>
      </c>
    </row>
    <row r="65" spans="1:4" ht="18" customHeight="1" x14ac:dyDescent="0.15">
      <c r="A65" s="8" t="s">
        <v>15</v>
      </c>
      <c r="B65" s="21">
        <v>81</v>
      </c>
      <c r="C65" s="6">
        <v>74</v>
      </c>
      <c r="D65" s="5">
        <v>155</v>
      </c>
    </row>
    <row r="66" spans="1:4" ht="18" customHeight="1" x14ac:dyDescent="0.15">
      <c r="A66" s="8">
        <v>50</v>
      </c>
      <c r="B66" s="21">
        <v>18</v>
      </c>
      <c r="C66" s="6">
        <v>24</v>
      </c>
      <c r="D66" s="5">
        <v>42</v>
      </c>
    </row>
    <row r="67" spans="1:4" ht="18" customHeight="1" x14ac:dyDescent="0.15">
      <c r="A67" s="8">
        <v>51</v>
      </c>
      <c r="B67" s="21">
        <v>13</v>
      </c>
      <c r="C67" s="6">
        <v>15</v>
      </c>
      <c r="D67" s="5">
        <v>28</v>
      </c>
    </row>
    <row r="68" spans="1:4" ht="18" customHeight="1" x14ac:dyDescent="0.15">
      <c r="A68" s="8">
        <v>52</v>
      </c>
      <c r="B68" s="21">
        <v>15</v>
      </c>
      <c r="C68" s="6">
        <v>20</v>
      </c>
      <c r="D68" s="5">
        <v>35</v>
      </c>
    </row>
    <row r="69" spans="1:4" ht="18" customHeight="1" x14ac:dyDescent="0.15">
      <c r="A69" s="8">
        <v>53</v>
      </c>
      <c r="B69" s="21">
        <v>20</v>
      </c>
      <c r="C69" s="6">
        <v>22</v>
      </c>
      <c r="D69" s="5">
        <v>42</v>
      </c>
    </row>
    <row r="70" spans="1:4" ht="18" customHeight="1" x14ac:dyDescent="0.15">
      <c r="A70" s="8">
        <v>54</v>
      </c>
      <c r="B70" s="21">
        <v>14</v>
      </c>
      <c r="C70" s="6">
        <v>14</v>
      </c>
      <c r="D70" s="5">
        <v>28</v>
      </c>
    </row>
    <row r="71" spans="1:4" ht="18" customHeight="1" x14ac:dyDescent="0.15">
      <c r="A71" s="8" t="s">
        <v>14</v>
      </c>
      <c r="B71" s="21">
        <v>80</v>
      </c>
      <c r="C71" s="6">
        <v>95</v>
      </c>
      <c r="D71" s="5">
        <v>175</v>
      </c>
    </row>
    <row r="72" spans="1:4" ht="18" customHeight="1" x14ac:dyDescent="0.15">
      <c r="A72" s="8">
        <v>55</v>
      </c>
      <c r="B72" s="21">
        <v>17</v>
      </c>
      <c r="C72" s="6">
        <v>12</v>
      </c>
      <c r="D72" s="5">
        <v>29</v>
      </c>
    </row>
    <row r="73" spans="1:4" ht="18" customHeight="1" x14ac:dyDescent="0.15">
      <c r="A73" s="8">
        <v>56</v>
      </c>
      <c r="B73" s="21">
        <v>16</v>
      </c>
      <c r="C73" s="6">
        <v>17</v>
      </c>
      <c r="D73" s="5">
        <v>33</v>
      </c>
    </row>
    <row r="74" spans="1:4" ht="18" customHeight="1" x14ac:dyDescent="0.15">
      <c r="A74" s="8">
        <v>57</v>
      </c>
      <c r="B74" s="21">
        <v>19</v>
      </c>
      <c r="C74" s="6">
        <v>11</v>
      </c>
      <c r="D74" s="5">
        <v>30</v>
      </c>
    </row>
    <row r="75" spans="1:4" ht="18" customHeight="1" x14ac:dyDescent="0.15">
      <c r="A75" s="8">
        <v>58</v>
      </c>
      <c r="B75" s="21">
        <v>17</v>
      </c>
      <c r="C75" s="6">
        <v>14</v>
      </c>
      <c r="D75" s="5">
        <v>31</v>
      </c>
    </row>
    <row r="76" spans="1:4" ht="18" customHeight="1" x14ac:dyDescent="0.15">
      <c r="A76" s="8">
        <v>59</v>
      </c>
      <c r="B76" s="21">
        <v>7</v>
      </c>
      <c r="C76" s="6">
        <v>12</v>
      </c>
      <c r="D76" s="5">
        <v>19</v>
      </c>
    </row>
    <row r="77" spans="1:4" ht="18" customHeight="1" x14ac:dyDescent="0.15">
      <c r="A77" s="8" t="s">
        <v>13</v>
      </c>
      <c r="B77" s="21">
        <v>76</v>
      </c>
      <c r="C77" s="6">
        <v>66</v>
      </c>
      <c r="D77" s="5">
        <v>142</v>
      </c>
    </row>
    <row r="78" spans="1:4" ht="18" customHeight="1" x14ac:dyDescent="0.15">
      <c r="A78" s="8">
        <v>60</v>
      </c>
      <c r="B78" s="21">
        <v>9</v>
      </c>
      <c r="C78" s="6">
        <v>14</v>
      </c>
      <c r="D78" s="5">
        <v>23</v>
      </c>
    </row>
    <row r="79" spans="1:4" ht="18" customHeight="1" x14ac:dyDescent="0.15">
      <c r="A79" s="8">
        <v>61</v>
      </c>
      <c r="B79" s="21">
        <v>10</v>
      </c>
      <c r="C79" s="6">
        <v>14</v>
      </c>
      <c r="D79" s="5">
        <v>24</v>
      </c>
    </row>
    <row r="80" spans="1:4" ht="18" customHeight="1" x14ac:dyDescent="0.15">
      <c r="A80" s="8">
        <v>62</v>
      </c>
      <c r="B80" s="21">
        <v>10</v>
      </c>
      <c r="C80" s="6">
        <v>17</v>
      </c>
      <c r="D80" s="5">
        <v>27</v>
      </c>
    </row>
    <row r="81" spans="1:4" ht="18" customHeight="1" x14ac:dyDescent="0.15">
      <c r="A81" s="8">
        <v>63</v>
      </c>
      <c r="B81" s="21">
        <v>11</v>
      </c>
      <c r="C81" s="6">
        <v>7</v>
      </c>
      <c r="D81" s="5">
        <v>18</v>
      </c>
    </row>
    <row r="82" spans="1:4" ht="18" customHeight="1" x14ac:dyDescent="0.15">
      <c r="A82" s="8">
        <v>64</v>
      </c>
      <c r="B82" s="21">
        <v>9</v>
      </c>
      <c r="C82" s="6">
        <v>11</v>
      </c>
      <c r="D82" s="5">
        <v>20</v>
      </c>
    </row>
    <row r="83" spans="1:4" ht="18" customHeight="1" x14ac:dyDescent="0.15">
      <c r="A83" s="8" t="s">
        <v>12</v>
      </c>
      <c r="B83" s="21">
        <v>49</v>
      </c>
      <c r="C83" s="6">
        <v>63</v>
      </c>
      <c r="D83" s="5">
        <v>112</v>
      </c>
    </row>
    <row r="84" spans="1:4" ht="18" customHeight="1" x14ac:dyDescent="0.15">
      <c r="A84" s="8" t="s">
        <v>11</v>
      </c>
      <c r="B84" s="21">
        <v>529</v>
      </c>
      <c r="C84" s="6">
        <v>528</v>
      </c>
      <c r="D84" s="5">
        <v>1057</v>
      </c>
    </row>
    <row r="85" spans="1:4" ht="18" customHeight="1" x14ac:dyDescent="0.15">
      <c r="A85" s="8">
        <v>65</v>
      </c>
      <c r="B85" s="21">
        <v>8</v>
      </c>
      <c r="C85" s="6">
        <v>9</v>
      </c>
      <c r="D85" s="5">
        <v>17</v>
      </c>
    </row>
    <row r="86" spans="1:4" ht="18" customHeight="1" x14ac:dyDescent="0.15">
      <c r="A86" s="8">
        <v>66</v>
      </c>
      <c r="B86" s="21">
        <v>10</v>
      </c>
      <c r="C86" s="6">
        <v>10</v>
      </c>
      <c r="D86" s="5">
        <v>20</v>
      </c>
    </row>
    <row r="87" spans="1:4" ht="18" customHeight="1" x14ac:dyDescent="0.15">
      <c r="A87" s="8">
        <v>67</v>
      </c>
      <c r="B87" s="21">
        <v>9</v>
      </c>
      <c r="C87" s="6">
        <v>14</v>
      </c>
      <c r="D87" s="5">
        <v>23</v>
      </c>
    </row>
    <row r="88" spans="1:4" ht="18" customHeight="1" x14ac:dyDescent="0.15">
      <c r="A88" s="8">
        <v>68</v>
      </c>
      <c r="B88" s="21">
        <v>8</v>
      </c>
      <c r="C88" s="6">
        <v>9</v>
      </c>
      <c r="D88" s="5">
        <v>17</v>
      </c>
    </row>
    <row r="89" spans="1:4" ht="18" customHeight="1" x14ac:dyDescent="0.15">
      <c r="A89" s="8">
        <v>69</v>
      </c>
      <c r="B89" s="21">
        <v>13</v>
      </c>
      <c r="C89" s="6">
        <v>7</v>
      </c>
      <c r="D89" s="5">
        <v>20</v>
      </c>
    </row>
    <row r="90" spans="1:4" ht="18" customHeight="1" x14ac:dyDescent="0.15">
      <c r="A90" s="8" t="s">
        <v>10</v>
      </c>
      <c r="B90" s="21">
        <v>48</v>
      </c>
      <c r="C90" s="6">
        <v>49</v>
      </c>
      <c r="D90" s="5">
        <v>97</v>
      </c>
    </row>
    <row r="91" spans="1:4" ht="18" customHeight="1" x14ac:dyDescent="0.15">
      <c r="A91" s="8">
        <v>70</v>
      </c>
      <c r="B91" s="21">
        <v>9</v>
      </c>
      <c r="C91" s="6">
        <v>14</v>
      </c>
      <c r="D91" s="5">
        <v>23</v>
      </c>
    </row>
    <row r="92" spans="1:4" ht="18" customHeight="1" x14ac:dyDescent="0.15">
      <c r="A92" s="8">
        <v>71</v>
      </c>
      <c r="B92" s="21">
        <v>6</v>
      </c>
      <c r="C92" s="6">
        <v>9</v>
      </c>
      <c r="D92" s="5">
        <v>15</v>
      </c>
    </row>
    <row r="93" spans="1:4" ht="18" customHeight="1" x14ac:dyDescent="0.15">
      <c r="A93" s="8">
        <v>72</v>
      </c>
      <c r="B93" s="21">
        <v>7</v>
      </c>
      <c r="C93" s="6">
        <v>14</v>
      </c>
      <c r="D93" s="5">
        <v>21</v>
      </c>
    </row>
    <row r="94" spans="1:4" ht="18" customHeight="1" x14ac:dyDescent="0.15">
      <c r="A94" s="8">
        <v>73</v>
      </c>
      <c r="B94" s="21">
        <v>11</v>
      </c>
      <c r="C94" s="6">
        <v>15</v>
      </c>
      <c r="D94" s="5">
        <v>26</v>
      </c>
    </row>
    <row r="95" spans="1:4" ht="18" customHeight="1" x14ac:dyDescent="0.15">
      <c r="A95" s="8">
        <v>74</v>
      </c>
      <c r="B95" s="21">
        <v>9</v>
      </c>
      <c r="C95" s="6">
        <v>10</v>
      </c>
      <c r="D95" s="5">
        <v>19</v>
      </c>
    </row>
    <row r="96" spans="1:4" ht="18" customHeight="1" x14ac:dyDescent="0.15">
      <c r="A96" s="8" t="s">
        <v>9</v>
      </c>
      <c r="B96" s="21">
        <v>42</v>
      </c>
      <c r="C96" s="6">
        <v>62</v>
      </c>
      <c r="D96" s="5">
        <v>104</v>
      </c>
    </row>
    <row r="97" spans="1:4" ht="18" customHeight="1" x14ac:dyDescent="0.15">
      <c r="A97" s="8">
        <v>75</v>
      </c>
      <c r="B97" s="21">
        <v>15</v>
      </c>
      <c r="C97" s="6">
        <v>9</v>
      </c>
      <c r="D97" s="5">
        <v>24</v>
      </c>
    </row>
    <row r="98" spans="1:4" ht="18" customHeight="1" x14ac:dyDescent="0.15">
      <c r="A98" s="8">
        <v>76</v>
      </c>
      <c r="B98" s="21">
        <v>10</v>
      </c>
      <c r="C98" s="6">
        <v>19</v>
      </c>
      <c r="D98" s="5">
        <v>29</v>
      </c>
    </row>
    <row r="99" spans="1:4" ht="18" customHeight="1" x14ac:dyDescent="0.15">
      <c r="A99" s="8">
        <v>77</v>
      </c>
      <c r="B99" s="21">
        <v>11</v>
      </c>
      <c r="C99" s="6">
        <v>14</v>
      </c>
      <c r="D99" s="5">
        <v>25</v>
      </c>
    </row>
    <row r="100" spans="1:4" ht="18" customHeight="1" x14ac:dyDescent="0.15">
      <c r="A100" s="8">
        <v>78</v>
      </c>
      <c r="B100" s="21">
        <v>10</v>
      </c>
      <c r="C100" s="6">
        <v>15</v>
      </c>
      <c r="D100" s="5">
        <v>25</v>
      </c>
    </row>
    <row r="101" spans="1:4" ht="18" customHeight="1" x14ac:dyDescent="0.15">
      <c r="A101" s="8">
        <v>79</v>
      </c>
      <c r="B101" s="21">
        <v>10</v>
      </c>
      <c r="C101" s="6">
        <v>8</v>
      </c>
      <c r="D101" s="5">
        <v>18</v>
      </c>
    </row>
    <row r="102" spans="1:4" ht="18" customHeight="1" x14ac:dyDescent="0.15">
      <c r="A102" s="8" t="s">
        <v>8</v>
      </c>
      <c r="B102" s="21">
        <v>56</v>
      </c>
      <c r="C102" s="6">
        <v>65</v>
      </c>
      <c r="D102" s="5">
        <v>121</v>
      </c>
    </row>
    <row r="103" spans="1:4" ht="18" customHeight="1" x14ac:dyDescent="0.15">
      <c r="A103" s="8">
        <v>80</v>
      </c>
      <c r="B103" s="21">
        <v>2</v>
      </c>
      <c r="C103" s="6">
        <v>12</v>
      </c>
      <c r="D103" s="5">
        <v>14</v>
      </c>
    </row>
    <row r="104" spans="1:4" ht="18" customHeight="1" x14ac:dyDescent="0.15">
      <c r="A104" s="8">
        <v>81</v>
      </c>
      <c r="B104" s="21">
        <v>8</v>
      </c>
      <c r="C104" s="6">
        <v>9</v>
      </c>
      <c r="D104" s="5">
        <v>17</v>
      </c>
    </row>
    <row r="105" spans="1:4" ht="18" customHeight="1" x14ac:dyDescent="0.15">
      <c r="A105" s="8">
        <v>82</v>
      </c>
      <c r="B105" s="21">
        <v>5</v>
      </c>
      <c r="C105" s="6">
        <v>10</v>
      </c>
      <c r="D105" s="5">
        <v>15</v>
      </c>
    </row>
    <row r="106" spans="1:4" ht="18" customHeight="1" x14ac:dyDescent="0.15">
      <c r="A106" s="8">
        <v>83</v>
      </c>
      <c r="B106" s="21">
        <v>7</v>
      </c>
      <c r="C106" s="6">
        <v>15</v>
      </c>
      <c r="D106" s="5">
        <v>22</v>
      </c>
    </row>
    <row r="107" spans="1:4" ht="18" customHeight="1" x14ac:dyDescent="0.15">
      <c r="A107" s="8">
        <v>84</v>
      </c>
      <c r="B107" s="21">
        <v>7</v>
      </c>
      <c r="C107" s="6">
        <v>21</v>
      </c>
      <c r="D107" s="5">
        <v>28</v>
      </c>
    </row>
    <row r="108" spans="1:4" ht="18" customHeight="1" x14ac:dyDescent="0.15">
      <c r="A108" s="8" t="s">
        <v>7</v>
      </c>
      <c r="B108" s="21">
        <v>29</v>
      </c>
      <c r="C108" s="6">
        <v>67</v>
      </c>
      <c r="D108" s="5">
        <v>96</v>
      </c>
    </row>
    <row r="109" spans="1:4" ht="18" customHeight="1" x14ac:dyDescent="0.15">
      <c r="A109" s="8">
        <v>85</v>
      </c>
      <c r="B109" s="21">
        <v>6</v>
      </c>
      <c r="C109" s="6">
        <v>11</v>
      </c>
      <c r="D109" s="5">
        <v>17</v>
      </c>
    </row>
    <row r="110" spans="1:4" ht="18" customHeight="1" x14ac:dyDescent="0.15">
      <c r="A110" s="8">
        <v>86</v>
      </c>
      <c r="B110" s="21">
        <v>7</v>
      </c>
      <c r="C110" s="6">
        <v>9</v>
      </c>
      <c r="D110" s="5">
        <v>16</v>
      </c>
    </row>
    <row r="111" spans="1:4" ht="18" customHeight="1" x14ac:dyDescent="0.15">
      <c r="A111" s="8">
        <v>87</v>
      </c>
      <c r="B111" s="21">
        <v>6</v>
      </c>
      <c r="C111" s="6">
        <v>2</v>
      </c>
      <c r="D111" s="5">
        <v>8</v>
      </c>
    </row>
    <row r="112" spans="1:4" ht="18" customHeight="1" x14ac:dyDescent="0.15">
      <c r="A112" s="8">
        <v>88</v>
      </c>
      <c r="B112" s="21">
        <v>5</v>
      </c>
      <c r="C112" s="6">
        <v>7</v>
      </c>
      <c r="D112" s="5">
        <v>12</v>
      </c>
    </row>
    <row r="113" spans="1:4" ht="18" customHeight="1" x14ac:dyDescent="0.15">
      <c r="A113" s="8">
        <v>89</v>
      </c>
      <c r="B113" s="21">
        <v>2</v>
      </c>
      <c r="C113" s="6">
        <v>6</v>
      </c>
      <c r="D113" s="5">
        <v>8</v>
      </c>
    </row>
    <row r="114" spans="1:4" ht="18" customHeight="1" x14ac:dyDescent="0.15">
      <c r="A114" s="8" t="s">
        <v>6</v>
      </c>
      <c r="B114" s="21">
        <v>26</v>
      </c>
      <c r="C114" s="6">
        <v>35</v>
      </c>
      <c r="D114" s="5">
        <v>61</v>
      </c>
    </row>
    <row r="115" spans="1:4" ht="18" customHeight="1" x14ac:dyDescent="0.15">
      <c r="A115" s="8">
        <v>90</v>
      </c>
      <c r="B115" s="21">
        <v>2</v>
      </c>
      <c r="C115" s="6">
        <v>4</v>
      </c>
      <c r="D115" s="5">
        <v>6</v>
      </c>
    </row>
    <row r="116" spans="1:4" ht="18" customHeight="1" x14ac:dyDescent="0.15">
      <c r="A116" s="8">
        <v>91</v>
      </c>
      <c r="B116" s="21">
        <v>5</v>
      </c>
      <c r="C116" s="6">
        <v>8</v>
      </c>
      <c r="D116" s="5">
        <v>13</v>
      </c>
    </row>
    <row r="117" spans="1:4" ht="18" customHeight="1" x14ac:dyDescent="0.15">
      <c r="A117" s="8">
        <v>92</v>
      </c>
      <c r="B117" s="21">
        <v>1</v>
      </c>
      <c r="C117" s="6">
        <v>4</v>
      </c>
      <c r="D117" s="5">
        <v>5</v>
      </c>
    </row>
    <row r="118" spans="1:4" ht="18" customHeight="1" x14ac:dyDescent="0.15">
      <c r="A118" s="8">
        <v>93</v>
      </c>
      <c r="B118" s="21">
        <v>0</v>
      </c>
      <c r="C118" s="6">
        <v>6</v>
      </c>
      <c r="D118" s="5">
        <v>6</v>
      </c>
    </row>
    <row r="119" spans="1:4" ht="18" customHeight="1" x14ac:dyDescent="0.15">
      <c r="A119" s="8">
        <v>94</v>
      </c>
      <c r="B119" s="21">
        <v>0</v>
      </c>
      <c r="C119" s="6">
        <v>3</v>
      </c>
      <c r="D119" s="5">
        <v>3</v>
      </c>
    </row>
    <row r="120" spans="1:4" ht="18" customHeight="1" x14ac:dyDescent="0.15">
      <c r="A120" s="8" t="s">
        <v>5</v>
      </c>
      <c r="B120" s="21">
        <v>8</v>
      </c>
      <c r="C120" s="6">
        <v>25</v>
      </c>
      <c r="D120" s="5">
        <v>33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4</v>
      </c>
      <c r="D124" s="5">
        <v>4</v>
      </c>
    </row>
    <row r="125" spans="1:4" ht="18" customHeight="1" x14ac:dyDescent="0.15">
      <c r="A125" s="8">
        <v>99</v>
      </c>
      <c r="B125" s="21">
        <v>1</v>
      </c>
      <c r="C125" s="6">
        <v>0</v>
      </c>
      <c r="D125" s="5">
        <v>1</v>
      </c>
    </row>
    <row r="126" spans="1:4" ht="18" customHeight="1" x14ac:dyDescent="0.15">
      <c r="A126" s="8" t="s">
        <v>4</v>
      </c>
      <c r="B126" s="21">
        <v>2</v>
      </c>
      <c r="C126" s="6">
        <v>14</v>
      </c>
      <c r="D126" s="5">
        <v>16</v>
      </c>
    </row>
    <row r="127" spans="1:4" ht="18" customHeight="1" x14ac:dyDescent="0.15">
      <c r="A127" s="8">
        <v>100</v>
      </c>
      <c r="B127" s="21">
        <v>0</v>
      </c>
      <c r="C127" s="6">
        <v>4</v>
      </c>
      <c r="D127" s="5">
        <v>4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211</v>
      </c>
      <c r="C130" s="6">
        <v>322</v>
      </c>
      <c r="D130" s="5">
        <v>533</v>
      </c>
    </row>
    <row r="131" spans="1:4" ht="18" customHeight="1" x14ac:dyDescent="0.15">
      <c r="A131" s="4" t="s">
        <v>0</v>
      </c>
      <c r="B131" s="20">
        <v>810</v>
      </c>
      <c r="C131" s="2">
        <v>902</v>
      </c>
      <c r="D131" s="1">
        <v>171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47EC23-4836-4CB0-BC9B-AD46B0B985CC}">
  <sheetPr codeName="Sheet6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7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31</v>
      </c>
      <c r="C5" s="11">
        <v>21</v>
      </c>
      <c r="D5" s="10">
        <v>52</v>
      </c>
    </row>
    <row r="6" spans="1:4" ht="18" customHeight="1" x14ac:dyDescent="0.15">
      <c r="A6" s="8">
        <v>1</v>
      </c>
      <c r="B6" s="21">
        <v>27</v>
      </c>
      <c r="C6" s="6">
        <v>23</v>
      </c>
      <c r="D6" s="5">
        <v>50</v>
      </c>
    </row>
    <row r="7" spans="1:4" ht="18" customHeight="1" x14ac:dyDescent="0.15">
      <c r="A7" s="8">
        <v>2</v>
      </c>
      <c r="B7" s="21">
        <v>26</v>
      </c>
      <c r="C7" s="6">
        <v>22</v>
      </c>
      <c r="D7" s="5">
        <v>48</v>
      </c>
    </row>
    <row r="8" spans="1:4" ht="18" customHeight="1" x14ac:dyDescent="0.15">
      <c r="A8" s="8">
        <v>3</v>
      </c>
      <c r="B8" s="21">
        <v>30</v>
      </c>
      <c r="C8" s="6">
        <v>39</v>
      </c>
      <c r="D8" s="5">
        <v>69</v>
      </c>
    </row>
    <row r="9" spans="1:4" ht="18" customHeight="1" x14ac:dyDescent="0.15">
      <c r="A9" s="8">
        <v>4</v>
      </c>
      <c r="B9" s="21">
        <v>39</v>
      </c>
      <c r="C9" s="6">
        <v>32</v>
      </c>
      <c r="D9" s="5">
        <v>71</v>
      </c>
    </row>
    <row r="10" spans="1:4" ht="18" customHeight="1" x14ac:dyDescent="0.15">
      <c r="A10" s="8" t="s">
        <v>25</v>
      </c>
      <c r="B10" s="21">
        <v>153</v>
      </c>
      <c r="C10" s="6">
        <v>137</v>
      </c>
      <c r="D10" s="5">
        <v>290</v>
      </c>
    </row>
    <row r="11" spans="1:4" ht="18" customHeight="1" x14ac:dyDescent="0.15">
      <c r="A11" s="8">
        <v>5</v>
      </c>
      <c r="B11" s="21">
        <v>36</v>
      </c>
      <c r="C11" s="6">
        <v>36</v>
      </c>
      <c r="D11" s="5">
        <v>72</v>
      </c>
    </row>
    <row r="12" spans="1:4" ht="18" customHeight="1" x14ac:dyDescent="0.15">
      <c r="A12" s="8">
        <v>6</v>
      </c>
      <c r="B12" s="21">
        <v>37</v>
      </c>
      <c r="C12" s="6">
        <v>38</v>
      </c>
      <c r="D12" s="5">
        <v>75</v>
      </c>
    </row>
    <row r="13" spans="1:4" ht="18" customHeight="1" x14ac:dyDescent="0.15">
      <c r="A13" s="8">
        <v>7</v>
      </c>
      <c r="B13" s="21">
        <v>31</v>
      </c>
      <c r="C13" s="6">
        <v>33</v>
      </c>
      <c r="D13" s="5">
        <v>64</v>
      </c>
    </row>
    <row r="14" spans="1:4" ht="18" customHeight="1" x14ac:dyDescent="0.15">
      <c r="A14" s="8">
        <v>8</v>
      </c>
      <c r="B14" s="21">
        <v>37</v>
      </c>
      <c r="C14" s="6">
        <v>33</v>
      </c>
      <c r="D14" s="5">
        <v>70</v>
      </c>
    </row>
    <row r="15" spans="1:4" ht="18" customHeight="1" x14ac:dyDescent="0.15">
      <c r="A15" s="8">
        <v>9</v>
      </c>
      <c r="B15" s="21">
        <v>36</v>
      </c>
      <c r="C15" s="6">
        <v>40</v>
      </c>
      <c r="D15" s="5">
        <v>76</v>
      </c>
    </row>
    <row r="16" spans="1:4" ht="18" customHeight="1" x14ac:dyDescent="0.15">
      <c r="A16" s="8" t="s">
        <v>24</v>
      </c>
      <c r="B16" s="21">
        <v>177</v>
      </c>
      <c r="C16" s="6">
        <v>180</v>
      </c>
      <c r="D16" s="5">
        <v>357</v>
      </c>
    </row>
    <row r="17" spans="1:4" ht="18" customHeight="1" x14ac:dyDescent="0.15">
      <c r="A17" s="8">
        <v>10</v>
      </c>
      <c r="B17" s="21">
        <v>36</v>
      </c>
      <c r="C17" s="6">
        <v>43</v>
      </c>
      <c r="D17" s="5">
        <v>79</v>
      </c>
    </row>
    <row r="18" spans="1:4" ht="18" customHeight="1" x14ac:dyDescent="0.15">
      <c r="A18" s="8">
        <v>11</v>
      </c>
      <c r="B18" s="21">
        <v>36</v>
      </c>
      <c r="C18" s="6">
        <v>32</v>
      </c>
      <c r="D18" s="5">
        <v>68</v>
      </c>
    </row>
    <row r="19" spans="1:4" ht="18" customHeight="1" x14ac:dyDescent="0.15">
      <c r="A19" s="8">
        <v>12</v>
      </c>
      <c r="B19" s="21">
        <v>32</v>
      </c>
      <c r="C19" s="6">
        <v>34</v>
      </c>
      <c r="D19" s="5">
        <v>66</v>
      </c>
    </row>
    <row r="20" spans="1:4" ht="18" customHeight="1" x14ac:dyDescent="0.15">
      <c r="A20" s="8">
        <v>13</v>
      </c>
      <c r="B20" s="21">
        <v>48</v>
      </c>
      <c r="C20" s="6">
        <v>36</v>
      </c>
      <c r="D20" s="5">
        <v>84</v>
      </c>
    </row>
    <row r="21" spans="1:4" ht="18" customHeight="1" x14ac:dyDescent="0.15">
      <c r="A21" s="8">
        <v>14</v>
      </c>
      <c r="B21" s="21">
        <v>45</v>
      </c>
      <c r="C21" s="6">
        <v>38</v>
      </c>
      <c r="D21" s="5">
        <v>83</v>
      </c>
    </row>
    <row r="22" spans="1:4" ht="18" customHeight="1" x14ac:dyDescent="0.15">
      <c r="A22" s="8" t="s">
        <v>23</v>
      </c>
      <c r="B22" s="21">
        <v>197</v>
      </c>
      <c r="C22" s="6">
        <v>183</v>
      </c>
      <c r="D22" s="5">
        <v>380</v>
      </c>
    </row>
    <row r="23" spans="1:4" ht="18" customHeight="1" x14ac:dyDescent="0.15">
      <c r="A23" s="8" t="s">
        <v>22</v>
      </c>
      <c r="B23" s="21">
        <v>527</v>
      </c>
      <c r="C23" s="6">
        <v>500</v>
      </c>
      <c r="D23" s="5">
        <v>1027</v>
      </c>
    </row>
    <row r="24" spans="1:4" ht="18" customHeight="1" x14ac:dyDescent="0.15">
      <c r="A24" s="8">
        <v>15</v>
      </c>
      <c r="B24" s="21">
        <v>45</v>
      </c>
      <c r="C24" s="6">
        <v>39</v>
      </c>
      <c r="D24" s="5">
        <v>84</v>
      </c>
    </row>
    <row r="25" spans="1:4" ht="18" customHeight="1" x14ac:dyDescent="0.15">
      <c r="A25" s="8">
        <v>16</v>
      </c>
      <c r="B25" s="21">
        <v>45</v>
      </c>
      <c r="C25" s="6">
        <v>35</v>
      </c>
      <c r="D25" s="5">
        <v>80</v>
      </c>
    </row>
    <row r="26" spans="1:4" ht="18" customHeight="1" x14ac:dyDescent="0.15">
      <c r="A26" s="8">
        <v>17</v>
      </c>
      <c r="B26" s="21">
        <v>42</v>
      </c>
      <c r="C26" s="6">
        <v>39</v>
      </c>
      <c r="D26" s="5">
        <v>81</v>
      </c>
    </row>
    <row r="27" spans="1:4" ht="18" customHeight="1" x14ac:dyDescent="0.15">
      <c r="A27" s="8">
        <v>18</v>
      </c>
      <c r="B27" s="21">
        <v>45</v>
      </c>
      <c r="C27" s="6">
        <v>34</v>
      </c>
      <c r="D27" s="5">
        <v>79</v>
      </c>
    </row>
    <row r="28" spans="1:4" ht="18" customHeight="1" x14ac:dyDescent="0.15">
      <c r="A28" s="8">
        <v>19</v>
      </c>
      <c r="B28" s="21">
        <v>46</v>
      </c>
      <c r="C28" s="6">
        <v>39</v>
      </c>
      <c r="D28" s="5">
        <v>85</v>
      </c>
    </row>
    <row r="29" spans="1:4" ht="18" customHeight="1" x14ac:dyDescent="0.15">
      <c r="A29" s="8" t="s">
        <v>21</v>
      </c>
      <c r="B29" s="21">
        <v>223</v>
      </c>
      <c r="C29" s="6">
        <v>186</v>
      </c>
      <c r="D29" s="5">
        <v>409</v>
      </c>
    </row>
    <row r="30" spans="1:4" ht="18" customHeight="1" x14ac:dyDescent="0.15">
      <c r="A30" s="8">
        <v>20</v>
      </c>
      <c r="B30" s="21">
        <v>43</v>
      </c>
      <c r="C30" s="6">
        <v>41</v>
      </c>
      <c r="D30" s="5">
        <v>84</v>
      </c>
    </row>
    <row r="31" spans="1:4" ht="18" customHeight="1" x14ac:dyDescent="0.15">
      <c r="A31" s="8">
        <v>21</v>
      </c>
      <c r="B31" s="21">
        <v>58</v>
      </c>
      <c r="C31" s="6">
        <v>42</v>
      </c>
      <c r="D31" s="5">
        <v>100</v>
      </c>
    </row>
    <row r="32" spans="1:4" ht="18" customHeight="1" x14ac:dyDescent="0.15">
      <c r="A32" s="8">
        <v>22</v>
      </c>
      <c r="B32" s="21">
        <v>61</v>
      </c>
      <c r="C32" s="6">
        <v>32</v>
      </c>
      <c r="D32" s="5">
        <v>93</v>
      </c>
    </row>
    <row r="33" spans="1:4" ht="18" customHeight="1" x14ac:dyDescent="0.15">
      <c r="A33" s="8">
        <v>23</v>
      </c>
      <c r="B33" s="21">
        <v>62</v>
      </c>
      <c r="C33" s="6">
        <v>38</v>
      </c>
      <c r="D33" s="5">
        <v>100</v>
      </c>
    </row>
    <row r="34" spans="1:4" ht="18" customHeight="1" x14ac:dyDescent="0.15">
      <c r="A34" s="8">
        <v>24</v>
      </c>
      <c r="B34" s="21">
        <v>60</v>
      </c>
      <c r="C34" s="6">
        <v>53</v>
      </c>
      <c r="D34" s="5">
        <v>113</v>
      </c>
    </row>
    <row r="35" spans="1:4" ht="18" customHeight="1" x14ac:dyDescent="0.15">
      <c r="A35" s="8" t="s">
        <v>20</v>
      </c>
      <c r="B35" s="21">
        <v>284</v>
      </c>
      <c r="C35" s="6">
        <v>206</v>
      </c>
      <c r="D35" s="5">
        <v>490</v>
      </c>
    </row>
    <row r="36" spans="1:4" ht="18" customHeight="1" x14ac:dyDescent="0.15">
      <c r="A36" s="8">
        <v>25</v>
      </c>
      <c r="B36" s="21">
        <v>71</v>
      </c>
      <c r="C36" s="6">
        <v>47</v>
      </c>
      <c r="D36" s="5">
        <v>118</v>
      </c>
    </row>
    <row r="37" spans="1:4" ht="18" customHeight="1" x14ac:dyDescent="0.15">
      <c r="A37" s="8">
        <v>26</v>
      </c>
      <c r="B37" s="21">
        <v>64</v>
      </c>
      <c r="C37" s="6">
        <v>46</v>
      </c>
      <c r="D37" s="5">
        <v>110</v>
      </c>
    </row>
    <row r="38" spans="1:4" ht="18" customHeight="1" x14ac:dyDescent="0.15">
      <c r="A38" s="8">
        <v>27</v>
      </c>
      <c r="B38" s="21">
        <v>49</v>
      </c>
      <c r="C38" s="6">
        <v>50</v>
      </c>
      <c r="D38" s="5">
        <v>99</v>
      </c>
    </row>
    <row r="39" spans="1:4" ht="18" customHeight="1" x14ac:dyDescent="0.15">
      <c r="A39" s="8">
        <v>28</v>
      </c>
      <c r="B39" s="21">
        <v>56</v>
      </c>
      <c r="C39" s="6">
        <v>43</v>
      </c>
      <c r="D39" s="5">
        <v>99</v>
      </c>
    </row>
    <row r="40" spans="1:4" ht="18" customHeight="1" x14ac:dyDescent="0.15">
      <c r="A40" s="8">
        <v>29</v>
      </c>
      <c r="B40" s="21">
        <v>51</v>
      </c>
      <c r="C40" s="6">
        <v>53</v>
      </c>
      <c r="D40" s="5">
        <v>104</v>
      </c>
    </row>
    <row r="41" spans="1:4" ht="18" customHeight="1" x14ac:dyDescent="0.15">
      <c r="A41" s="8" t="s">
        <v>19</v>
      </c>
      <c r="B41" s="21">
        <v>291</v>
      </c>
      <c r="C41" s="6">
        <v>239</v>
      </c>
      <c r="D41" s="5">
        <v>530</v>
      </c>
    </row>
    <row r="42" spans="1:4" ht="18" customHeight="1" x14ac:dyDescent="0.15">
      <c r="A42" s="8">
        <v>30</v>
      </c>
      <c r="B42" s="21">
        <v>58</v>
      </c>
      <c r="C42" s="6">
        <v>45</v>
      </c>
      <c r="D42" s="5">
        <v>103</v>
      </c>
    </row>
    <row r="43" spans="1:4" ht="18" customHeight="1" x14ac:dyDescent="0.15">
      <c r="A43" s="8">
        <v>31</v>
      </c>
      <c r="B43" s="21">
        <v>56</v>
      </c>
      <c r="C43" s="6">
        <v>49</v>
      </c>
      <c r="D43" s="5">
        <v>105</v>
      </c>
    </row>
    <row r="44" spans="1:4" ht="18" customHeight="1" x14ac:dyDescent="0.15">
      <c r="A44" s="8">
        <v>32</v>
      </c>
      <c r="B44" s="21">
        <v>58</v>
      </c>
      <c r="C44" s="6">
        <v>52</v>
      </c>
      <c r="D44" s="5">
        <v>110</v>
      </c>
    </row>
    <row r="45" spans="1:4" ht="18" customHeight="1" x14ac:dyDescent="0.15">
      <c r="A45" s="8">
        <v>33</v>
      </c>
      <c r="B45" s="21">
        <v>48</v>
      </c>
      <c r="C45" s="6">
        <v>39</v>
      </c>
      <c r="D45" s="5">
        <v>87</v>
      </c>
    </row>
    <row r="46" spans="1:4" ht="18" customHeight="1" x14ac:dyDescent="0.15">
      <c r="A46" s="8">
        <v>34</v>
      </c>
      <c r="B46" s="21">
        <v>41</v>
      </c>
      <c r="C46" s="6">
        <v>56</v>
      </c>
      <c r="D46" s="5">
        <v>97</v>
      </c>
    </row>
    <row r="47" spans="1:4" ht="18" customHeight="1" x14ac:dyDescent="0.15">
      <c r="A47" s="8" t="s">
        <v>18</v>
      </c>
      <c r="B47" s="21">
        <v>261</v>
      </c>
      <c r="C47" s="6">
        <v>241</v>
      </c>
      <c r="D47" s="5">
        <v>502</v>
      </c>
    </row>
    <row r="48" spans="1:4" ht="18" customHeight="1" x14ac:dyDescent="0.15">
      <c r="A48" s="8">
        <v>35</v>
      </c>
      <c r="B48" s="21">
        <v>61</v>
      </c>
      <c r="C48" s="6">
        <v>52</v>
      </c>
      <c r="D48" s="5">
        <v>113</v>
      </c>
    </row>
    <row r="49" spans="1:4" ht="18" customHeight="1" x14ac:dyDescent="0.15">
      <c r="A49" s="8">
        <v>36</v>
      </c>
      <c r="B49" s="21">
        <v>63</v>
      </c>
      <c r="C49" s="6">
        <v>54</v>
      </c>
      <c r="D49" s="5">
        <v>117</v>
      </c>
    </row>
    <row r="50" spans="1:4" ht="18" customHeight="1" x14ac:dyDescent="0.15">
      <c r="A50" s="8">
        <v>37</v>
      </c>
      <c r="B50" s="21">
        <v>60</v>
      </c>
      <c r="C50" s="6">
        <v>47</v>
      </c>
      <c r="D50" s="5">
        <v>107</v>
      </c>
    </row>
    <row r="51" spans="1:4" ht="18" customHeight="1" x14ac:dyDescent="0.15">
      <c r="A51" s="8">
        <v>38</v>
      </c>
      <c r="B51" s="21">
        <v>62</v>
      </c>
      <c r="C51" s="6">
        <v>52</v>
      </c>
      <c r="D51" s="5">
        <v>114</v>
      </c>
    </row>
    <row r="52" spans="1:4" ht="18" customHeight="1" x14ac:dyDescent="0.15">
      <c r="A52" s="8">
        <v>39</v>
      </c>
      <c r="B52" s="21">
        <v>56</v>
      </c>
      <c r="C52" s="6">
        <v>52</v>
      </c>
      <c r="D52" s="5">
        <v>108</v>
      </c>
    </row>
    <row r="53" spans="1:4" ht="18" customHeight="1" x14ac:dyDescent="0.15">
      <c r="A53" s="8" t="s">
        <v>17</v>
      </c>
      <c r="B53" s="21">
        <v>302</v>
      </c>
      <c r="C53" s="6">
        <v>257</v>
      </c>
      <c r="D53" s="5">
        <v>559</v>
      </c>
    </row>
    <row r="54" spans="1:4" ht="18" customHeight="1" x14ac:dyDescent="0.15">
      <c r="A54" s="8">
        <v>40</v>
      </c>
      <c r="B54" s="21">
        <v>74</v>
      </c>
      <c r="C54" s="6">
        <v>52</v>
      </c>
      <c r="D54" s="5">
        <v>126</v>
      </c>
    </row>
    <row r="55" spans="1:4" ht="18" customHeight="1" x14ac:dyDescent="0.15">
      <c r="A55" s="8">
        <v>41</v>
      </c>
      <c r="B55" s="21">
        <v>65</v>
      </c>
      <c r="C55" s="6">
        <v>50</v>
      </c>
      <c r="D55" s="5">
        <v>115</v>
      </c>
    </row>
    <row r="56" spans="1:4" ht="18" customHeight="1" x14ac:dyDescent="0.15">
      <c r="A56" s="8">
        <v>42</v>
      </c>
      <c r="B56" s="21">
        <v>59</v>
      </c>
      <c r="C56" s="6">
        <v>66</v>
      </c>
      <c r="D56" s="5">
        <v>125</v>
      </c>
    </row>
    <row r="57" spans="1:4" ht="18" customHeight="1" x14ac:dyDescent="0.15">
      <c r="A57" s="8">
        <v>43</v>
      </c>
      <c r="B57" s="21">
        <v>67</v>
      </c>
      <c r="C57" s="6">
        <v>52</v>
      </c>
      <c r="D57" s="5">
        <v>119</v>
      </c>
    </row>
    <row r="58" spans="1:4" ht="18" customHeight="1" x14ac:dyDescent="0.15">
      <c r="A58" s="8">
        <v>44</v>
      </c>
      <c r="B58" s="21">
        <v>62</v>
      </c>
      <c r="C58" s="6">
        <v>59</v>
      </c>
      <c r="D58" s="5">
        <v>121</v>
      </c>
    </row>
    <row r="59" spans="1:4" ht="18" customHeight="1" x14ac:dyDescent="0.15">
      <c r="A59" s="8" t="s">
        <v>16</v>
      </c>
      <c r="B59" s="21">
        <v>327</v>
      </c>
      <c r="C59" s="6">
        <v>279</v>
      </c>
      <c r="D59" s="5">
        <v>606</v>
      </c>
    </row>
    <row r="60" spans="1:4" ht="18" customHeight="1" x14ac:dyDescent="0.15">
      <c r="A60" s="8">
        <v>45</v>
      </c>
      <c r="B60" s="21">
        <v>61</v>
      </c>
      <c r="C60" s="6">
        <v>61</v>
      </c>
      <c r="D60" s="5">
        <v>122</v>
      </c>
    </row>
    <row r="61" spans="1:4" ht="18" customHeight="1" x14ac:dyDescent="0.15">
      <c r="A61" s="8">
        <v>46</v>
      </c>
      <c r="B61" s="21">
        <v>64</v>
      </c>
      <c r="C61" s="6">
        <v>70</v>
      </c>
      <c r="D61" s="5">
        <v>134</v>
      </c>
    </row>
    <row r="62" spans="1:4" ht="18" customHeight="1" x14ac:dyDescent="0.15">
      <c r="A62" s="8">
        <v>47</v>
      </c>
      <c r="B62" s="21">
        <v>67</v>
      </c>
      <c r="C62" s="6">
        <v>64</v>
      </c>
      <c r="D62" s="5">
        <v>131</v>
      </c>
    </row>
    <row r="63" spans="1:4" ht="18" customHeight="1" x14ac:dyDescent="0.15">
      <c r="A63" s="8">
        <v>48</v>
      </c>
      <c r="B63" s="21">
        <v>73</v>
      </c>
      <c r="C63" s="6">
        <v>78</v>
      </c>
      <c r="D63" s="5">
        <v>151</v>
      </c>
    </row>
    <row r="64" spans="1:4" ht="18" customHeight="1" x14ac:dyDescent="0.15">
      <c r="A64" s="8">
        <v>49</v>
      </c>
      <c r="B64" s="21">
        <v>59</v>
      </c>
      <c r="C64" s="6">
        <v>79</v>
      </c>
      <c r="D64" s="5">
        <v>138</v>
      </c>
    </row>
    <row r="65" spans="1:4" ht="18" customHeight="1" x14ac:dyDescent="0.15">
      <c r="A65" s="8" t="s">
        <v>15</v>
      </c>
      <c r="B65" s="21">
        <v>324</v>
      </c>
      <c r="C65" s="6">
        <v>352</v>
      </c>
      <c r="D65" s="5">
        <v>676</v>
      </c>
    </row>
    <row r="66" spans="1:4" ht="18" customHeight="1" x14ac:dyDescent="0.15">
      <c r="A66" s="8">
        <v>50</v>
      </c>
      <c r="B66" s="21">
        <v>71</v>
      </c>
      <c r="C66" s="6">
        <v>78</v>
      </c>
      <c r="D66" s="5">
        <v>149</v>
      </c>
    </row>
    <row r="67" spans="1:4" ht="18" customHeight="1" x14ac:dyDescent="0.15">
      <c r="A67" s="8">
        <v>51</v>
      </c>
      <c r="B67" s="21">
        <v>103</v>
      </c>
      <c r="C67" s="6">
        <v>86</v>
      </c>
      <c r="D67" s="5">
        <v>189</v>
      </c>
    </row>
    <row r="68" spans="1:4" ht="18" customHeight="1" x14ac:dyDescent="0.15">
      <c r="A68" s="8">
        <v>52</v>
      </c>
      <c r="B68" s="21">
        <v>89</v>
      </c>
      <c r="C68" s="6">
        <v>96</v>
      </c>
      <c r="D68" s="5">
        <v>185</v>
      </c>
    </row>
    <row r="69" spans="1:4" ht="18" customHeight="1" x14ac:dyDescent="0.15">
      <c r="A69" s="8">
        <v>53</v>
      </c>
      <c r="B69" s="21">
        <v>77</v>
      </c>
      <c r="C69" s="6">
        <v>75</v>
      </c>
      <c r="D69" s="5">
        <v>152</v>
      </c>
    </row>
    <row r="70" spans="1:4" ht="18" customHeight="1" x14ac:dyDescent="0.15">
      <c r="A70" s="8">
        <v>54</v>
      </c>
      <c r="B70" s="21">
        <v>82</v>
      </c>
      <c r="C70" s="6">
        <v>77</v>
      </c>
      <c r="D70" s="5">
        <v>159</v>
      </c>
    </row>
    <row r="71" spans="1:4" ht="18" customHeight="1" x14ac:dyDescent="0.15">
      <c r="A71" s="8" t="s">
        <v>14</v>
      </c>
      <c r="B71" s="21">
        <v>422</v>
      </c>
      <c r="C71" s="6">
        <v>412</v>
      </c>
      <c r="D71" s="5">
        <v>834</v>
      </c>
    </row>
    <row r="72" spans="1:4" ht="18" customHeight="1" x14ac:dyDescent="0.15">
      <c r="A72" s="8">
        <v>55</v>
      </c>
      <c r="B72" s="21">
        <v>90</v>
      </c>
      <c r="C72" s="6">
        <v>83</v>
      </c>
      <c r="D72" s="5">
        <v>173</v>
      </c>
    </row>
    <row r="73" spans="1:4" ht="18" customHeight="1" x14ac:dyDescent="0.15">
      <c r="A73" s="8">
        <v>56</v>
      </c>
      <c r="B73" s="21">
        <v>96</v>
      </c>
      <c r="C73" s="6">
        <v>96</v>
      </c>
      <c r="D73" s="5">
        <v>192</v>
      </c>
    </row>
    <row r="74" spans="1:4" ht="18" customHeight="1" x14ac:dyDescent="0.15">
      <c r="A74" s="8">
        <v>57</v>
      </c>
      <c r="B74" s="21">
        <v>73</v>
      </c>
      <c r="C74" s="6">
        <v>86</v>
      </c>
      <c r="D74" s="5">
        <v>159</v>
      </c>
    </row>
    <row r="75" spans="1:4" ht="18" customHeight="1" x14ac:dyDescent="0.15">
      <c r="A75" s="8">
        <v>58</v>
      </c>
      <c r="B75" s="21">
        <v>81</v>
      </c>
      <c r="C75" s="6">
        <v>70</v>
      </c>
      <c r="D75" s="5">
        <v>151</v>
      </c>
    </row>
    <row r="76" spans="1:4" ht="18" customHeight="1" x14ac:dyDescent="0.15">
      <c r="A76" s="8">
        <v>59</v>
      </c>
      <c r="B76" s="21">
        <v>51</v>
      </c>
      <c r="C76" s="6">
        <v>54</v>
      </c>
      <c r="D76" s="5">
        <v>105</v>
      </c>
    </row>
    <row r="77" spans="1:4" ht="18" customHeight="1" x14ac:dyDescent="0.15">
      <c r="A77" s="8" t="s">
        <v>13</v>
      </c>
      <c r="B77" s="21">
        <v>391</v>
      </c>
      <c r="C77" s="6">
        <v>389</v>
      </c>
      <c r="D77" s="5">
        <v>780</v>
      </c>
    </row>
    <row r="78" spans="1:4" ht="18" customHeight="1" x14ac:dyDescent="0.15">
      <c r="A78" s="8">
        <v>60</v>
      </c>
      <c r="B78" s="21">
        <v>64</v>
      </c>
      <c r="C78" s="6">
        <v>77</v>
      </c>
      <c r="D78" s="5">
        <v>141</v>
      </c>
    </row>
    <row r="79" spans="1:4" ht="18" customHeight="1" x14ac:dyDescent="0.15">
      <c r="A79" s="8">
        <v>61</v>
      </c>
      <c r="B79" s="21">
        <v>54</v>
      </c>
      <c r="C79" s="6">
        <v>63</v>
      </c>
      <c r="D79" s="5">
        <v>117</v>
      </c>
    </row>
    <row r="80" spans="1:4" ht="18" customHeight="1" x14ac:dyDescent="0.15">
      <c r="A80" s="8">
        <v>62</v>
      </c>
      <c r="B80" s="21">
        <v>60</v>
      </c>
      <c r="C80" s="6">
        <v>57</v>
      </c>
      <c r="D80" s="5">
        <v>117</v>
      </c>
    </row>
    <row r="81" spans="1:4" ht="18" customHeight="1" x14ac:dyDescent="0.15">
      <c r="A81" s="8">
        <v>63</v>
      </c>
      <c r="B81" s="21">
        <v>48</v>
      </c>
      <c r="C81" s="6">
        <v>58</v>
      </c>
      <c r="D81" s="5">
        <v>106</v>
      </c>
    </row>
    <row r="82" spans="1:4" ht="18" customHeight="1" x14ac:dyDescent="0.15">
      <c r="A82" s="8">
        <v>64</v>
      </c>
      <c r="B82" s="21">
        <v>51</v>
      </c>
      <c r="C82" s="6">
        <v>61</v>
      </c>
      <c r="D82" s="5">
        <v>112</v>
      </c>
    </row>
    <row r="83" spans="1:4" ht="18" customHeight="1" x14ac:dyDescent="0.15">
      <c r="A83" s="8" t="s">
        <v>12</v>
      </c>
      <c r="B83" s="21">
        <v>277</v>
      </c>
      <c r="C83" s="6">
        <v>316</v>
      </c>
      <c r="D83" s="5">
        <v>593</v>
      </c>
    </row>
    <row r="84" spans="1:4" ht="18" customHeight="1" x14ac:dyDescent="0.15">
      <c r="A84" s="8" t="s">
        <v>11</v>
      </c>
      <c r="B84" s="21">
        <v>3102</v>
      </c>
      <c r="C84" s="6">
        <v>2877</v>
      </c>
      <c r="D84" s="5">
        <v>5979</v>
      </c>
    </row>
    <row r="85" spans="1:4" ht="18" customHeight="1" x14ac:dyDescent="0.15">
      <c r="A85" s="8">
        <v>65</v>
      </c>
      <c r="B85" s="21">
        <v>50</v>
      </c>
      <c r="C85" s="6">
        <v>50</v>
      </c>
      <c r="D85" s="5">
        <v>100</v>
      </c>
    </row>
    <row r="86" spans="1:4" ht="18" customHeight="1" x14ac:dyDescent="0.15">
      <c r="A86" s="8">
        <v>66</v>
      </c>
      <c r="B86" s="21">
        <v>46</v>
      </c>
      <c r="C86" s="6">
        <v>55</v>
      </c>
      <c r="D86" s="5">
        <v>101</v>
      </c>
    </row>
    <row r="87" spans="1:4" ht="18" customHeight="1" x14ac:dyDescent="0.15">
      <c r="A87" s="8">
        <v>67</v>
      </c>
      <c r="B87" s="21">
        <v>43</v>
      </c>
      <c r="C87" s="6">
        <v>35</v>
      </c>
      <c r="D87" s="5">
        <v>78</v>
      </c>
    </row>
    <row r="88" spans="1:4" ht="18" customHeight="1" x14ac:dyDescent="0.15">
      <c r="A88" s="8">
        <v>68</v>
      </c>
      <c r="B88" s="21">
        <v>38</v>
      </c>
      <c r="C88" s="6">
        <v>32</v>
      </c>
      <c r="D88" s="5">
        <v>70</v>
      </c>
    </row>
    <row r="89" spans="1:4" ht="18" customHeight="1" x14ac:dyDescent="0.15">
      <c r="A89" s="8">
        <v>69</v>
      </c>
      <c r="B89" s="21">
        <v>20</v>
      </c>
      <c r="C89" s="6">
        <v>38</v>
      </c>
      <c r="D89" s="5">
        <v>58</v>
      </c>
    </row>
    <row r="90" spans="1:4" ht="18" customHeight="1" x14ac:dyDescent="0.15">
      <c r="A90" s="8" t="s">
        <v>10</v>
      </c>
      <c r="B90" s="21">
        <v>197</v>
      </c>
      <c r="C90" s="6">
        <v>210</v>
      </c>
      <c r="D90" s="5">
        <v>407</v>
      </c>
    </row>
    <row r="91" spans="1:4" ht="18" customHeight="1" x14ac:dyDescent="0.15">
      <c r="A91" s="8">
        <v>70</v>
      </c>
      <c r="B91" s="21">
        <v>44</v>
      </c>
      <c r="C91" s="6">
        <v>28</v>
      </c>
      <c r="D91" s="5">
        <v>72</v>
      </c>
    </row>
    <row r="92" spans="1:4" ht="18" customHeight="1" x14ac:dyDescent="0.15">
      <c r="A92" s="8">
        <v>71</v>
      </c>
      <c r="B92" s="21">
        <v>35</v>
      </c>
      <c r="C92" s="6">
        <v>36</v>
      </c>
      <c r="D92" s="5">
        <v>71</v>
      </c>
    </row>
    <row r="93" spans="1:4" ht="18" customHeight="1" x14ac:dyDescent="0.15">
      <c r="A93" s="8">
        <v>72</v>
      </c>
      <c r="B93" s="21">
        <v>29</v>
      </c>
      <c r="C93" s="6">
        <v>44</v>
      </c>
      <c r="D93" s="5">
        <v>73</v>
      </c>
    </row>
    <row r="94" spans="1:4" ht="18" customHeight="1" x14ac:dyDescent="0.15">
      <c r="A94" s="8">
        <v>73</v>
      </c>
      <c r="B94" s="21">
        <v>31</v>
      </c>
      <c r="C94" s="6">
        <v>43</v>
      </c>
      <c r="D94" s="5">
        <v>74</v>
      </c>
    </row>
    <row r="95" spans="1:4" ht="18" customHeight="1" x14ac:dyDescent="0.15">
      <c r="A95" s="8">
        <v>74</v>
      </c>
      <c r="B95" s="21">
        <v>26</v>
      </c>
      <c r="C95" s="6">
        <v>34</v>
      </c>
      <c r="D95" s="5">
        <v>60</v>
      </c>
    </row>
    <row r="96" spans="1:4" ht="18" customHeight="1" x14ac:dyDescent="0.15">
      <c r="A96" s="8" t="s">
        <v>9</v>
      </c>
      <c r="B96" s="21">
        <v>165</v>
      </c>
      <c r="C96" s="6">
        <v>185</v>
      </c>
      <c r="D96" s="5">
        <v>350</v>
      </c>
    </row>
    <row r="97" spans="1:4" ht="18" customHeight="1" x14ac:dyDescent="0.15">
      <c r="A97" s="8">
        <v>75</v>
      </c>
      <c r="B97" s="21">
        <v>44</v>
      </c>
      <c r="C97" s="6">
        <v>38</v>
      </c>
      <c r="D97" s="5">
        <v>82</v>
      </c>
    </row>
    <row r="98" spans="1:4" ht="18" customHeight="1" x14ac:dyDescent="0.15">
      <c r="A98" s="8">
        <v>76</v>
      </c>
      <c r="B98" s="21">
        <v>40</v>
      </c>
      <c r="C98" s="6">
        <v>48</v>
      </c>
      <c r="D98" s="5">
        <v>88</v>
      </c>
    </row>
    <row r="99" spans="1:4" ht="18" customHeight="1" x14ac:dyDescent="0.15">
      <c r="A99" s="8">
        <v>77</v>
      </c>
      <c r="B99" s="21">
        <v>35</v>
      </c>
      <c r="C99" s="6">
        <v>58</v>
      </c>
      <c r="D99" s="5">
        <v>93</v>
      </c>
    </row>
    <row r="100" spans="1:4" ht="18" customHeight="1" x14ac:dyDescent="0.15">
      <c r="A100" s="8">
        <v>78</v>
      </c>
      <c r="B100" s="21">
        <v>36</v>
      </c>
      <c r="C100" s="6">
        <v>54</v>
      </c>
      <c r="D100" s="5">
        <v>90</v>
      </c>
    </row>
    <row r="101" spans="1:4" ht="18" customHeight="1" x14ac:dyDescent="0.15">
      <c r="A101" s="8">
        <v>79</v>
      </c>
      <c r="B101" s="21">
        <v>19</v>
      </c>
      <c r="C101" s="6">
        <v>27</v>
      </c>
      <c r="D101" s="5">
        <v>46</v>
      </c>
    </row>
    <row r="102" spans="1:4" ht="18" customHeight="1" x14ac:dyDescent="0.15">
      <c r="A102" s="8" t="s">
        <v>8</v>
      </c>
      <c r="B102" s="21">
        <v>174</v>
      </c>
      <c r="C102" s="6">
        <v>225</v>
      </c>
      <c r="D102" s="5">
        <v>399</v>
      </c>
    </row>
    <row r="103" spans="1:4" ht="18" customHeight="1" x14ac:dyDescent="0.15">
      <c r="A103" s="8">
        <v>80</v>
      </c>
      <c r="B103" s="21">
        <v>17</v>
      </c>
      <c r="C103" s="6">
        <v>24</v>
      </c>
      <c r="D103" s="5">
        <v>41</v>
      </c>
    </row>
    <row r="104" spans="1:4" ht="18" customHeight="1" x14ac:dyDescent="0.15">
      <c r="A104" s="8">
        <v>81</v>
      </c>
      <c r="B104" s="21">
        <v>26</v>
      </c>
      <c r="C104" s="6">
        <v>42</v>
      </c>
      <c r="D104" s="5">
        <v>68</v>
      </c>
    </row>
    <row r="105" spans="1:4" ht="18" customHeight="1" x14ac:dyDescent="0.15">
      <c r="A105" s="8">
        <v>82</v>
      </c>
      <c r="B105" s="21">
        <v>23</v>
      </c>
      <c r="C105" s="6">
        <v>44</v>
      </c>
      <c r="D105" s="5">
        <v>67</v>
      </c>
    </row>
    <row r="106" spans="1:4" ht="18" customHeight="1" x14ac:dyDescent="0.15">
      <c r="A106" s="8">
        <v>83</v>
      </c>
      <c r="B106" s="21">
        <v>15</v>
      </c>
      <c r="C106" s="6">
        <v>41</v>
      </c>
      <c r="D106" s="5">
        <v>56</v>
      </c>
    </row>
    <row r="107" spans="1:4" ht="18" customHeight="1" x14ac:dyDescent="0.15">
      <c r="A107" s="8">
        <v>84</v>
      </c>
      <c r="B107" s="21">
        <v>28</v>
      </c>
      <c r="C107" s="6">
        <v>46</v>
      </c>
      <c r="D107" s="5">
        <v>74</v>
      </c>
    </row>
    <row r="108" spans="1:4" ht="18" customHeight="1" x14ac:dyDescent="0.15">
      <c r="A108" s="8" t="s">
        <v>7</v>
      </c>
      <c r="B108" s="21">
        <v>109</v>
      </c>
      <c r="C108" s="6">
        <v>197</v>
      </c>
      <c r="D108" s="5">
        <v>306</v>
      </c>
    </row>
    <row r="109" spans="1:4" ht="18" customHeight="1" x14ac:dyDescent="0.15">
      <c r="A109" s="8">
        <v>85</v>
      </c>
      <c r="B109" s="21">
        <v>16</v>
      </c>
      <c r="C109" s="6">
        <v>18</v>
      </c>
      <c r="D109" s="5">
        <v>34</v>
      </c>
    </row>
    <row r="110" spans="1:4" ht="18" customHeight="1" x14ac:dyDescent="0.15">
      <c r="A110" s="8">
        <v>86</v>
      </c>
      <c r="B110" s="21">
        <v>16</v>
      </c>
      <c r="C110" s="6">
        <v>24</v>
      </c>
      <c r="D110" s="5">
        <v>40</v>
      </c>
    </row>
    <row r="111" spans="1:4" ht="18" customHeight="1" x14ac:dyDescent="0.15">
      <c r="A111" s="8">
        <v>87</v>
      </c>
      <c r="B111" s="21">
        <v>18</v>
      </c>
      <c r="C111" s="6">
        <v>16</v>
      </c>
      <c r="D111" s="5">
        <v>34</v>
      </c>
    </row>
    <row r="112" spans="1:4" ht="18" customHeight="1" x14ac:dyDescent="0.15">
      <c r="A112" s="8">
        <v>88</v>
      </c>
      <c r="B112" s="21">
        <v>17</v>
      </c>
      <c r="C112" s="6">
        <v>19</v>
      </c>
      <c r="D112" s="5">
        <v>36</v>
      </c>
    </row>
    <row r="113" spans="1:4" ht="18" customHeight="1" x14ac:dyDescent="0.15">
      <c r="A113" s="8">
        <v>89</v>
      </c>
      <c r="B113" s="21">
        <v>9</v>
      </c>
      <c r="C113" s="6">
        <v>25</v>
      </c>
      <c r="D113" s="5">
        <v>34</v>
      </c>
    </row>
    <row r="114" spans="1:4" ht="18" customHeight="1" x14ac:dyDescent="0.15">
      <c r="A114" s="8" t="s">
        <v>6</v>
      </c>
      <c r="B114" s="21">
        <v>76</v>
      </c>
      <c r="C114" s="6">
        <v>102</v>
      </c>
      <c r="D114" s="5">
        <v>178</v>
      </c>
    </row>
    <row r="115" spans="1:4" ht="18" customHeight="1" x14ac:dyDescent="0.15">
      <c r="A115" s="8">
        <v>90</v>
      </c>
      <c r="B115" s="21">
        <v>11</v>
      </c>
      <c r="C115" s="6">
        <v>21</v>
      </c>
      <c r="D115" s="5">
        <v>32</v>
      </c>
    </row>
    <row r="116" spans="1:4" ht="18" customHeight="1" x14ac:dyDescent="0.15">
      <c r="A116" s="8">
        <v>91</v>
      </c>
      <c r="B116" s="21">
        <v>6</v>
      </c>
      <c r="C116" s="6">
        <v>15</v>
      </c>
      <c r="D116" s="5">
        <v>21</v>
      </c>
    </row>
    <row r="117" spans="1:4" ht="18" customHeight="1" x14ac:dyDescent="0.15">
      <c r="A117" s="8">
        <v>92</v>
      </c>
      <c r="B117" s="21">
        <v>8</v>
      </c>
      <c r="C117" s="6">
        <v>14</v>
      </c>
      <c r="D117" s="5">
        <v>22</v>
      </c>
    </row>
    <row r="118" spans="1:4" ht="18" customHeight="1" x14ac:dyDescent="0.15">
      <c r="A118" s="8">
        <v>93</v>
      </c>
      <c r="B118" s="21">
        <v>6</v>
      </c>
      <c r="C118" s="6">
        <v>14</v>
      </c>
      <c r="D118" s="5">
        <v>20</v>
      </c>
    </row>
    <row r="119" spans="1:4" ht="18" customHeight="1" x14ac:dyDescent="0.15">
      <c r="A119" s="8">
        <v>94</v>
      </c>
      <c r="B119" s="21">
        <v>1</v>
      </c>
      <c r="C119" s="6">
        <v>9</v>
      </c>
      <c r="D119" s="5">
        <v>10</v>
      </c>
    </row>
    <row r="120" spans="1:4" ht="18" customHeight="1" x14ac:dyDescent="0.15">
      <c r="A120" s="8" t="s">
        <v>5</v>
      </c>
      <c r="B120" s="21">
        <v>32</v>
      </c>
      <c r="C120" s="6">
        <v>73</v>
      </c>
      <c r="D120" s="5">
        <v>105</v>
      </c>
    </row>
    <row r="121" spans="1:4" ht="18" customHeight="1" x14ac:dyDescent="0.15">
      <c r="A121" s="8">
        <v>95</v>
      </c>
      <c r="B121" s="21">
        <v>3</v>
      </c>
      <c r="C121" s="6">
        <v>10</v>
      </c>
      <c r="D121" s="5">
        <v>13</v>
      </c>
    </row>
    <row r="122" spans="1:4" ht="18" customHeight="1" x14ac:dyDescent="0.15">
      <c r="A122" s="8">
        <v>96</v>
      </c>
      <c r="B122" s="21">
        <v>1</v>
      </c>
      <c r="C122" s="6">
        <v>6</v>
      </c>
      <c r="D122" s="5">
        <v>7</v>
      </c>
    </row>
    <row r="123" spans="1:4" ht="18" customHeight="1" x14ac:dyDescent="0.15">
      <c r="A123" s="8">
        <v>97</v>
      </c>
      <c r="B123" s="21">
        <v>1</v>
      </c>
      <c r="C123" s="6">
        <v>5</v>
      </c>
      <c r="D123" s="5">
        <v>6</v>
      </c>
    </row>
    <row r="124" spans="1:4" ht="18" customHeight="1" x14ac:dyDescent="0.15">
      <c r="A124" s="8">
        <v>98</v>
      </c>
      <c r="B124" s="21">
        <v>1</v>
      </c>
      <c r="C124" s="6">
        <v>1</v>
      </c>
      <c r="D124" s="5">
        <v>2</v>
      </c>
    </row>
    <row r="125" spans="1:4" ht="18" customHeight="1" x14ac:dyDescent="0.15">
      <c r="A125" s="8">
        <v>99</v>
      </c>
      <c r="B125" s="21">
        <v>2</v>
      </c>
      <c r="C125" s="6">
        <v>0</v>
      </c>
      <c r="D125" s="5">
        <v>2</v>
      </c>
    </row>
    <row r="126" spans="1:4" ht="18" customHeight="1" x14ac:dyDescent="0.15">
      <c r="A126" s="8" t="s">
        <v>4</v>
      </c>
      <c r="B126" s="21">
        <v>8</v>
      </c>
      <c r="C126" s="6">
        <v>22</v>
      </c>
      <c r="D126" s="5">
        <v>30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1</v>
      </c>
      <c r="C128" s="6">
        <v>1</v>
      </c>
      <c r="D128" s="5">
        <v>2</v>
      </c>
    </row>
    <row r="129" spans="1:4" ht="18" customHeight="1" x14ac:dyDescent="0.15">
      <c r="A129" s="8" t="s">
        <v>2</v>
      </c>
      <c r="B129" s="21">
        <v>1</v>
      </c>
      <c r="C129" s="6">
        <v>3</v>
      </c>
      <c r="D129" s="5">
        <v>4</v>
      </c>
    </row>
    <row r="130" spans="1:4" ht="18" customHeight="1" x14ac:dyDescent="0.15">
      <c r="A130" s="8" t="s">
        <v>1</v>
      </c>
      <c r="B130" s="21">
        <v>762</v>
      </c>
      <c r="C130" s="6">
        <v>1017</v>
      </c>
      <c r="D130" s="5">
        <v>1779</v>
      </c>
    </row>
    <row r="131" spans="1:4" ht="18" customHeight="1" x14ac:dyDescent="0.15">
      <c r="A131" s="4" t="s">
        <v>0</v>
      </c>
      <c r="B131" s="20">
        <v>4391</v>
      </c>
      <c r="C131" s="2">
        <v>4394</v>
      </c>
      <c r="D131" s="1">
        <v>878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B31BD6-3F16-46E2-A082-BD5FD1055980}">
  <sheetPr codeName="Sheet6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7" t="s">
        <v>30</v>
      </c>
      <c r="C3" s="47"/>
      <c r="D3" s="47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54</v>
      </c>
      <c r="C5" s="11">
        <v>46</v>
      </c>
      <c r="D5" s="10">
        <v>100</v>
      </c>
    </row>
    <row r="6" spans="1:4" ht="18" customHeight="1" x14ac:dyDescent="0.15">
      <c r="A6" s="8">
        <v>1</v>
      </c>
      <c r="B6" s="21">
        <v>34</v>
      </c>
      <c r="C6" s="6">
        <v>33</v>
      </c>
      <c r="D6" s="5">
        <v>67</v>
      </c>
    </row>
    <row r="7" spans="1:4" ht="18" customHeight="1" x14ac:dyDescent="0.15">
      <c r="A7" s="8">
        <v>2</v>
      </c>
      <c r="B7" s="21">
        <v>34</v>
      </c>
      <c r="C7" s="6">
        <v>36</v>
      </c>
      <c r="D7" s="5">
        <v>70</v>
      </c>
    </row>
    <row r="8" spans="1:4" ht="18" customHeight="1" x14ac:dyDescent="0.15">
      <c r="A8" s="8">
        <v>3</v>
      </c>
      <c r="B8" s="21">
        <v>44</v>
      </c>
      <c r="C8" s="6">
        <v>35</v>
      </c>
      <c r="D8" s="5">
        <v>79</v>
      </c>
    </row>
    <row r="9" spans="1:4" ht="18" customHeight="1" x14ac:dyDescent="0.15">
      <c r="A9" s="8">
        <v>4</v>
      </c>
      <c r="B9" s="21">
        <v>29</v>
      </c>
      <c r="C9" s="6">
        <v>46</v>
      </c>
      <c r="D9" s="5">
        <v>75</v>
      </c>
    </row>
    <row r="10" spans="1:4" ht="18" customHeight="1" x14ac:dyDescent="0.15">
      <c r="A10" s="8" t="s">
        <v>25</v>
      </c>
      <c r="B10" s="21">
        <v>195</v>
      </c>
      <c r="C10" s="6">
        <v>196</v>
      </c>
      <c r="D10" s="5">
        <v>391</v>
      </c>
    </row>
    <row r="11" spans="1:4" ht="18" customHeight="1" x14ac:dyDescent="0.15">
      <c r="A11" s="8">
        <v>5</v>
      </c>
      <c r="B11" s="21">
        <v>31</v>
      </c>
      <c r="C11" s="6">
        <v>44</v>
      </c>
      <c r="D11" s="5">
        <v>75</v>
      </c>
    </row>
    <row r="12" spans="1:4" ht="18" customHeight="1" x14ac:dyDescent="0.15">
      <c r="A12" s="8">
        <v>6</v>
      </c>
      <c r="B12" s="21">
        <v>48</v>
      </c>
      <c r="C12" s="6">
        <v>42</v>
      </c>
      <c r="D12" s="5">
        <v>90</v>
      </c>
    </row>
    <row r="13" spans="1:4" ht="18" customHeight="1" x14ac:dyDescent="0.15">
      <c r="A13" s="8">
        <v>7</v>
      </c>
      <c r="B13" s="21">
        <v>61</v>
      </c>
      <c r="C13" s="6">
        <v>42</v>
      </c>
      <c r="D13" s="5">
        <v>103</v>
      </c>
    </row>
    <row r="14" spans="1:4" ht="18" customHeight="1" x14ac:dyDescent="0.15">
      <c r="A14" s="8">
        <v>8</v>
      </c>
      <c r="B14" s="21">
        <v>45</v>
      </c>
      <c r="C14" s="6">
        <v>45</v>
      </c>
      <c r="D14" s="5">
        <v>90</v>
      </c>
    </row>
    <row r="15" spans="1:4" ht="18" customHeight="1" x14ac:dyDescent="0.15">
      <c r="A15" s="8">
        <v>9</v>
      </c>
      <c r="B15" s="21">
        <v>60</v>
      </c>
      <c r="C15" s="6">
        <v>56</v>
      </c>
      <c r="D15" s="5">
        <v>116</v>
      </c>
    </row>
    <row r="16" spans="1:4" ht="18" customHeight="1" x14ac:dyDescent="0.15">
      <c r="A16" s="8" t="s">
        <v>24</v>
      </c>
      <c r="B16" s="21">
        <v>245</v>
      </c>
      <c r="C16" s="6">
        <v>229</v>
      </c>
      <c r="D16" s="5">
        <v>474</v>
      </c>
    </row>
    <row r="17" spans="1:4" ht="18" customHeight="1" x14ac:dyDescent="0.15">
      <c r="A17" s="8">
        <v>10</v>
      </c>
      <c r="B17" s="21">
        <v>58</v>
      </c>
      <c r="C17" s="6">
        <v>46</v>
      </c>
      <c r="D17" s="5">
        <v>104</v>
      </c>
    </row>
    <row r="18" spans="1:4" ht="18" customHeight="1" x14ac:dyDescent="0.15">
      <c r="A18" s="8">
        <v>11</v>
      </c>
      <c r="B18" s="21">
        <v>47</v>
      </c>
      <c r="C18" s="6">
        <v>46</v>
      </c>
      <c r="D18" s="5">
        <v>93</v>
      </c>
    </row>
    <row r="19" spans="1:4" ht="18" customHeight="1" x14ac:dyDescent="0.15">
      <c r="A19" s="8">
        <v>12</v>
      </c>
      <c r="B19" s="21">
        <v>55</v>
      </c>
      <c r="C19" s="6">
        <v>53</v>
      </c>
      <c r="D19" s="5">
        <v>108</v>
      </c>
    </row>
    <row r="20" spans="1:4" ht="18" customHeight="1" x14ac:dyDescent="0.15">
      <c r="A20" s="8">
        <v>13</v>
      </c>
      <c r="B20" s="21">
        <v>54</v>
      </c>
      <c r="C20" s="6">
        <v>53</v>
      </c>
      <c r="D20" s="5">
        <v>107</v>
      </c>
    </row>
    <row r="21" spans="1:4" ht="18" customHeight="1" x14ac:dyDescent="0.15">
      <c r="A21" s="8">
        <v>14</v>
      </c>
      <c r="B21" s="21">
        <v>58</v>
      </c>
      <c r="C21" s="6">
        <v>45</v>
      </c>
      <c r="D21" s="5">
        <v>103</v>
      </c>
    </row>
    <row r="22" spans="1:4" ht="18" customHeight="1" x14ac:dyDescent="0.15">
      <c r="A22" s="8" t="s">
        <v>23</v>
      </c>
      <c r="B22" s="21">
        <v>272</v>
      </c>
      <c r="C22" s="6">
        <v>243</v>
      </c>
      <c r="D22" s="5">
        <v>515</v>
      </c>
    </row>
    <row r="23" spans="1:4" ht="18" customHeight="1" x14ac:dyDescent="0.15">
      <c r="A23" s="8" t="s">
        <v>22</v>
      </c>
      <c r="B23" s="21">
        <v>712</v>
      </c>
      <c r="C23" s="6">
        <v>668</v>
      </c>
      <c r="D23" s="5">
        <v>1380</v>
      </c>
    </row>
    <row r="24" spans="1:4" ht="18" customHeight="1" x14ac:dyDescent="0.15">
      <c r="A24" s="8">
        <v>15</v>
      </c>
      <c r="B24" s="21">
        <v>46</v>
      </c>
      <c r="C24" s="6">
        <v>44</v>
      </c>
      <c r="D24" s="5">
        <v>90</v>
      </c>
    </row>
    <row r="25" spans="1:4" ht="18" customHeight="1" x14ac:dyDescent="0.15">
      <c r="A25" s="8">
        <v>16</v>
      </c>
      <c r="B25" s="21">
        <v>64</v>
      </c>
      <c r="C25" s="6">
        <v>54</v>
      </c>
      <c r="D25" s="5">
        <v>118</v>
      </c>
    </row>
    <row r="26" spans="1:4" ht="18" customHeight="1" x14ac:dyDescent="0.15">
      <c r="A26" s="8">
        <v>17</v>
      </c>
      <c r="B26" s="21">
        <v>59</v>
      </c>
      <c r="C26" s="6">
        <v>57</v>
      </c>
      <c r="D26" s="5">
        <v>116</v>
      </c>
    </row>
    <row r="27" spans="1:4" ht="18" customHeight="1" x14ac:dyDescent="0.15">
      <c r="A27" s="8">
        <v>18</v>
      </c>
      <c r="B27" s="21">
        <v>59</v>
      </c>
      <c r="C27" s="6">
        <v>48</v>
      </c>
      <c r="D27" s="5">
        <v>107</v>
      </c>
    </row>
    <row r="28" spans="1:4" ht="18" customHeight="1" x14ac:dyDescent="0.15">
      <c r="A28" s="8">
        <v>19</v>
      </c>
      <c r="B28" s="21">
        <v>66</v>
      </c>
      <c r="C28" s="6">
        <v>45</v>
      </c>
      <c r="D28" s="5">
        <v>111</v>
      </c>
    </row>
    <row r="29" spans="1:4" ht="18" customHeight="1" x14ac:dyDescent="0.15">
      <c r="A29" s="8" t="s">
        <v>21</v>
      </c>
      <c r="B29" s="21">
        <v>294</v>
      </c>
      <c r="C29" s="6">
        <v>248</v>
      </c>
      <c r="D29" s="5">
        <v>542</v>
      </c>
    </row>
    <row r="30" spans="1:4" ht="18" customHeight="1" x14ac:dyDescent="0.15">
      <c r="A30" s="8">
        <v>20</v>
      </c>
      <c r="B30" s="21">
        <v>59</v>
      </c>
      <c r="C30" s="6">
        <v>55</v>
      </c>
      <c r="D30" s="5">
        <v>114</v>
      </c>
    </row>
    <row r="31" spans="1:4" ht="18" customHeight="1" x14ac:dyDescent="0.15">
      <c r="A31" s="8">
        <v>21</v>
      </c>
      <c r="B31" s="21">
        <v>73</v>
      </c>
      <c r="C31" s="6">
        <v>69</v>
      </c>
      <c r="D31" s="5">
        <v>142</v>
      </c>
    </row>
    <row r="32" spans="1:4" ht="18" customHeight="1" x14ac:dyDescent="0.15">
      <c r="A32" s="8">
        <v>22</v>
      </c>
      <c r="B32" s="21">
        <v>63</v>
      </c>
      <c r="C32" s="6">
        <v>56</v>
      </c>
      <c r="D32" s="5">
        <v>119</v>
      </c>
    </row>
    <row r="33" spans="1:4" ht="18" customHeight="1" x14ac:dyDescent="0.15">
      <c r="A33" s="8">
        <v>23</v>
      </c>
      <c r="B33" s="21">
        <v>77</v>
      </c>
      <c r="C33" s="6">
        <v>61</v>
      </c>
      <c r="D33" s="5">
        <v>138</v>
      </c>
    </row>
    <row r="34" spans="1:4" ht="18" customHeight="1" x14ac:dyDescent="0.15">
      <c r="A34" s="8">
        <v>24</v>
      </c>
      <c r="B34" s="21">
        <v>82</v>
      </c>
      <c r="C34" s="6">
        <v>76</v>
      </c>
      <c r="D34" s="5">
        <v>158</v>
      </c>
    </row>
    <row r="35" spans="1:4" ht="18" customHeight="1" x14ac:dyDescent="0.15">
      <c r="A35" s="8" t="s">
        <v>20</v>
      </c>
      <c r="B35" s="21">
        <v>354</v>
      </c>
      <c r="C35" s="6">
        <v>317</v>
      </c>
      <c r="D35" s="5">
        <v>671</v>
      </c>
    </row>
    <row r="36" spans="1:4" ht="18" customHeight="1" x14ac:dyDescent="0.15">
      <c r="A36" s="8">
        <v>25</v>
      </c>
      <c r="B36" s="21">
        <v>105</v>
      </c>
      <c r="C36" s="6">
        <v>64</v>
      </c>
      <c r="D36" s="5">
        <v>169</v>
      </c>
    </row>
    <row r="37" spans="1:4" ht="18" customHeight="1" x14ac:dyDescent="0.15">
      <c r="A37" s="8">
        <v>26</v>
      </c>
      <c r="B37" s="21">
        <v>81</v>
      </c>
      <c r="C37" s="6">
        <v>85</v>
      </c>
      <c r="D37" s="5">
        <v>166</v>
      </c>
    </row>
    <row r="38" spans="1:4" ht="18" customHeight="1" x14ac:dyDescent="0.15">
      <c r="A38" s="8">
        <v>27</v>
      </c>
      <c r="B38" s="21">
        <v>104</v>
      </c>
      <c r="C38" s="6">
        <v>86</v>
      </c>
      <c r="D38" s="5">
        <v>190</v>
      </c>
    </row>
    <row r="39" spans="1:4" ht="18" customHeight="1" x14ac:dyDescent="0.15">
      <c r="A39" s="8">
        <v>28</v>
      </c>
      <c r="B39" s="21">
        <v>98</v>
      </c>
      <c r="C39" s="6">
        <v>86</v>
      </c>
      <c r="D39" s="5">
        <v>184</v>
      </c>
    </row>
    <row r="40" spans="1:4" ht="18" customHeight="1" x14ac:dyDescent="0.15">
      <c r="A40" s="8">
        <v>29</v>
      </c>
      <c r="B40" s="21">
        <v>94</v>
      </c>
      <c r="C40" s="6">
        <v>94</v>
      </c>
      <c r="D40" s="5">
        <v>188</v>
      </c>
    </row>
    <row r="41" spans="1:4" ht="18" customHeight="1" x14ac:dyDescent="0.15">
      <c r="A41" s="8" t="s">
        <v>19</v>
      </c>
      <c r="B41" s="21">
        <v>482</v>
      </c>
      <c r="C41" s="6">
        <v>415</v>
      </c>
      <c r="D41" s="5">
        <v>897</v>
      </c>
    </row>
    <row r="42" spans="1:4" ht="18" customHeight="1" x14ac:dyDescent="0.15">
      <c r="A42" s="8">
        <v>30</v>
      </c>
      <c r="B42" s="21">
        <v>92</v>
      </c>
      <c r="C42" s="6">
        <v>67</v>
      </c>
      <c r="D42" s="5">
        <v>159</v>
      </c>
    </row>
    <row r="43" spans="1:4" ht="18" customHeight="1" x14ac:dyDescent="0.15">
      <c r="A43" s="8">
        <v>31</v>
      </c>
      <c r="B43" s="21">
        <v>74</v>
      </c>
      <c r="C43" s="6">
        <v>70</v>
      </c>
      <c r="D43" s="5">
        <v>144</v>
      </c>
    </row>
    <row r="44" spans="1:4" ht="18" customHeight="1" x14ac:dyDescent="0.15">
      <c r="A44" s="8">
        <v>32</v>
      </c>
      <c r="B44" s="21">
        <v>73</v>
      </c>
      <c r="C44" s="6">
        <v>64</v>
      </c>
      <c r="D44" s="5">
        <v>137</v>
      </c>
    </row>
    <row r="45" spans="1:4" ht="18" customHeight="1" x14ac:dyDescent="0.15">
      <c r="A45" s="8">
        <v>33</v>
      </c>
      <c r="B45" s="21">
        <v>76</v>
      </c>
      <c r="C45" s="6">
        <v>64</v>
      </c>
      <c r="D45" s="5">
        <v>140</v>
      </c>
    </row>
    <row r="46" spans="1:4" ht="18" customHeight="1" x14ac:dyDescent="0.15">
      <c r="A46" s="8">
        <v>34</v>
      </c>
      <c r="B46" s="21">
        <v>77</v>
      </c>
      <c r="C46" s="6">
        <v>62</v>
      </c>
      <c r="D46" s="5">
        <v>139</v>
      </c>
    </row>
    <row r="47" spans="1:4" ht="18" customHeight="1" x14ac:dyDescent="0.15">
      <c r="A47" s="8" t="s">
        <v>18</v>
      </c>
      <c r="B47" s="21">
        <v>392</v>
      </c>
      <c r="C47" s="6">
        <v>327</v>
      </c>
      <c r="D47" s="5">
        <v>719</v>
      </c>
    </row>
    <row r="48" spans="1:4" ht="18" customHeight="1" x14ac:dyDescent="0.15">
      <c r="A48" s="8">
        <v>35</v>
      </c>
      <c r="B48" s="21">
        <v>87</v>
      </c>
      <c r="C48" s="6">
        <v>56</v>
      </c>
      <c r="D48" s="5">
        <v>143</v>
      </c>
    </row>
    <row r="49" spans="1:4" ht="18" customHeight="1" x14ac:dyDescent="0.15">
      <c r="A49" s="8">
        <v>36</v>
      </c>
      <c r="B49" s="21">
        <v>78</v>
      </c>
      <c r="C49" s="6">
        <v>40</v>
      </c>
      <c r="D49" s="5">
        <v>118</v>
      </c>
    </row>
    <row r="50" spans="1:4" ht="18" customHeight="1" x14ac:dyDescent="0.15">
      <c r="A50" s="8">
        <v>37</v>
      </c>
      <c r="B50" s="21">
        <v>69</v>
      </c>
      <c r="C50" s="6">
        <v>63</v>
      </c>
      <c r="D50" s="5">
        <v>132</v>
      </c>
    </row>
    <row r="51" spans="1:4" ht="18" customHeight="1" x14ac:dyDescent="0.15">
      <c r="A51" s="8">
        <v>38</v>
      </c>
      <c r="B51" s="21">
        <v>67</v>
      </c>
      <c r="C51" s="6">
        <v>66</v>
      </c>
      <c r="D51" s="5">
        <v>133</v>
      </c>
    </row>
    <row r="52" spans="1:4" ht="18" customHeight="1" x14ac:dyDescent="0.15">
      <c r="A52" s="8">
        <v>39</v>
      </c>
      <c r="B52" s="21">
        <v>80</v>
      </c>
      <c r="C52" s="6">
        <v>80</v>
      </c>
      <c r="D52" s="5">
        <v>160</v>
      </c>
    </row>
    <row r="53" spans="1:4" ht="18" customHeight="1" x14ac:dyDescent="0.15">
      <c r="A53" s="8" t="s">
        <v>17</v>
      </c>
      <c r="B53" s="21">
        <v>381</v>
      </c>
      <c r="C53" s="6">
        <v>305</v>
      </c>
      <c r="D53" s="5">
        <v>686</v>
      </c>
    </row>
    <row r="54" spans="1:4" ht="18" customHeight="1" x14ac:dyDescent="0.15">
      <c r="A54" s="8">
        <v>40</v>
      </c>
      <c r="B54" s="21">
        <v>84</v>
      </c>
      <c r="C54" s="6">
        <v>71</v>
      </c>
      <c r="D54" s="5">
        <v>155</v>
      </c>
    </row>
    <row r="55" spans="1:4" ht="18" customHeight="1" x14ac:dyDescent="0.15">
      <c r="A55" s="8">
        <v>41</v>
      </c>
      <c r="B55" s="21">
        <v>87</v>
      </c>
      <c r="C55" s="6">
        <v>90</v>
      </c>
      <c r="D55" s="5">
        <v>177</v>
      </c>
    </row>
    <row r="56" spans="1:4" ht="18" customHeight="1" x14ac:dyDescent="0.15">
      <c r="A56" s="8">
        <v>42</v>
      </c>
      <c r="B56" s="21">
        <v>74</v>
      </c>
      <c r="C56" s="6">
        <v>71</v>
      </c>
      <c r="D56" s="5">
        <v>145</v>
      </c>
    </row>
    <row r="57" spans="1:4" ht="18" customHeight="1" x14ac:dyDescent="0.15">
      <c r="A57" s="8">
        <v>43</v>
      </c>
      <c r="B57" s="21">
        <v>78</v>
      </c>
      <c r="C57" s="6">
        <v>73</v>
      </c>
      <c r="D57" s="5">
        <v>151</v>
      </c>
    </row>
    <row r="58" spans="1:4" ht="18" customHeight="1" x14ac:dyDescent="0.15">
      <c r="A58" s="8">
        <v>44</v>
      </c>
      <c r="B58" s="21">
        <v>75</v>
      </c>
      <c r="C58" s="6">
        <v>65</v>
      </c>
      <c r="D58" s="5">
        <v>140</v>
      </c>
    </row>
    <row r="59" spans="1:4" ht="18" customHeight="1" x14ac:dyDescent="0.15">
      <c r="A59" s="8" t="s">
        <v>16</v>
      </c>
      <c r="B59" s="21">
        <v>398</v>
      </c>
      <c r="C59" s="6">
        <v>370</v>
      </c>
      <c r="D59" s="5">
        <v>768</v>
      </c>
    </row>
    <row r="60" spans="1:4" ht="18" customHeight="1" x14ac:dyDescent="0.15">
      <c r="A60" s="8">
        <v>45</v>
      </c>
      <c r="B60" s="21">
        <v>73</v>
      </c>
      <c r="C60" s="6">
        <v>64</v>
      </c>
      <c r="D60" s="5">
        <v>137</v>
      </c>
    </row>
    <row r="61" spans="1:4" ht="18" customHeight="1" x14ac:dyDescent="0.15">
      <c r="A61" s="8">
        <v>46</v>
      </c>
      <c r="B61" s="21">
        <v>100</v>
      </c>
      <c r="C61" s="6">
        <v>79</v>
      </c>
      <c r="D61" s="5">
        <v>179</v>
      </c>
    </row>
    <row r="62" spans="1:4" ht="18" customHeight="1" x14ac:dyDescent="0.15">
      <c r="A62" s="8">
        <v>47</v>
      </c>
      <c r="B62" s="21">
        <v>105</v>
      </c>
      <c r="C62" s="6">
        <v>81</v>
      </c>
      <c r="D62" s="5">
        <v>186</v>
      </c>
    </row>
    <row r="63" spans="1:4" ht="18" customHeight="1" x14ac:dyDescent="0.15">
      <c r="A63" s="8">
        <v>48</v>
      </c>
      <c r="B63" s="21">
        <v>107</v>
      </c>
      <c r="C63" s="6">
        <v>98</v>
      </c>
      <c r="D63" s="5">
        <v>205</v>
      </c>
    </row>
    <row r="64" spans="1:4" ht="18" customHeight="1" x14ac:dyDescent="0.15">
      <c r="A64" s="8">
        <v>49</v>
      </c>
      <c r="B64" s="21">
        <v>82</v>
      </c>
      <c r="C64" s="6">
        <v>102</v>
      </c>
      <c r="D64" s="5">
        <v>184</v>
      </c>
    </row>
    <row r="65" spans="1:4" ht="18" customHeight="1" x14ac:dyDescent="0.15">
      <c r="A65" s="8" t="s">
        <v>15</v>
      </c>
      <c r="B65" s="21">
        <v>467</v>
      </c>
      <c r="C65" s="6">
        <v>424</v>
      </c>
      <c r="D65" s="5">
        <v>891</v>
      </c>
    </row>
    <row r="66" spans="1:4" ht="18" customHeight="1" x14ac:dyDescent="0.15">
      <c r="A66" s="8">
        <v>50</v>
      </c>
      <c r="B66" s="21">
        <v>105</v>
      </c>
      <c r="C66" s="6">
        <v>126</v>
      </c>
      <c r="D66" s="5">
        <v>231</v>
      </c>
    </row>
    <row r="67" spans="1:4" ht="18" customHeight="1" x14ac:dyDescent="0.15">
      <c r="A67" s="8">
        <v>51</v>
      </c>
      <c r="B67" s="21">
        <v>127</v>
      </c>
      <c r="C67" s="6">
        <v>100</v>
      </c>
      <c r="D67" s="5">
        <v>227</v>
      </c>
    </row>
    <row r="68" spans="1:4" ht="18" customHeight="1" x14ac:dyDescent="0.15">
      <c r="A68" s="8">
        <v>52</v>
      </c>
      <c r="B68" s="21">
        <v>110</v>
      </c>
      <c r="C68" s="6">
        <v>103</v>
      </c>
      <c r="D68" s="5">
        <v>213</v>
      </c>
    </row>
    <row r="69" spans="1:4" ht="18" customHeight="1" x14ac:dyDescent="0.15">
      <c r="A69" s="8">
        <v>53</v>
      </c>
      <c r="B69" s="21">
        <v>103</v>
      </c>
      <c r="C69" s="6">
        <v>88</v>
      </c>
      <c r="D69" s="5">
        <v>191</v>
      </c>
    </row>
    <row r="70" spans="1:4" ht="18" customHeight="1" x14ac:dyDescent="0.15">
      <c r="A70" s="8">
        <v>54</v>
      </c>
      <c r="B70" s="21">
        <v>121</v>
      </c>
      <c r="C70" s="6">
        <v>112</v>
      </c>
      <c r="D70" s="5">
        <v>233</v>
      </c>
    </row>
    <row r="71" spans="1:4" ht="18" customHeight="1" x14ac:dyDescent="0.15">
      <c r="A71" s="8" t="s">
        <v>14</v>
      </c>
      <c r="B71" s="21">
        <v>566</v>
      </c>
      <c r="C71" s="6">
        <v>529</v>
      </c>
      <c r="D71" s="5">
        <v>1095</v>
      </c>
    </row>
    <row r="72" spans="1:4" ht="18" customHeight="1" x14ac:dyDescent="0.15">
      <c r="A72" s="8">
        <v>55</v>
      </c>
      <c r="B72" s="21">
        <v>101</v>
      </c>
      <c r="C72" s="6">
        <v>113</v>
      </c>
      <c r="D72" s="5">
        <v>214</v>
      </c>
    </row>
    <row r="73" spans="1:4" ht="18" customHeight="1" x14ac:dyDescent="0.15">
      <c r="A73" s="8">
        <v>56</v>
      </c>
      <c r="B73" s="21">
        <v>99</v>
      </c>
      <c r="C73" s="6">
        <v>109</v>
      </c>
      <c r="D73" s="5">
        <v>208</v>
      </c>
    </row>
    <row r="74" spans="1:4" ht="18" customHeight="1" x14ac:dyDescent="0.15">
      <c r="A74" s="8">
        <v>57</v>
      </c>
      <c r="B74" s="21">
        <v>83</v>
      </c>
      <c r="C74" s="6">
        <v>91</v>
      </c>
      <c r="D74" s="5">
        <v>174</v>
      </c>
    </row>
    <row r="75" spans="1:4" ht="18" customHeight="1" x14ac:dyDescent="0.15">
      <c r="A75" s="8">
        <v>58</v>
      </c>
      <c r="B75" s="21">
        <v>77</v>
      </c>
      <c r="C75" s="6">
        <v>92</v>
      </c>
      <c r="D75" s="5">
        <v>169</v>
      </c>
    </row>
    <row r="76" spans="1:4" ht="18" customHeight="1" x14ac:dyDescent="0.15">
      <c r="A76" s="8">
        <v>59</v>
      </c>
      <c r="B76" s="21">
        <v>67</v>
      </c>
      <c r="C76" s="6">
        <v>64</v>
      </c>
      <c r="D76" s="5">
        <v>131</v>
      </c>
    </row>
    <row r="77" spans="1:4" ht="18" customHeight="1" x14ac:dyDescent="0.15">
      <c r="A77" s="8" t="s">
        <v>13</v>
      </c>
      <c r="B77" s="21">
        <v>427</v>
      </c>
      <c r="C77" s="6">
        <v>469</v>
      </c>
      <c r="D77" s="5">
        <v>896</v>
      </c>
    </row>
    <row r="78" spans="1:4" ht="18" customHeight="1" x14ac:dyDescent="0.15">
      <c r="A78" s="8">
        <v>60</v>
      </c>
      <c r="B78" s="21">
        <v>93</v>
      </c>
      <c r="C78" s="6">
        <v>69</v>
      </c>
      <c r="D78" s="5">
        <v>162</v>
      </c>
    </row>
    <row r="79" spans="1:4" ht="18" customHeight="1" x14ac:dyDescent="0.15">
      <c r="A79" s="8">
        <v>61</v>
      </c>
      <c r="B79" s="21">
        <v>76</v>
      </c>
      <c r="C79" s="6">
        <v>71</v>
      </c>
      <c r="D79" s="5">
        <v>147</v>
      </c>
    </row>
    <row r="80" spans="1:4" ht="18" customHeight="1" x14ac:dyDescent="0.15">
      <c r="A80" s="8">
        <v>62</v>
      </c>
      <c r="B80" s="21">
        <v>73</v>
      </c>
      <c r="C80" s="6">
        <v>62</v>
      </c>
      <c r="D80" s="5">
        <v>135</v>
      </c>
    </row>
    <row r="81" spans="1:4" ht="18" customHeight="1" x14ac:dyDescent="0.15">
      <c r="A81" s="8">
        <v>63</v>
      </c>
      <c r="B81" s="21">
        <v>63</v>
      </c>
      <c r="C81" s="6">
        <v>71</v>
      </c>
      <c r="D81" s="5">
        <v>134</v>
      </c>
    </row>
    <row r="82" spans="1:4" ht="18" customHeight="1" x14ac:dyDescent="0.15">
      <c r="A82" s="8">
        <v>64</v>
      </c>
      <c r="B82" s="21">
        <v>66</v>
      </c>
      <c r="C82" s="6">
        <v>71</v>
      </c>
      <c r="D82" s="5">
        <v>137</v>
      </c>
    </row>
    <row r="83" spans="1:4" ht="18" customHeight="1" x14ac:dyDescent="0.15">
      <c r="A83" s="8" t="s">
        <v>12</v>
      </c>
      <c r="B83" s="21">
        <v>371</v>
      </c>
      <c r="C83" s="6">
        <v>344</v>
      </c>
      <c r="D83" s="5">
        <v>715</v>
      </c>
    </row>
    <row r="84" spans="1:4" ht="18" customHeight="1" x14ac:dyDescent="0.15">
      <c r="A84" s="8" t="s">
        <v>11</v>
      </c>
      <c r="B84" s="21">
        <v>4132</v>
      </c>
      <c r="C84" s="6">
        <v>3748</v>
      </c>
      <c r="D84" s="5">
        <v>7880</v>
      </c>
    </row>
    <row r="85" spans="1:4" ht="18" customHeight="1" x14ac:dyDescent="0.15">
      <c r="A85" s="8">
        <v>65</v>
      </c>
      <c r="B85" s="21">
        <v>78</v>
      </c>
      <c r="C85" s="6">
        <v>80</v>
      </c>
      <c r="D85" s="5">
        <v>158</v>
      </c>
    </row>
    <row r="86" spans="1:4" ht="18" customHeight="1" x14ac:dyDescent="0.15">
      <c r="A86" s="8">
        <v>66</v>
      </c>
      <c r="B86" s="21">
        <v>45</v>
      </c>
      <c r="C86" s="6">
        <v>60</v>
      </c>
      <c r="D86" s="5">
        <v>105</v>
      </c>
    </row>
    <row r="87" spans="1:4" ht="18" customHeight="1" x14ac:dyDescent="0.15">
      <c r="A87" s="8">
        <v>67</v>
      </c>
      <c r="B87" s="21">
        <v>76</v>
      </c>
      <c r="C87" s="6">
        <v>73</v>
      </c>
      <c r="D87" s="5">
        <v>149</v>
      </c>
    </row>
    <row r="88" spans="1:4" ht="18" customHeight="1" x14ac:dyDescent="0.15">
      <c r="A88" s="8">
        <v>68</v>
      </c>
      <c r="B88" s="21">
        <v>64</v>
      </c>
      <c r="C88" s="6">
        <v>59</v>
      </c>
      <c r="D88" s="5">
        <v>123</v>
      </c>
    </row>
    <row r="89" spans="1:4" ht="18" customHeight="1" x14ac:dyDescent="0.15">
      <c r="A89" s="8">
        <v>69</v>
      </c>
      <c r="B89" s="21">
        <v>61</v>
      </c>
      <c r="C89" s="6">
        <v>64</v>
      </c>
      <c r="D89" s="5">
        <v>125</v>
      </c>
    </row>
    <row r="90" spans="1:4" ht="18" customHeight="1" x14ac:dyDescent="0.15">
      <c r="A90" s="8" t="s">
        <v>10</v>
      </c>
      <c r="B90" s="21">
        <v>324</v>
      </c>
      <c r="C90" s="6">
        <v>336</v>
      </c>
      <c r="D90" s="5">
        <v>660</v>
      </c>
    </row>
    <row r="91" spans="1:4" ht="18" customHeight="1" x14ac:dyDescent="0.15">
      <c r="A91" s="8">
        <v>70</v>
      </c>
      <c r="B91" s="21">
        <v>64</v>
      </c>
      <c r="C91" s="6">
        <v>72</v>
      </c>
      <c r="D91" s="5">
        <v>136</v>
      </c>
    </row>
    <row r="92" spans="1:4" ht="18" customHeight="1" x14ac:dyDescent="0.15">
      <c r="A92" s="8">
        <v>71</v>
      </c>
      <c r="B92" s="21">
        <v>80</v>
      </c>
      <c r="C92" s="6">
        <v>72</v>
      </c>
      <c r="D92" s="5">
        <v>152</v>
      </c>
    </row>
    <row r="93" spans="1:4" ht="18" customHeight="1" x14ac:dyDescent="0.15">
      <c r="A93" s="8">
        <v>72</v>
      </c>
      <c r="B93" s="21">
        <v>81</v>
      </c>
      <c r="C93" s="6">
        <v>68</v>
      </c>
      <c r="D93" s="5">
        <v>149</v>
      </c>
    </row>
    <row r="94" spans="1:4" ht="18" customHeight="1" x14ac:dyDescent="0.15">
      <c r="A94" s="8">
        <v>73</v>
      </c>
      <c r="B94" s="21">
        <v>67</v>
      </c>
      <c r="C94" s="6">
        <v>76</v>
      </c>
      <c r="D94" s="5">
        <v>143</v>
      </c>
    </row>
    <row r="95" spans="1:4" ht="18" customHeight="1" x14ac:dyDescent="0.15">
      <c r="A95" s="8">
        <v>74</v>
      </c>
      <c r="B95" s="21">
        <v>74</v>
      </c>
      <c r="C95" s="6">
        <v>73</v>
      </c>
      <c r="D95" s="5">
        <v>147</v>
      </c>
    </row>
    <row r="96" spans="1:4" ht="18" customHeight="1" x14ac:dyDescent="0.15">
      <c r="A96" s="8" t="s">
        <v>9</v>
      </c>
      <c r="B96" s="21">
        <v>366</v>
      </c>
      <c r="C96" s="6">
        <v>361</v>
      </c>
      <c r="D96" s="5">
        <v>727</v>
      </c>
    </row>
    <row r="97" spans="1:4" ht="18" customHeight="1" x14ac:dyDescent="0.15">
      <c r="A97" s="8">
        <v>75</v>
      </c>
      <c r="B97" s="21">
        <v>71</v>
      </c>
      <c r="C97" s="6">
        <v>102</v>
      </c>
      <c r="D97" s="5">
        <v>173</v>
      </c>
    </row>
    <row r="98" spans="1:4" ht="18" customHeight="1" x14ac:dyDescent="0.15">
      <c r="A98" s="8">
        <v>76</v>
      </c>
      <c r="B98" s="21">
        <v>82</v>
      </c>
      <c r="C98" s="6">
        <v>76</v>
      </c>
      <c r="D98" s="5">
        <v>158</v>
      </c>
    </row>
    <row r="99" spans="1:4" ht="18" customHeight="1" x14ac:dyDescent="0.15">
      <c r="A99" s="8">
        <v>77</v>
      </c>
      <c r="B99" s="21">
        <v>86</v>
      </c>
      <c r="C99" s="6">
        <v>111</v>
      </c>
      <c r="D99" s="5">
        <v>197</v>
      </c>
    </row>
    <row r="100" spans="1:4" ht="18" customHeight="1" x14ac:dyDescent="0.15">
      <c r="A100" s="8">
        <v>78</v>
      </c>
      <c r="B100" s="21">
        <v>72</v>
      </c>
      <c r="C100" s="6">
        <v>131</v>
      </c>
      <c r="D100" s="5">
        <v>203</v>
      </c>
    </row>
    <row r="101" spans="1:4" ht="18" customHeight="1" x14ac:dyDescent="0.15">
      <c r="A101" s="8">
        <v>79</v>
      </c>
      <c r="B101" s="21">
        <v>52</v>
      </c>
      <c r="C101" s="6">
        <v>59</v>
      </c>
      <c r="D101" s="5">
        <v>111</v>
      </c>
    </row>
    <row r="102" spans="1:4" ht="18" customHeight="1" x14ac:dyDescent="0.15">
      <c r="A102" s="8" t="s">
        <v>8</v>
      </c>
      <c r="B102" s="21">
        <v>363</v>
      </c>
      <c r="C102" s="6">
        <v>479</v>
      </c>
      <c r="D102" s="5">
        <v>842</v>
      </c>
    </row>
    <row r="103" spans="1:4" ht="18" customHeight="1" x14ac:dyDescent="0.15">
      <c r="A103" s="8">
        <v>80</v>
      </c>
      <c r="B103" s="21">
        <v>41</v>
      </c>
      <c r="C103" s="6">
        <v>54</v>
      </c>
      <c r="D103" s="5">
        <v>95</v>
      </c>
    </row>
    <row r="104" spans="1:4" ht="18" customHeight="1" x14ac:dyDescent="0.15">
      <c r="A104" s="8">
        <v>81</v>
      </c>
      <c r="B104" s="21">
        <v>51</v>
      </c>
      <c r="C104" s="6">
        <v>69</v>
      </c>
      <c r="D104" s="5">
        <v>120</v>
      </c>
    </row>
    <row r="105" spans="1:4" ht="18" customHeight="1" x14ac:dyDescent="0.15">
      <c r="A105" s="8">
        <v>82</v>
      </c>
      <c r="B105" s="21">
        <v>48</v>
      </c>
      <c r="C105" s="6">
        <v>64</v>
      </c>
      <c r="D105" s="5">
        <v>112</v>
      </c>
    </row>
    <row r="106" spans="1:4" ht="18" customHeight="1" x14ac:dyDescent="0.15">
      <c r="A106" s="8">
        <v>83</v>
      </c>
      <c r="B106" s="21">
        <v>64</v>
      </c>
      <c r="C106" s="6">
        <v>68</v>
      </c>
      <c r="D106" s="5">
        <v>132</v>
      </c>
    </row>
    <row r="107" spans="1:4" ht="18" customHeight="1" x14ac:dyDescent="0.15">
      <c r="A107" s="8">
        <v>84</v>
      </c>
      <c r="B107" s="21">
        <v>38</v>
      </c>
      <c r="C107" s="6">
        <v>51</v>
      </c>
      <c r="D107" s="5">
        <v>89</v>
      </c>
    </row>
    <row r="108" spans="1:4" ht="18" customHeight="1" x14ac:dyDescent="0.15">
      <c r="A108" s="8" t="s">
        <v>7</v>
      </c>
      <c r="B108" s="21">
        <v>242</v>
      </c>
      <c r="C108" s="6">
        <v>306</v>
      </c>
      <c r="D108" s="5">
        <v>548</v>
      </c>
    </row>
    <row r="109" spans="1:4" ht="18" customHeight="1" x14ac:dyDescent="0.15">
      <c r="A109" s="8">
        <v>85</v>
      </c>
      <c r="B109" s="21">
        <v>42</v>
      </c>
      <c r="C109" s="6">
        <v>53</v>
      </c>
      <c r="D109" s="5">
        <v>95</v>
      </c>
    </row>
    <row r="110" spans="1:4" ht="18" customHeight="1" x14ac:dyDescent="0.15">
      <c r="A110" s="8">
        <v>86</v>
      </c>
      <c r="B110" s="21">
        <v>30</v>
      </c>
      <c r="C110" s="6">
        <v>45</v>
      </c>
      <c r="D110" s="5">
        <v>75</v>
      </c>
    </row>
    <row r="111" spans="1:4" ht="18" customHeight="1" x14ac:dyDescent="0.15">
      <c r="A111" s="8">
        <v>87</v>
      </c>
      <c r="B111" s="21">
        <v>21</v>
      </c>
      <c r="C111" s="6">
        <v>38</v>
      </c>
      <c r="D111" s="5">
        <v>59</v>
      </c>
    </row>
    <row r="112" spans="1:4" ht="18" customHeight="1" x14ac:dyDescent="0.15">
      <c r="A112" s="8">
        <v>88</v>
      </c>
      <c r="B112" s="21">
        <v>19</v>
      </c>
      <c r="C112" s="6">
        <v>38</v>
      </c>
      <c r="D112" s="5">
        <v>57</v>
      </c>
    </row>
    <row r="113" spans="1:4" ht="18" customHeight="1" x14ac:dyDescent="0.15">
      <c r="A113" s="8">
        <v>89</v>
      </c>
      <c r="B113" s="21">
        <v>24</v>
      </c>
      <c r="C113" s="6">
        <v>44</v>
      </c>
      <c r="D113" s="5">
        <v>68</v>
      </c>
    </row>
    <row r="114" spans="1:4" ht="18" customHeight="1" x14ac:dyDescent="0.15">
      <c r="A114" s="8" t="s">
        <v>6</v>
      </c>
      <c r="B114" s="21">
        <v>136</v>
      </c>
      <c r="C114" s="6">
        <v>218</v>
      </c>
      <c r="D114" s="5">
        <v>354</v>
      </c>
    </row>
    <row r="115" spans="1:4" ht="18" customHeight="1" x14ac:dyDescent="0.15">
      <c r="A115" s="8">
        <v>90</v>
      </c>
      <c r="B115" s="21">
        <v>10</v>
      </c>
      <c r="C115" s="6">
        <v>24</v>
      </c>
      <c r="D115" s="5">
        <v>34</v>
      </c>
    </row>
    <row r="116" spans="1:4" ht="18" customHeight="1" x14ac:dyDescent="0.15">
      <c r="A116" s="8">
        <v>91</v>
      </c>
      <c r="B116" s="21">
        <v>12</v>
      </c>
      <c r="C116" s="6">
        <v>29</v>
      </c>
      <c r="D116" s="5">
        <v>41</v>
      </c>
    </row>
    <row r="117" spans="1:4" ht="18" customHeight="1" x14ac:dyDescent="0.15">
      <c r="A117" s="8">
        <v>92</v>
      </c>
      <c r="B117" s="21">
        <v>7</v>
      </c>
      <c r="C117" s="6">
        <v>18</v>
      </c>
      <c r="D117" s="5">
        <v>25</v>
      </c>
    </row>
    <row r="118" spans="1:4" ht="18" customHeight="1" x14ac:dyDescent="0.15">
      <c r="A118" s="8">
        <v>93</v>
      </c>
      <c r="B118" s="21">
        <v>4</v>
      </c>
      <c r="C118" s="6">
        <v>23</v>
      </c>
      <c r="D118" s="5">
        <v>27</v>
      </c>
    </row>
    <row r="119" spans="1:4" ht="18" customHeight="1" x14ac:dyDescent="0.15">
      <c r="A119" s="8">
        <v>94</v>
      </c>
      <c r="B119" s="21">
        <v>3</v>
      </c>
      <c r="C119" s="6">
        <v>12</v>
      </c>
      <c r="D119" s="5">
        <v>15</v>
      </c>
    </row>
    <row r="120" spans="1:4" ht="18" customHeight="1" x14ac:dyDescent="0.15">
      <c r="A120" s="8" t="s">
        <v>5</v>
      </c>
      <c r="B120" s="21">
        <v>36</v>
      </c>
      <c r="C120" s="6">
        <v>106</v>
      </c>
      <c r="D120" s="5">
        <v>142</v>
      </c>
    </row>
    <row r="121" spans="1:4" ht="18" customHeight="1" x14ac:dyDescent="0.15">
      <c r="A121" s="8">
        <v>95</v>
      </c>
      <c r="B121" s="21">
        <v>6</v>
      </c>
      <c r="C121" s="6">
        <v>10</v>
      </c>
      <c r="D121" s="5">
        <v>16</v>
      </c>
    </row>
    <row r="122" spans="1:4" ht="18" customHeight="1" x14ac:dyDescent="0.15">
      <c r="A122" s="8">
        <v>96</v>
      </c>
      <c r="B122" s="21">
        <v>2</v>
      </c>
      <c r="C122" s="6">
        <v>7</v>
      </c>
      <c r="D122" s="5">
        <v>9</v>
      </c>
    </row>
    <row r="123" spans="1:4" ht="18" customHeight="1" x14ac:dyDescent="0.15">
      <c r="A123" s="8">
        <v>97</v>
      </c>
      <c r="B123" s="21">
        <v>0</v>
      </c>
      <c r="C123" s="6">
        <v>14</v>
      </c>
      <c r="D123" s="5">
        <v>14</v>
      </c>
    </row>
    <row r="124" spans="1:4" ht="18" customHeight="1" x14ac:dyDescent="0.15">
      <c r="A124" s="8">
        <v>98</v>
      </c>
      <c r="B124" s="21">
        <v>2</v>
      </c>
      <c r="C124" s="6">
        <v>10</v>
      </c>
      <c r="D124" s="5">
        <v>12</v>
      </c>
    </row>
    <row r="125" spans="1:4" ht="18" customHeight="1" x14ac:dyDescent="0.15">
      <c r="A125" s="8">
        <v>99</v>
      </c>
      <c r="B125" s="21">
        <v>0</v>
      </c>
      <c r="C125" s="6">
        <v>4</v>
      </c>
      <c r="D125" s="5">
        <v>4</v>
      </c>
    </row>
    <row r="126" spans="1:4" ht="18" customHeight="1" x14ac:dyDescent="0.15">
      <c r="A126" s="8" t="s">
        <v>4</v>
      </c>
      <c r="B126" s="21">
        <v>10</v>
      </c>
      <c r="C126" s="6">
        <v>45</v>
      </c>
      <c r="D126" s="5">
        <v>55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5</v>
      </c>
      <c r="D129" s="5">
        <v>5</v>
      </c>
    </row>
    <row r="130" spans="1:4" ht="18" customHeight="1" x14ac:dyDescent="0.15">
      <c r="A130" s="8" t="s">
        <v>1</v>
      </c>
      <c r="B130" s="21">
        <v>1477</v>
      </c>
      <c r="C130" s="6">
        <v>1856</v>
      </c>
      <c r="D130" s="5">
        <v>3333</v>
      </c>
    </row>
    <row r="131" spans="1:4" ht="18" customHeight="1" x14ac:dyDescent="0.15">
      <c r="A131" s="4" t="s">
        <v>0</v>
      </c>
      <c r="B131" s="20">
        <v>6321</v>
      </c>
      <c r="C131" s="2">
        <v>6272</v>
      </c>
      <c r="D131" s="1">
        <v>1259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B82BD7-11D7-4530-94C1-B0E8EBF3D101}">
  <sheetPr codeName="Sheet6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944</v>
      </c>
      <c r="C5" s="31">
        <v>908</v>
      </c>
      <c r="D5" s="30">
        <v>1852</v>
      </c>
    </row>
    <row r="6" spans="1:4" ht="18" customHeight="1" x14ac:dyDescent="0.15">
      <c r="A6" s="8">
        <v>1</v>
      </c>
      <c r="B6" s="26">
        <v>927</v>
      </c>
      <c r="C6" s="6">
        <v>941</v>
      </c>
      <c r="D6" s="5">
        <v>1868</v>
      </c>
    </row>
    <row r="7" spans="1:4" ht="18" customHeight="1" x14ac:dyDescent="0.15">
      <c r="A7" s="8">
        <v>2</v>
      </c>
      <c r="B7" s="26">
        <v>1016</v>
      </c>
      <c r="C7" s="6">
        <v>962</v>
      </c>
      <c r="D7" s="5">
        <v>1978</v>
      </c>
    </row>
    <row r="8" spans="1:4" ht="18" customHeight="1" x14ac:dyDescent="0.15">
      <c r="A8" s="8">
        <v>3</v>
      </c>
      <c r="B8" s="26">
        <v>1066</v>
      </c>
      <c r="C8" s="6">
        <v>1025</v>
      </c>
      <c r="D8" s="5">
        <v>2091</v>
      </c>
    </row>
    <row r="9" spans="1:4" ht="18" customHeight="1" x14ac:dyDescent="0.15">
      <c r="A9" s="8">
        <v>4</v>
      </c>
      <c r="B9" s="29">
        <v>1076</v>
      </c>
      <c r="C9" s="28">
        <v>1016</v>
      </c>
      <c r="D9" s="27">
        <v>2092</v>
      </c>
    </row>
    <row r="10" spans="1:4" ht="18" customHeight="1" x14ac:dyDescent="0.15">
      <c r="A10" s="8" t="s">
        <v>25</v>
      </c>
      <c r="B10" s="21">
        <v>5029</v>
      </c>
      <c r="C10" s="6">
        <v>4852</v>
      </c>
      <c r="D10" s="5">
        <v>9881</v>
      </c>
    </row>
    <row r="11" spans="1:4" ht="18" customHeight="1" x14ac:dyDescent="0.15">
      <c r="A11" s="8">
        <v>5</v>
      </c>
      <c r="B11" s="26">
        <v>1115</v>
      </c>
      <c r="C11" s="6">
        <v>1053</v>
      </c>
      <c r="D11" s="5">
        <v>2168</v>
      </c>
    </row>
    <row r="12" spans="1:4" ht="18" customHeight="1" x14ac:dyDescent="0.15">
      <c r="A12" s="8">
        <v>6</v>
      </c>
      <c r="B12" s="26">
        <v>1175</v>
      </c>
      <c r="C12" s="6">
        <v>1144</v>
      </c>
      <c r="D12" s="5">
        <v>2319</v>
      </c>
    </row>
    <row r="13" spans="1:4" ht="18" customHeight="1" x14ac:dyDescent="0.15">
      <c r="A13" s="8">
        <v>7</v>
      </c>
      <c r="B13" s="26">
        <v>1193</v>
      </c>
      <c r="C13" s="6">
        <v>1130</v>
      </c>
      <c r="D13" s="5">
        <v>2323</v>
      </c>
    </row>
    <row r="14" spans="1:4" ht="18" customHeight="1" x14ac:dyDescent="0.15">
      <c r="A14" s="8">
        <v>8</v>
      </c>
      <c r="B14" s="26">
        <v>1218</v>
      </c>
      <c r="C14" s="6">
        <v>1171</v>
      </c>
      <c r="D14" s="5">
        <v>2389</v>
      </c>
    </row>
    <row r="15" spans="1:4" ht="18" customHeight="1" x14ac:dyDescent="0.15">
      <c r="A15" s="8">
        <v>9</v>
      </c>
      <c r="B15" s="26">
        <v>1247</v>
      </c>
      <c r="C15" s="6">
        <v>1241</v>
      </c>
      <c r="D15" s="5">
        <v>2488</v>
      </c>
    </row>
    <row r="16" spans="1:4" ht="18" customHeight="1" x14ac:dyDescent="0.15">
      <c r="A16" s="8" t="s">
        <v>24</v>
      </c>
      <c r="B16" s="21">
        <v>5948</v>
      </c>
      <c r="C16" s="6">
        <v>5739</v>
      </c>
      <c r="D16" s="5">
        <v>11687</v>
      </c>
    </row>
    <row r="17" spans="1:4" ht="18" customHeight="1" x14ac:dyDescent="0.15">
      <c r="A17" s="8">
        <v>10</v>
      </c>
      <c r="B17" s="21">
        <v>1247</v>
      </c>
      <c r="C17" s="6">
        <v>1204</v>
      </c>
      <c r="D17" s="5">
        <v>2451</v>
      </c>
    </row>
    <row r="18" spans="1:4" ht="18" customHeight="1" x14ac:dyDescent="0.15">
      <c r="A18" s="8">
        <v>11</v>
      </c>
      <c r="B18" s="21">
        <v>1251</v>
      </c>
      <c r="C18" s="6">
        <v>1230</v>
      </c>
      <c r="D18" s="5">
        <v>2481</v>
      </c>
    </row>
    <row r="19" spans="1:4" ht="18" customHeight="1" x14ac:dyDescent="0.15">
      <c r="A19" s="8">
        <v>12</v>
      </c>
      <c r="B19" s="21">
        <v>1273</v>
      </c>
      <c r="C19" s="6">
        <v>1213</v>
      </c>
      <c r="D19" s="5">
        <v>2486</v>
      </c>
    </row>
    <row r="20" spans="1:4" ht="18" customHeight="1" x14ac:dyDescent="0.15">
      <c r="A20" s="8">
        <v>13</v>
      </c>
      <c r="B20" s="21">
        <v>1334</v>
      </c>
      <c r="C20" s="6">
        <v>1260</v>
      </c>
      <c r="D20" s="5">
        <v>2594</v>
      </c>
    </row>
    <row r="21" spans="1:4" ht="18" customHeight="1" x14ac:dyDescent="0.15">
      <c r="A21" s="8">
        <v>14</v>
      </c>
      <c r="B21" s="21">
        <v>1313</v>
      </c>
      <c r="C21" s="6">
        <v>1295</v>
      </c>
      <c r="D21" s="5">
        <v>2608</v>
      </c>
    </row>
    <row r="22" spans="1:4" ht="18" customHeight="1" x14ac:dyDescent="0.15">
      <c r="A22" s="8" t="s">
        <v>23</v>
      </c>
      <c r="B22" s="21">
        <v>6418</v>
      </c>
      <c r="C22" s="6">
        <v>6202</v>
      </c>
      <c r="D22" s="5">
        <v>12620</v>
      </c>
    </row>
    <row r="23" spans="1:4" ht="18" customHeight="1" x14ac:dyDescent="0.15">
      <c r="A23" s="8" t="s">
        <v>22</v>
      </c>
      <c r="B23" s="21">
        <v>17395</v>
      </c>
      <c r="C23" s="6">
        <v>16793</v>
      </c>
      <c r="D23" s="5">
        <v>34188</v>
      </c>
    </row>
    <row r="24" spans="1:4" ht="18" customHeight="1" x14ac:dyDescent="0.15">
      <c r="A24" s="8">
        <v>15</v>
      </c>
      <c r="B24" s="21">
        <v>1384</v>
      </c>
      <c r="C24" s="6">
        <v>1226</v>
      </c>
      <c r="D24" s="5">
        <v>2610</v>
      </c>
    </row>
    <row r="25" spans="1:4" ht="18" customHeight="1" x14ac:dyDescent="0.15">
      <c r="A25" s="8">
        <v>16</v>
      </c>
      <c r="B25" s="21">
        <v>1313</v>
      </c>
      <c r="C25" s="6">
        <v>1297</v>
      </c>
      <c r="D25" s="5">
        <v>2610</v>
      </c>
    </row>
    <row r="26" spans="1:4" ht="18" customHeight="1" x14ac:dyDescent="0.15">
      <c r="A26" s="8">
        <v>17</v>
      </c>
      <c r="B26" s="21">
        <v>1358</v>
      </c>
      <c r="C26" s="6">
        <v>1324</v>
      </c>
      <c r="D26" s="5">
        <v>2682</v>
      </c>
    </row>
    <row r="27" spans="1:4" ht="18" customHeight="1" x14ac:dyDescent="0.15">
      <c r="A27" s="8">
        <v>18</v>
      </c>
      <c r="B27" s="21">
        <v>1401</v>
      </c>
      <c r="C27" s="6">
        <v>1340</v>
      </c>
      <c r="D27" s="5">
        <v>2741</v>
      </c>
    </row>
    <row r="28" spans="1:4" ht="18" customHeight="1" x14ac:dyDescent="0.15">
      <c r="A28" s="8">
        <v>19</v>
      </c>
      <c r="B28" s="21">
        <v>1513</v>
      </c>
      <c r="C28" s="6">
        <v>1393</v>
      </c>
      <c r="D28" s="5">
        <v>2906</v>
      </c>
    </row>
    <row r="29" spans="1:4" ht="18" customHeight="1" x14ac:dyDescent="0.15">
      <c r="A29" s="8" t="s">
        <v>21</v>
      </c>
      <c r="B29" s="21">
        <v>6969</v>
      </c>
      <c r="C29" s="6">
        <v>6580</v>
      </c>
      <c r="D29" s="5">
        <v>13549</v>
      </c>
    </row>
    <row r="30" spans="1:4" ht="18" customHeight="1" x14ac:dyDescent="0.15">
      <c r="A30" s="8">
        <v>20</v>
      </c>
      <c r="B30" s="21">
        <v>1504</v>
      </c>
      <c r="C30" s="6">
        <v>1388</v>
      </c>
      <c r="D30" s="5">
        <v>2892</v>
      </c>
    </row>
    <row r="31" spans="1:4" ht="18" customHeight="1" x14ac:dyDescent="0.15">
      <c r="A31" s="8">
        <v>21</v>
      </c>
      <c r="B31" s="21">
        <v>1631</v>
      </c>
      <c r="C31" s="6">
        <v>1514</v>
      </c>
      <c r="D31" s="5">
        <v>3145</v>
      </c>
    </row>
    <row r="32" spans="1:4" ht="18" customHeight="1" x14ac:dyDescent="0.15">
      <c r="A32" s="8">
        <v>22</v>
      </c>
      <c r="B32" s="21">
        <v>1607</v>
      </c>
      <c r="C32" s="6">
        <v>1437</v>
      </c>
      <c r="D32" s="5">
        <v>3044</v>
      </c>
    </row>
    <row r="33" spans="1:4" ht="18" customHeight="1" x14ac:dyDescent="0.15">
      <c r="A33" s="8">
        <v>23</v>
      </c>
      <c r="B33" s="21">
        <v>1760</v>
      </c>
      <c r="C33" s="6">
        <v>1468</v>
      </c>
      <c r="D33" s="5">
        <v>3228</v>
      </c>
    </row>
    <row r="34" spans="1:4" ht="18" customHeight="1" x14ac:dyDescent="0.15">
      <c r="A34" s="8">
        <v>24</v>
      </c>
      <c r="B34" s="21">
        <v>1756</v>
      </c>
      <c r="C34" s="6">
        <v>1447</v>
      </c>
      <c r="D34" s="5">
        <v>3203</v>
      </c>
    </row>
    <row r="35" spans="1:4" ht="18" customHeight="1" x14ac:dyDescent="0.15">
      <c r="A35" s="8" t="s">
        <v>20</v>
      </c>
      <c r="B35" s="21">
        <v>8258</v>
      </c>
      <c r="C35" s="6">
        <v>7254</v>
      </c>
      <c r="D35" s="5">
        <v>15512</v>
      </c>
    </row>
    <row r="36" spans="1:4" ht="18" customHeight="1" x14ac:dyDescent="0.15">
      <c r="A36" s="8">
        <v>25</v>
      </c>
      <c r="B36" s="21">
        <v>1788</v>
      </c>
      <c r="C36" s="6">
        <v>1502</v>
      </c>
      <c r="D36" s="5">
        <v>3290</v>
      </c>
    </row>
    <row r="37" spans="1:4" ht="18" customHeight="1" x14ac:dyDescent="0.15">
      <c r="A37" s="8">
        <v>26</v>
      </c>
      <c r="B37" s="21">
        <v>1702</v>
      </c>
      <c r="C37" s="6">
        <v>1560</v>
      </c>
      <c r="D37" s="5">
        <v>3262</v>
      </c>
    </row>
    <row r="38" spans="1:4" ht="18" customHeight="1" x14ac:dyDescent="0.15">
      <c r="A38" s="8">
        <v>27</v>
      </c>
      <c r="B38" s="21">
        <v>1675</v>
      </c>
      <c r="C38" s="6">
        <v>1477</v>
      </c>
      <c r="D38" s="5">
        <v>3152</v>
      </c>
    </row>
    <row r="39" spans="1:4" ht="18" customHeight="1" x14ac:dyDescent="0.15">
      <c r="A39" s="8">
        <v>28</v>
      </c>
      <c r="B39" s="21">
        <v>1776</v>
      </c>
      <c r="C39" s="6">
        <v>1506</v>
      </c>
      <c r="D39" s="5">
        <v>3282</v>
      </c>
    </row>
    <row r="40" spans="1:4" ht="18" customHeight="1" x14ac:dyDescent="0.15">
      <c r="A40" s="8">
        <v>29</v>
      </c>
      <c r="B40" s="21">
        <v>1688</v>
      </c>
      <c r="C40" s="6">
        <v>1595</v>
      </c>
      <c r="D40" s="5">
        <v>3283</v>
      </c>
    </row>
    <row r="41" spans="1:4" ht="18" customHeight="1" x14ac:dyDescent="0.15">
      <c r="A41" s="8" t="s">
        <v>19</v>
      </c>
      <c r="B41" s="21">
        <v>8629</v>
      </c>
      <c r="C41" s="6">
        <v>7640</v>
      </c>
      <c r="D41" s="5">
        <v>16269</v>
      </c>
    </row>
    <row r="42" spans="1:4" ht="18" customHeight="1" x14ac:dyDescent="0.15">
      <c r="A42" s="8">
        <v>30</v>
      </c>
      <c r="B42" s="21">
        <v>1806</v>
      </c>
      <c r="C42" s="6">
        <v>1473</v>
      </c>
      <c r="D42" s="5">
        <v>3279</v>
      </c>
    </row>
    <row r="43" spans="1:4" ht="18" customHeight="1" x14ac:dyDescent="0.15">
      <c r="A43" s="8">
        <v>31</v>
      </c>
      <c r="B43" s="21">
        <v>1731</v>
      </c>
      <c r="C43" s="6">
        <v>1522</v>
      </c>
      <c r="D43" s="5">
        <v>3253</v>
      </c>
    </row>
    <row r="44" spans="1:4" ht="18" customHeight="1" x14ac:dyDescent="0.15">
      <c r="A44" s="8">
        <v>32</v>
      </c>
      <c r="B44" s="21">
        <v>1645</v>
      </c>
      <c r="C44" s="6">
        <v>1445</v>
      </c>
      <c r="D44" s="5">
        <v>3090</v>
      </c>
    </row>
    <row r="45" spans="1:4" ht="18" customHeight="1" x14ac:dyDescent="0.15">
      <c r="A45" s="8">
        <v>33</v>
      </c>
      <c r="B45" s="21">
        <v>1585</v>
      </c>
      <c r="C45" s="6">
        <v>1469</v>
      </c>
      <c r="D45" s="5">
        <v>3054</v>
      </c>
    </row>
    <row r="46" spans="1:4" ht="18" customHeight="1" x14ac:dyDescent="0.15">
      <c r="A46" s="8">
        <v>34</v>
      </c>
      <c r="B46" s="21">
        <v>1645</v>
      </c>
      <c r="C46" s="6">
        <v>1491</v>
      </c>
      <c r="D46" s="5">
        <v>3136</v>
      </c>
    </row>
    <row r="47" spans="1:4" ht="18" customHeight="1" x14ac:dyDescent="0.15">
      <c r="A47" s="8" t="s">
        <v>18</v>
      </c>
      <c r="B47" s="21">
        <v>8412</v>
      </c>
      <c r="C47" s="6">
        <v>7400</v>
      </c>
      <c r="D47" s="5">
        <v>15812</v>
      </c>
    </row>
    <row r="48" spans="1:4" ht="18" customHeight="1" x14ac:dyDescent="0.15">
      <c r="A48" s="8">
        <v>35</v>
      </c>
      <c r="B48" s="21">
        <v>1637</v>
      </c>
      <c r="C48" s="6">
        <v>1446</v>
      </c>
      <c r="D48" s="5">
        <v>3083</v>
      </c>
    </row>
    <row r="49" spans="1:4" ht="18" customHeight="1" x14ac:dyDescent="0.15">
      <c r="A49" s="8">
        <v>36</v>
      </c>
      <c r="B49" s="21">
        <v>1682</v>
      </c>
      <c r="C49" s="6">
        <v>1482</v>
      </c>
      <c r="D49" s="5">
        <v>3164</v>
      </c>
    </row>
    <row r="50" spans="1:4" ht="18" customHeight="1" x14ac:dyDescent="0.15">
      <c r="A50" s="8">
        <v>37</v>
      </c>
      <c r="B50" s="21">
        <v>1755</v>
      </c>
      <c r="C50" s="6">
        <v>1555</v>
      </c>
      <c r="D50" s="5">
        <v>3310</v>
      </c>
    </row>
    <row r="51" spans="1:4" ht="18" customHeight="1" x14ac:dyDescent="0.15">
      <c r="A51" s="8">
        <v>38</v>
      </c>
      <c r="B51" s="21">
        <v>1641</v>
      </c>
      <c r="C51" s="6">
        <v>1588</v>
      </c>
      <c r="D51" s="5">
        <v>3229</v>
      </c>
    </row>
    <row r="52" spans="1:4" ht="18" customHeight="1" x14ac:dyDescent="0.15">
      <c r="A52" s="8">
        <v>39</v>
      </c>
      <c r="B52" s="21">
        <v>1817</v>
      </c>
      <c r="C52" s="6">
        <v>1654</v>
      </c>
      <c r="D52" s="5">
        <v>3471</v>
      </c>
    </row>
    <row r="53" spans="1:4" ht="18" customHeight="1" x14ac:dyDescent="0.15">
      <c r="A53" s="8" t="s">
        <v>17</v>
      </c>
      <c r="B53" s="21">
        <v>8532</v>
      </c>
      <c r="C53" s="6">
        <v>7725</v>
      </c>
      <c r="D53" s="5">
        <v>16257</v>
      </c>
    </row>
    <row r="54" spans="1:4" ht="18" customHeight="1" x14ac:dyDescent="0.15">
      <c r="A54" s="8">
        <v>40</v>
      </c>
      <c r="B54" s="21">
        <v>1886</v>
      </c>
      <c r="C54" s="6">
        <v>1763</v>
      </c>
      <c r="D54" s="5">
        <v>3649</v>
      </c>
    </row>
    <row r="55" spans="1:4" ht="18" customHeight="1" x14ac:dyDescent="0.15">
      <c r="A55" s="8">
        <v>41</v>
      </c>
      <c r="B55" s="21">
        <v>1947</v>
      </c>
      <c r="C55" s="6">
        <v>1757</v>
      </c>
      <c r="D55" s="5">
        <v>3704</v>
      </c>
    </row>
    <row r="56" spans="1:4" ht="18" customHeight="1" x14ac:dyDescent="0.15">
      <c r="A56" s="8">
        <v>42</v>
      </c>
      <c r="B56" s="21">
        <v>1920</v>
      </c>
      <c r="C56" s="6">
        <v>1683</v>
      </c>
      <c r="D56" s="5">
        <v>3603</v>
      </c>
    </row>
    <row r="57" spans="1:4" ht="18" customHeight="1" x14ac:dyDescent="0.15">
      <c r="A57" s="8">
        <v>43</v>
      </c>
      <c r="B57" s="21">
        <v>1947</v>
      </c>
      <c r="C57" s="6">
        <v>1776</v>
      </c>
      <c r="D57" s="5">
        <v>3723</v>
      </c>
    </row>
    <row r="58" spans="1:4" ht="18" customHeight="1" x14ac:dyDescent="0.15">
      <c r="A58" s="8">
        <v>44</v>
      </c>
      <c r="B58" s="21">
        <v>1879</v>
      </c>
      <c r="C58" s="6">
        <v>1874</v>
      </c>
      <c r="D58" s="5">
        <v>3753</v>
      </c>
    </row>
    <row r="59" spans="1:4" ht="18" customHeight="1" x14ac:dyDescent="0.15">
      <c r="A59" s="8" t="s">
        <v>16</v>
      </c>
      <c r="B59" s="21">
        <v>9579</v>
      </c>
      <c r="C59" s="6">
        <v>8853</v>
      </c>
      <c r="D59" s="5">
        <v>18432</v>
      </c>
    </row>
    <row r="60" spans="1:4" ht="18" customHeight="1" x14ac:dyDescent="0.15">
      <c r="A60" s="8">
        <v>45</v>
      </c>
      <c r="B60" s="21">
        <v>1964</v>
      </c>
      <c r="C60" s="6">
        <v>1854</v>
      </c>
      <c r="D60" s="5">
        <v>3818</v>
      </c>
    </row>
    <row r="61" spans="1:4" ht="18" customHeight="1" x14ac:dyDescent="0.15">
      <c r="A61" s="8">
        <v>46</v>
      </c>
      <c r="B61" s="21">
        <v>2059</v>
      </c>
      <c r="C61" s="6">
        <v>1976</v>
      </c>
      <c r="D61" s="5">
        <v>4035</v>
      </c>
    </row>
    <row r="62" spans="1:4" ht="18" customHeight="1" x14ac:dyDescent="0.15">
      <c r="A62" s="8">
        <v>47</v>
      </c>
      <c r="B62" s="21">
        <v>2250</v>
      </c>
      <c r="C62" s="6">
        <v>2110</v>
      </c>
      <c r="D62" s="5">
        <v>4360</v>
      </c>
    </row>
    <row r="63" spans="1:4" ht="18" customHeight="1" x14ac:dyDescent="0.15">
      <c r="A63" s="8">
        <v>48</v>
      </c>
      <c r="B63" s="21">
        <v>2292</v>
      </c>
      <c r="C63" s="6">
        <v>2105</v>
      </c>
      <c r="D63" s="5">
        <v>4397</v>
      </c>
    </row>
    <row r="64" spans="1:4" ht="18" customHeight="1" x14ac:dyDescent="0.15">
      <c r="A64" s="8">
        <v>49</v>
      </c>
      <c r="B64" s="21">
        <v>2416</v>
      </c>
      <c r="C64" s="6">
        <v>2252</v>
      </c>
      <c r="D64" s="5">
        <v>4668</v>
      </c>
    </row>
    <row r="65" spans="1:4" ht="18" customHeight="1" x14ac:dyDescent="0.15">
      <c r="A65" s="8" t="s">
        <v>15</v>
      </c>
      <c r="B65" s="21">
        <v>10981</v>
      </c>
      <c r="C65" s="6">
        <v>10297</v>
      </c>
      <c r="D65" s="5">
        <v>21278</v>
      </c>
    </row>
    <row r="66" spans="1:4" ht="18" customHeight="1" x14ac:dyDescent="0.15">
      <c r="A66" s="8">
        <v>50</v>
      </c>
      <c r="B66" s="21">
        <v>2581</v>
      </c>
      <c r="C66" s="6">
        <v>2432</v>
      </c>
      <c r="D66" s="5">
        <v>5013</v>
      </c>
    </row>
    <row r="67" spans="1:4" ht="18" customHeight="1" x14ac:dyDescent="0.15">
      <c r="A67" s="8">
        <v>51</v>
      </c>
      <c r="B67" s="21">
        <v>2725</v>
      </c>
      <c r="C67" s="6">
        <v>2662</v>
      </c>
      <c r="D67" s="5">
        <v>5387</v>
      </c>
    </row>
    <row r="68" spans="1:4" ht="18" customHeight="1" x14ac:dyDescent="0.15">
      <c r="A68" s="8">
        <v>52</v>
      </c>
      <c r="B68" s="21">
        <v>2748</v>
      </c>
      <c r="C68" s="6">
        <v>2646</v>
      </c>
      <c r="D68" s="5">
        <v>5394</v>
      </c>
    </row>
    <row r="69" spans="1:4" ht="18" customHeight="1" x14ac:dyDescent="0.15">
      <c r="A69" s="8">
        <v>53</v>
      </c>
      <c r="B69" s="21">
        <v>2698</v>
      </c>
      <c r="C69" s="6">
        <v>2664</v>
      </c>
      <c r="D69" s="5">
        <v>5362</v>
      </c>
    </row>
    <row r="70" spans="1:4" ht="18" customHeight="1" x14ac:dyDescent="0.15">
      <c r="A70" s="8">
        <v>54</v>
      </c>
      <c r="B70" s="21">
        <v>2608</v>
      </c>
      <c r="C70" s="6">
        <v>2482</v>
      </c>
      <c r="D70" s="5">
        <v>5090</v>
      </c>
    </row>
    <row r="71" spans="1:4" ht="18" customHeight="1" x14ac:dyDescent="0.15">
      <c r="A71" s="8" t="s">
        <v>14</v>
      </c>
      <c r="B71" s="21">
        <v>13360</v>
      </c>
      <c r="C71" s="6">
        <v>12886</v>
      </c>
      <c r="D71" s="5">
        <v>26246</v>
      </c>
    </row>
    <row r="72" spans="1:4" ht="18" customHeight="1" x14ac:dyDescent="0.15">
      <c r="A72" s="8">
        <v>55</v>
      </c>
      <c r="B72" s="21">
        <v>2529</v>
      </c>
      <c r="C72" s="6">
        <v>2360</v>
      </c>
      <c r="D72" s="5">
        <v>4889</v>
      </c>
    </row>
    <row r="73" spans="1:4" ht="18" customHeight="1" x14ac:dyDescent="0.15">
      <c r="A73" s="8">
        <v>56</v>
      </c>
      <c r="B73" s="21">
        <v>2396</v>
      </c>
      <c r="C73" s="6">
        <v>2258</v>
      </c>
      <c r="D73" s="5">
        <v>4654</v>
      </c>
    </row>
    <row r="74" spans="1:4" ht="18" customHeight="1" x14ac:dyDescent="0.15">
      <c r="A74" s="8">
        <v>57</v>
      </c>
      <c r="B74" s="21">
        <v>2293</v>
      </c>
      <c r="C74" s="6">
        <v>2234</v>
      </c>
      <c r="D74" s="5">
        <v>4527</v>
      </c>
    </row>
    <row r="75" spans="1:4" ht="18" customHeight="1" x14ac:dyDescent="0.15">
      <c r="A75" s="8">
        <v>58</v>
      </c>
      <c r="B75" s="21">
        <v>2355</v>
      </c>
      <c r="C75" s="6">
        <v>2269</v>
      </c>
      <c r="D75" s="5">
        <v>4624</v>
      </c>
    </row>
    <row r="76" spans="1:4" ht="18" customHeight="1" x14ac:dyDescent="0.15">
      <c r="A76" s="8">
        <v>59</v>
      </c>
      <c r="B76" s="21">
        <v>1529</v>
      </c>
      <c r="C76" s="6">
        <v>1613</v>
      </c>
      <c r="D76" s="5">
        <v>3142</v>
      </c>
    </row>
    <row r="77" spans="1:4" ht="18" customHeight="1" x14ac:dyDescent="0.15">
      <c r="A77" s="8" t="s">
        <v>13</v>
      </c>
      <c r="B77" s="21">
        <v>11102</v>
      </c>
      <c r="C77" s="6">
        <v>10734</v>
      </c>
      <c r="D77" s="5">
        <v>21836</v>
      </c>
    </row>
    <row r="78" spans="1:4" ht="18" customHeight="1" x14ac:dyDescent="0.15">
      <c r="A78" s="8">
        <v>60</v>
      </c>
      <c r="B78" s="21">
        <v>2088</v>
      </c>
      <c r="C78" s="6">
        <v>2163</v>
      </c>
      <c r="D78" s="5">
        <v>4251</v>
      </c>
    </row>
    <row r="79" spans="1:4" ht="18" customHeight="1" x14ac:dyDescent="0.15">
      <c r="A79" s="8">
        <v>61</v>
      </c>
      <c r="B79" s="21">
        <v>1966</v>
      </c>
      <c r="C79" s="6">
        <v>1973</v>
      </c>
      <c r="D79" s="5">
        <v>3939</v>
      </c>
    </row>
    <row r="80" spans="1:4" ht="18" customHeight="1" x14ac:dyDescent="0.15">
      <c r="A80" s="8">
        <v>62</v>
      </c>
      <c r="B80" s="21">
        <v>1929</v>
      </c>
      <c r="C80" s="6">
        <v>1933</v>
      </c>
      <c r="D80" s="5">
        <v>3862</v>
      </c>
    </row>
    <row r="81" spans="1:4" ht="18" customHeight="1" x14ac:dyDescent="0.15">
      <c r="A81" s="8">
        <v>63</v>
      </c>
      <c r="B81" s="21">
        <v>1723</v>
      </c>
      <c r="C81" s="6">
        <v>1782</v>
      </c>
      <c r="D81" s="5">
        <v>3505</v>
      </c>
    </row>
    <row r="82" spans="1:4" ht="18" customHeight="1" x14ac:dyDescent="0.15">
      <c r="A82" s="8">
        <v>64</v>
      </c>
      <c r="B82" s="21">
        <v>1732</v>
      </c>
      <c r="C82" s="6">
        <v>1835</v>
      </c>
      <c r="D82" s="5">
        <v>3567</v>
      </c>
    </row>
    <row r="83" spans="1:4" ht="18" customHeight="1" x14ac:dyDescent="0.15">
      <c r="A83" s="8" t="s">
        <v>12</v>
      </c>
      <c r="B83" s="21">
        <v>9438</v>
      </c>
      <c r="C83" s="6">
        <v>9686</v>
      </c>
      <c r="D83" s="5">
        <v>19124</v>
      </c>
    </row>
    <row r="84" spans="1:4" ht="18" customHeight="1" x14ac:dyDescent="0.15">
      <c r="A84" s="8" t="s">
        <v>11</v>
      </c>
      <c r="B84" s="21">
        <v>95260</v>
      </c>
      <c r="C84" s="6">
        <v>89055</v>
      </c>
      <c r="D84" s="5">
        <v>184315</v>
      </c>
    </row>
    <row r="85" spans="1:4" ht="18" customHeight="1" x14ac:dyDescent="0.15">
      <c r="A85" s="8">
        <v>65</v>
      </c>
      <c r="B85" s="21">
        <v>1772</v>
      </c>
      <c r="C85" s="6">
        <v>1833</v>
      </c>
      <c r="D85" s="5">
        <v>3605</v>
      </c>
    </row>
    <row r="86" spans="1:4" ht="18" customHeight="1" x14ac:dyDescent="0.15">
      <c r="A86" s="8">
        <v>66</v>
      </c>
      <c r="B86" s="21">
        <v>1664</v>
      </c>
      <c r="C86" s="6">
        <v>1845</v>
      </c>
      <c r="D86" s="5">
        <v>3509</v>
      </c>
    </row>
    <row r="87" spans="1:4" ht="18" customHeight="1" x14ac:dyDescent="0.15">
      <c r="A87" s="8">
        <v>67</v>
      </c>
      <c r="B87" s="21">
        <v>1657</v>
      </c>
      <c r="C87" s="6">
        <v>1800</v>
      </c>
      <c r="D87" s="5">
        <v>3457</v>
      </c>
    </row>
    <row r="88" spans="1:4" ht="18" customHeight="1" x14ac:dyDescent="0.15">
      <c r="A88" s="8">
        <v>68</v>
      </c>
      <c r="B88" s="21">
        <v>1620</v>
      </c>
      <c r="C88" s="6">
        <v>1662</v>
      </c>
      <c r="D88" s="5">
        <v>3282</v>
      </c>
    </row>
    <row r="89" spans="1:4" ht="18" customHeight="1" x14ac:dyDescent="0.15">
      <c r="A89" s="8">
        <v>69</v>
      </c>
      <c r="B89" s="21">
        <v>1574</v>
      </c>
      <c r="C89" s="6">
        <v>1787</v>
      </c>
      <c r="D89" s="5">
        <v>3361</v>
      </c>
    </row>
    <row r="90" spans="1:4" ht="18" customHeight="1" x14ac:dyDescent="0.15">
      <c r="A90" s="8" t="s">
        <v>10</v>
      </c>
      <c r="B90" s="21">
        <v>8287</v>
      </c>
      <c r="C90" s="6">
        <v>8927</v>
      </c>
      <c r="D90" s="5">
        <v>17214</v>
      </c>
    </row>
    <row r="91" spans="1:4" ht="18" customHeight="1" x14ac:dyDescent="0.15">
      <c r="A91" s="8">
        <v>70</v>
      </c>
      <c r="B91" s="21">
        <v>1761</v>
      </c>
      <c r="C91" s="6">
        <v>1934</v>
      </c>
      <c r="D91" s="5">
        <v>3695</v>
      </c>
    </row>
    <row r="92" spans="1:4" ht="18" customHeight="1" x14ac:dyDescent="0.15">
      <c r="A92" s="8">
        <v>71</v>
      </c>
      <c r="B92" s="21">
        <v>1670</v>
      </c>
      <c r="C92" s="6">
        <v>1880</v>
      </c>
      <c r="D92" s="5">
        <v>3550</v>
      </c>
    </row>
    <row r="93" spans="1:4" ht="18" customHeight="1" x14ac:dyDescent="0.15">
      <c r="A93" s="8">
        <v>72</v>
      </c>
      <c r="B93" s="21">
        <v>1806</v>
      </c>
      <c r="C93" s="6">
        <v>2056</v>
      </c>
      <c r="D93" s="5">
        <v>3862</v>
      </c>
    </row>
    <row r="94" spans="1:4" ht="18" customHeight="1" x14ac:dyDescent="0.15">
      <c r="A94" s="8">
        <v>73</v>
      </c>
      <c r="B94" s="21">
        <v>1824</v>
      </c>
      <c r="C94" s="6">
        <v>2084</v>
      </c>
      <c r="D94" s="5">
        <v>3908</v>
      </c>
    </row>
    <row r="95" spans="1:4" ht="18" customHeight="1" x14ac:dyDescent="0.15">
      <c r="A95" s="8">
        <v>74</v>
      </c>
      <c r="B95" s="21">
        <v>1794</v>
      </c>
      <c r="C95" s="6">
        <v>2169</v>
      </c>
      <c r="D95" s="5">
        <v>3963</v>
      </c>
    </row>
    <row r="96" spans="1:4" ht="18" customHeight="1" x14ac:dyDescent="0.15">
      <c r="A96" s="8" t="s">
        <v>9</v>
      </c>
      <c r="B96" s="21">
        <v>8855</v>
      </c>
      <c r="C96" s="6">
        <v>10123</v>
      </c>
      <c r="D96" s="5">
        <v>18978</v>
      </c>
    </row>
    <row r="97" spans="1:4" ht="18" customHeight="1" x14ac:dyDescent="0.15">
      <c r="A97" s="8">
        <v>75</v>
      </c>
      <c r="B97" s="21">
        <v>1974</v>
      </c>
      <c r="C97" s="6">
        <v>2492</v>
      </c>
      <c r="D97" s="5">
        <v>4466</v>
      </c>
    </row>
    <row r="98" spans="1:4" ht="18" customHeight="1" x14ac:dyDescent="0.15">
      <c r="A98" s="8">
        <v>76</v>
      </c>
      <c r="B98" s="21">
        <v>2352</v>
      </c>
      <c r="C98" s="6">
        <v>2807</v>
      </c>
      <c r="D98" s="5">
        <v>5159</v>
      </c>
    </row>
    <row r="99" spans="1:4" ht="18" customHeight="1" x14ac:dyDescent="0.15">
      <c r="A99" s="8">
        <v>77</v>
      </c>
      <c r="B99" s="21">
        <v>2269</v>
      </c>
      <c r="C99" s="6">
        <v>2829</v>
      </c>
      <c r="D99" s="5">
        <v>5098</v>
      </c>
    </row>
    <row r="100" spans="1:4" ht="18" customHeight="1" x14ac:dyDescent="0.15">
      <c r="A100" s="8">
        <v>78</v>
      </c>
      <c r="B100" s="21">
        <v>2340</v>
      </c>
      <c r="C100" s="6">
        <v>3066</v>
      </c>
      <c r="D100" s="5">
        <v>5406</v>
      </c>
    </row>
    <row r="101" spans="1:4" ht="18" customHeight="1" x14ac:dyDescent="0.15">
      <c r="A101" s="8">
        <v>79</v>
      </c>
      <c r="B101" s="21">
        <v>1309</v>
      </c>
      <c r="C101" s="6">
        <v>1695</v>
      </c>
      <c r="D101" s="5">
        <v>3004</v>
      </c>
    </row>
    <row r="102" spans="1:4" ht="18" customHeight="1" x14ac:dyDescent="0.15">
      <c r="A102" s="8" t="s">
        <v>8</v>
      </c>
      <c r="B102" s="21">
        <v>10244</v>
      </c>
      <c r="C102" s="6">
        <v>12889</v>
      </c>
      <c r="D102" s="5">
        <v>23133</v>
      </c>
    </row>
    <row r="103" spans="1:4" ht="18" customHeight="1" x14ac:dyDescent="0.15">
      <c r="A103" s="8">
        <v>80</v>
      </c>
      <c r="B103" s="21">
        <v>1194</v>
      </c>
      <c r="C103" s="6">
        <v>1630</v>
      </c>
      <c r="D103" s="5">
        <v>2824</v>
      </c>
    </row>
    <row r="104" spans="1:4" ht="18" customHeight="1" x14ac:dyDescent="0.15">
      <c r="A104" s="8">
        <v>81</v>
      </c>
      <c r="B104" s="21">
        <v>1547</v>
      </c>
      <c r="C104" s="6">
        <v>2210</v>
      </c>
      <c r="D104" s="5">
        <v>3757</v>
      </c>
    </row>
    <row r="105" spans="1:4" ht="18" customHeight="1" x14ac:dyDescent="0.15">
      <c r="A105" s="8">
        <v>82</v>
      </c>
      <c r="B105" s="21">
        <v>1367</v>
      </c>
      <c r="C105" s="6">
        <v>2024</v>
      </c>
      <c r="D105" s="5">
        <v>3391</v>
      </c>
    </row>
    <row r="106" spans="1:4" ht="18" customHeight="1" x14ac:dyDescent="0.15">
      <c r="A106" s="8">
        <v>83</v>
      </c>
      <c r="B106" s="21">
        <v>1370</v>
      </c>
      <c r="C106" s="6">
        <v>2020</v>
      </c>
      <c r="D106" s="5">
        <v>3390</v>
      </c>
    </row>
    <row r="107" spans="1:4" ht="18" customHeight="1" x14ac:dyDescent="0.15">
      <c r="A107" s="8">
        <v>84</v>
      </c>
      <c r="B107" s="21">
        <v>1218</v>
      </c>
      <c r="C107" s="6">
        <v>1873</v>
      </c>
      <c r="D107" s="5">
        <v>3091</v>
      </c>
    </row>
    <row r="108" spans="1:4" ht="18" customHeight="1" x14ac:dyDescent="0.15">
      <c r="A108" s="8" t="s">
        <v>7</v>
      </c>
      <c r="B108" s="21">
        <v>6696</v>
      </c>
      <c r="C108" s="6">
        <v>9757</v>
      </c>
      <c r="D108" s="5">
        <v>16453</v>
      </c>
    </row>
    <row r="109" spans="1:4" ht="18" customHeight="1" x14ac:dyDescent="0.15">
      <c r="A109" s="8">
        <v>85</v>
      </c>
      <c r="B109" s="21">
        <v>1085</v>
      </c>
      <c r="C109" s="6">
        <v>1603</v>
      </c>
      <c r="D109" s="5">
        <v>2688</v>
      </c>
    </row>
    <row r="110" spans="1:4" ht="18" customHeight="1" x14ac:dyDescent="0.15">
      <c r="A110" s="8">
        <v>86</v>
      </c>
      <c r="B110" s="21">
        <v>783</v>
      </c>
      <c r="C110" s="6">
        <v>1292</v>
      </c>
      <c r="D110" s="5">
        <v>2075</v>
      </c>
    </row>
    <row r="111" spans="1:4" ht="18" customHeight="1" x14ac:dyDescent="0.15">
      <c r="A111" s="8">
        <v>87</v>
      </c>
      <c r="B111" s="21">
        <v>652</v>
      </c>
      <c r="C111" s="6">
        <v>1193</v>
      </c>
      <c r="D111" s="5">
        <v>1845</v>
      </c>
    </row>
    <row r="112" spans="1:4" ht="18" customHeight="1" x14ac:dyDescent="0.15">
      <c r="A112" s="8">
        <v>88</v>
      </c>
      <c r="B112" s="21">
        <v>691</v>
      </c>
      <c r="C112" s="6">
        <v>1260</v>
      </c>
      <c r="D112" s="5">
        <v>1951</v>
      </c>
    </row>
    <row r="113" spans="1:4" ht="18" customHeight="1" x14ac:dyDescent="0.15">
      <c r="A113" s="8">
        <v>89</v>
      </c>
      <c r="B113" s="21">
        <v>575</v>
      </c>
      <c r="C113" s="6">
        <v>1256</v>
      </c>
      <c r="D113" s="5">
        <v>1831</v>
      </c>
    </row>
    <row r="114" spans="1:4" ht="18" customHeight="1" x14ac:dyDescent="0.15">
      <c r="A114" s="8" t="s">
        <v>6</v>
      </c>
      <c r="B114" s="21">
        <v>3786</v>
      </c>
      <c r="C114" s="6">
        <v>6604</v>
      </c>
      <c r="D114" s="5">
        <v>10390</v>
      </c>
    </row>
    <row r="115" spans="1:4" ht="18" customHeight="1" x14ac:dyDescent="0.15">
      <c r="A115" s="8">
        <v>90</v>
      </c>
      <c r="B115" s="21">
        <v>463</v>
      </c>
      <c r="C115" s="6">
        <v>1005</v>
      </c>
      <c r="D115" s="5">
        <v>1468</v>
      </c>
    </row>
    <row r="116" spans="1:4" ht="18" customHeight="1" x14ac:dyDescent="0.15">
      <c r="A116" s="8">
        <v>91</v>
      </c>
      <c r="B116" s="21">
        <v>350</v>
      </c>
      <c r="C116" s="6">
        <v>879</v>
      </c>
      <c r="D116" s="5">
        <v>1229</v>
      </c>
    </row>
    <row r="117" spans="1:4" ht="18" customHeight="1" x14ac:dyDescent="0.15">
      <c r="A117" s="8">
        <v>92</v>
      </c>
      <c r="B117" s="21">
        <v>295</v>
      </c>
      <c r="C117" s="6">
        <v>891</v>
      </c>
      <c r="D117" s="5">
        <v>1186</v>
      </c>
    </row>
    <row r="118" spans="1:4" ht="18" customHeight="1" x14ac:dyDescent="0.15">
      <c r="A118" s="8">
        <v>93</v>
      </c>
      <c r="B118" s="21">
        <v>202</v>
      </c>
      <c r="C118" s="6">
        <v>769</v>
      </c>
      <c r="D118" s="5">
        <v>971</v>
      </c>
    </row>
    <row r="119" spans="1:4" ht="18" customHeight="1" x14ac:dyDescent="0.15">
      <c r="A119" s="8">
        <v>94</v>
      </c>
      <c r="B119" s="21">
        <v>175</v>
      </c>
      <c r="C119" s="6">
        <v>560</v>
      </c>
      <c r="D119" s="5">
        <v>735</v>
      </c>
    </row>
    <row r="120" spans="1:4" ht="18" customHeight="1" x14ac:dyDescent="0.15">
      <c r="A120" s="8" t="s">
        <v>5</v>
      </c>
      <c r="B120" s="21">
        <v>1485</v>
      </c>
      <c r="C120" s="6">
        <v>4104</v>
      </c>
      <c r="D120" s="5">
        <v>5589</v>
      </c>
    </row>
    <row r="121" spans="1:4" ht="18" customHeight="1" x14ac:dyDescent="0.15">
      <c r="A121" s="8">
        <v>95</v>
      </c>
      <c r="B121" s="21">
        <v>99</v>
      </c>
      <c r="C121" s="6">
        <v>414</v>
      </c>
      <c r="D121" s="5">
        <v>513</v>
      </c>
    </row>
    <row r="122" spans="1:4" ht="18" customHeight="1" x14ac:dyDescent="0.15">
      <c r="A122" s="8">
        <v>96</v>
      </c>
      <c r="B122" s="21">
        <v>78</v>
      </c>
      <c r="C122" s="6">
        <v>337</v>
      </c>
      <c r="D122" s="5">
        <v>415</v>
      </c>
    </row>
    <row r="123" spans="1:4" ht="18" customHeight="1" x14ac:dyDescent="0.15">
      <c r="A123" s="8">
        <v>97</v>
      </c>
      <c r="B123" s="21">
        <v>61</v>
      </c>
      <c r="C123" s="6">
        <v>257</v>
      </c>
      <c r="D123" s="5">
        <v>318</v>
      </c>
    </row>
    <row r="124" spans="1:4" ht="18" customHeight="1" x14ac:dyDescent="0.15">
      <c r="A124" s="8">
        <v>98</v>
      </c>
      <c r="B124" s="21">
        <v>36</v>
      </c>
      <c r="C124" s="6">
        <v>199</v>
      </c>
      <c r="D124" s="5">
        <v>235</v>
      </c>
    </row>
    <row r="125" spans="1:4" ht="18" customHeight="1" x14ac:dyDescent="0.15">
      <c r="A125" s="8">
        <v>99</v>
      </c>
      <c r="B125" s="21">
        <v>24</v>
      </c>
      <c r="C125" s="6">
        <v>136</v>
      </c>
      <c r="D125" s="5">
        <v>160</v>
      </c>
    </row>
    <row r="126" spans="1:4" ht="18" customHeight="1" x14ac:dyDescent="0.15">
      <c r="A126" s="8" t="s">
        <v>4</v>
      </c>
      <c r="B126" s="21">
        <v>298</v>
      </c>
      <c r="C126" s="6">
        <v>1343</v>
      </c>
      <c r="D126" s="5">
        <v>1641</v>
      </c>
    </row>
    <row r="127" spans="1:4" ht="18" customHeight="1" x14ac:dyDescent="0.15">
      <c r="A127" s="8">
        <v>100</v>
      </c>
      <c r="B127" s="21">
        <v>9</v>
      </c>
      <c r="C127" s="6">
        <v>120</v>
      </c>
      <c r="D127" s="5">
        <v>129</v>
      </c>
    </row>
    <row r="128" spans="1:4" ht="18" customHeight="1" x14ac:dyDescent="0.15">
      <c r="A128" s="9" t="s">
        <v>3</v>
      </c>
      <c r="B128" s="21">
        <v>13</v>
      </c>
      <c r="C128" s="6">
        <v>146</v>
      </c>
      <c r="D128" s="5">
        <v>159</v>
      </c>
    </row>
    <row r="129" spans="1:4" ht="18" customHeight="1" x14ac:dyDescent="0.15">
      <c r="A129" s="8" t="s">
        <v>2</v>
      </c>
      <c r="B129" s="21">
        <v>22</v>
      </c>
      <c r="C129" s="6">
        <v>266</v>
      </c>
      <c r="D129" s="5">
        <v>288</v>
      </c>
    </row>
    <row r="130" spans="1:4" ht="18" customHeight="1" x14ac:dyDescent="0.15">
      <c r="A130" s="8" t="s">
        <v>1</v>
      </c>
      <c r="B130" s="21">
        <v>39673</v>
      </c>
      <c r="C130" s="6">
        <v>54013</v>
      </c>
      <c r="D130" s="5">
        <v>93686</v>
      </c>
    </row>
    <row r="131" spans="1:4" ht="18" customHeight="1" x14ac:dyDescent="0.15">
      <c r="A131" s="4" t="s">
        <v>0</v>
      </c>
      <c r="B131" s="20">
        <v>152328</v>
      </c>
      <c r="C131" s="2">
        <v>159861</v>
      </c>
      <c r="D131" s="1">
        <v>31218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98FFF0-5C9B-432D-A8B7-055E0530415F}">
  <sheetPr codeName="Sheet6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1</v>
      </c>
      <c r="C10" s="6">
        <v>0</v>
      </c>
      <c r="D10" s="5">
        <v>1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1</v>
      </c>
      <c r="C13" s="6">
        <v>0</v>
      </c>
      <c r="D13" s="5">
        <v>1</v>
      </c>
    </row>
    <row r="14" spans="1:4" ht="18" customHeight="1" x14ac:dyDescent="0.15">
      <c r="A14" s="8">
        <v>8</v>
      </c>
      <c r="B14" s="26">
        <v>2</v>
      </c>
      <c r="C14" s="6">
        <v>0</v>
      </c>
      <c r="D14" s="5">
        <v>2</v>
      </c>
    </row>
    <row r="15" spans="1:4" ht="18" customHeight="1" x14ac:dyDescent="0.15">
      <c r="A15" s="8">
        <v>9</v>
      </c>
      <c r="B15" s="26">
        <v>0</v>
      </c>
      <c r="C15" s="6">
        <v>1</v>
      </c>
      <c r="D15" s="5">
        <v>1</v>
      </c>
    </row>
    <row r="16" spans="1:4" ht="18" customHeight="1" x14ac:dyDescent="0.15">
      <c r="A16" s="8" t="s">
        <v>24</v>
      </c>
      <c r="B16" s="21">
        <v>3</v>
      </c>
      <c r="C16" s="6">
        <v>1</v>
      </c>
      <c r="D16" s="5">
        <v>4</v>
      </c>
    </row>
    <row r="17" spans="1:4" ht="18" customHeight="1" x14ac:dyDescent="0.15">
      <c r="A17" s="8">
        <v>10</v>
      </c>
      <c r="B17" s="21">
        <v>3</v>
      </c>
      <c r="C17" s="6">
        <v>0</v>
      </c>
      <c r="D17" s="5">
        <v>3</v>
      </c>
    </row>
    <row r="18" spans="1:4" ht="18" customHeight="1" x14ac:dyDescent="0.15">
      <c r="A18" s="8">
        <v>11</v>
      </c>
      <c r="B18" s="21">
        <v>2</v>
      </c>
      <c r="C18" s="6">
        <v>1</v>
      </c>
      <c r="D18" s="5">
        <v>3</v>
      </c>
    </row>
    <row r="19" spans="1:4" ht="18" customHeight="1" x14ac:dyDescent="0.15">
      <c r="A19" s="8">
        <v>12</v>
      </c>
      <c r="B19" s="21">
        <v>1</v>
      </c>
      <c r="C19" s="6">
        <v>1</v>
      </c>
      <c r="D19" s="5">
        <v>2</v>
      </c>
    </row>
    <row r="20" spans="1:4" ht="18" customHeight="1" x14ac:dyDescent="0.15">
      <c r="A20" s="8">
        <v>13</v>
      </c>
      <c r="B20" s="21">
        <v>0</v>
      </c>
      <c r="C20" s="6">
        <v>1</v>
      </c>
      <c r="D20" s="5">
        <v>1</v>
      </c>
    </row>
    <row r="21" spans="1:4" ht="18" customHeight="1" x14ac:dyDescent="0.15">
      <c r="A21" s="8">
        <v>14</v>
      </c>
      <c r="B21" s="21">
        <v>2</v>
      </c>
      <c r="C21" s="6">
        <v>0</v>
      </c>
      <c r="D21" s="5">
        <v>2</v>
      </c>
    </row>
    <row r="22" spans="1:4" ht="18" customHeight="1" x14ac:dyDescent="0.15">
      <c r="A22" s="8" t="s">
        <v>23</v>
      </c>
      <c r="B22" s="21">
        <v>8</v>
      </c>
      <c r="C22" s="6">
        <v>3</v>
      </c>
      <c r="D22" s="5">
        <v>11</v>
      </c>
    </row>
    <row r="23" spans="1:4" ht="18" customHeight="1" x14ac:dyDescent="0.15">
      <c r="A23" s="8" t="s">
        <v>22</v>
      </c>
      <c r="B23" s="21">
        <v>12</v>
      </c>
      <c r="C23" s="6">
        <v>4</v>
      </c>
      <c r="D23" s="5">
        <v>16</v>
      </c>
    </row>
    <row r="24" spans="1:4" ht="18" customHeight="1" x14ac:dyDescent="0.15">
      <c r="A24" s="8">
        <v>15</v>
      </c>
      <c r="B24" s="21">
        <v>2</v>
      </c>
      <c r="C24" s="6">
        <v>0</v>
      </c>
      <c r="D24" s="5">
        <v>2</v>
      </c>
    </row>
    <row r="25" spans="1:4" ht="18" customHeight="1" x14ac:dyDescent="0.15">
      <c r="A25" s="8">
        <v>16</v>
      </c>
      <c r="B25" s="21">
        <v>1</v>
      </c>
      <c r="C25" s="6">
        <v>2</v>
      </c>
      <c r="D25" s="5">
        <v>3</v>
      </c>
    </row>
    <row r="26" spans="1:4" ht="18" customHeight="1" x14ac:dyDescent="0.15">
      <c r="A26" s="8">
        <v>17</v>
      </c>
      <c r="B26" s="21">
        <v>0</v>
      </c>
      <c r="C26" s="6">
        <v>0</v>
      </c>
      <c r="D26" s="5">
        <v>0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3</v>
      </c>
      <c r="C29" s="6">
        <v>3</v>
      </c>
      <c r="D29" s="5">
        <v>6</v>
      </c>
    </row>
    <row r="30" spans="1:4" ht="18" customHeight="1" x14ac:dyDescent="0.15">
      <c r="A30" s="8">
        <v>20</v>
      </c>
      <c r="B30" s="21">
        <v>0</v>
      </c>
      <c r="C30" s="6">
        <v>1</v>
      </c>
      <c r="D30" s="5">
        <v>1</v>
      </c>
    </row>
    <row r="31" spans="1:4" ht="18" customHeight="1" x14ac:dyDescent="0.15">
      <c r="A31" s="8">
        <v>21</v>
      </c>
      <c r="B31" s="21">
        <v>1</v>
      </c>
      <c r="C31" s="6">
        <v>0</v>
      </c>
      <c r="D31" s="5">
        <v>1</v>
      </c>
    </row>
    <row r="32" spans="1:4" ht="18" customHeight="1" x14ac:dyDescent="0.15">
      <c r="A32" s="8">
        <v>22</v>
      </c>
      <c r="B32" s="21">
        <v>1</v>
      </c>
      <c r="C32" s="6">
        <v>3</v>
      </c>
      <c r="D32" s="5">
        <v>4</v>
      </c>
    </row>
    <row r="33" spans="1:4" ht="18" customHeight="1" x14ac:dyDescent="0.15">
      <c r="A33" s="8">
        <v>23</v>
      </c>
      <c r="B33" s="21">
        <v>1</v>
      </c>
      <c r="C33" s="6">
        <v>0</v>
      </c>
      <c r="D33" s="5">
        <v>1</v>
      </c>
    </row>
    <row r="34" spans="1:4" ht="18" customHeight="1" x14ac:dyDescent="0.15">
      <c r="A34" s="8">
        <v>24</v>
      </c>
      <c r="B34" s="21">
        <v>2</v>
      </c>
      <c r="C34" s="6">
        <v>1</v>
      </c>
      <c r="D34" s="5">
        <v>3</v>
      </c>
    </row>
    <row r="35" spans="1:4" ht="18" customHeight="1" x14ac:dyDescent="0.15">
      <c r="A35" s="8" t="s">
        <v>20</v>
      </c>
      <c r="B35" s="21">
        <v>5</v>
      </c>
      <c r="C35" s="6">
        <v>5</v>
      </c>
      <c r="D35" s="5">
        <v>10</v>
      </c>
    </row>
    <row r="36" spans="1:4" ht="18" customHeight="1" x14ac:dyDescent="0.15">
      <c r="A36" s="8">
        <v>25</v>
      </c>
      <c r="B36" s="21">
        <v>1</v>
      </c>
      <c r="C36" s="6">
        <v>0</v>
      </c>
      <c r="D36" s="5">
        <v>1</v>
      </c>
    </row>
    <row r="37" spans="1:4" ht="18" customHeight="1" x14ac:dyDescent="0.15">
      <c r="A37" s="8">
        <v>26</v>
      </c>
      <c r="B37" s="21">
        <v>0</v>
      </c>
      <c r="C37" s="6">
        <v>2</v>
      </c>
      <c r="D37" s="5">
        <v>2</v>
      </c>
    </row>
    <row r="38" spans="1:4" ht="18" customHeight="1" x14ac:dyDescent="0.15">
      <c r="A38" s="8">
        <v>27</v>
      </c>
      <c r="B38" s="21">
        <v>1</v>
      </c>
      <c r="C38" s="6">
        <v>0</v>
      </c>
      <c r="D38" s="5">
        <v>1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2</v>
      </c>
      <c r="C40" s="6">
        <v>0</v>
      </c>
      <c r="D40" s="5">
        <v>2</v>
      </c>
    </row>
    <row r="41" spans="1:4" ht="18" customHeight="1" x14ac:dyDescent="0.15">
      <c r="A41" s="8" t="s">
        <v>19</v>
      </c>
      <c r="B41" s="21">
        <v>4</v>
      </c>
      <c r="C41" s="6">
        <v>2</v>
      </c>
      <c r="D41" s="5">
        <v>6</v>
      </c>
    </row>
    <row r="42" spans="1:4" ht="18" customHeight="1" x14ac:dyDescent="0.15">
      <c r="A42" s="8">
        <v>30</v>
      </c>
      <c r="B42" s="21">
        <v>0</v>
      </c>
      <c r="C42" s="6">
        <v>0</v>
      </c>
      <c r="D42" s="5">
        <v>0</v>
      </c>
    </row>
    <row r="43" spans="1:4" ht="18" customHeight="1" x14ac:dyDescent="0.15">
      <c r="A43" s="8">
        <v>31</v>
      </c>
      <c r="B43" s="21">
        <v>0</v>
      </c>
      <c r="C43" s="6">
        <v>1</v>
      </c>
      <c r="D43" s="5">
        <v>1</v>
      </c>
    </row>
    <row r="44" spans="1:4" ht="18" customHeight="1" x14ac:dyDescent="0.15">
      <c r="A44" s="8">
        <v>32</v>
      </c>
      <c r="B44" s="21">
        <v>1</v>
      </c>
      <c r="C44" s="6">
        <v>1</v>
      </c>
      <c r="D44" s="5">
        <v>2</v>
      </c>
    </row>
    <row r="45" spans="1:4" ht="18" customHeight="1" x14ac:dyDescent="0.15">
      <c r="A45" s="8">
        <v>33</v>
      </c>
      <c r="B45" s="21">
        <v>1</v>
      </c>
      <c r="C45" s="6">
        <v>0</v>
      </c>
      <c r="D45" s="5">
        <v>1</v>
      </c>
    </row>
    <row r="46" spans="1:4" ht="18" customHeight="1" x14ac:dyDescent="0.15">
      <c r="A46" s="8">
        <v>34</v>
      </c>
      <c r="B46" s="21">
        <v>1</v>
      </c>
      <c r="C46" s="6">
        <v>0</v>
      </c>
      <c r="D46" s="5">
        <v>1</v>
      </c>
    </row>
    <row r="47" spans="1:4" ht="18" customHeight="1" x14ac:dyDescent="0.15">
      <c r="A47" s="8" t="s">
        <v>18</v>
      </c>
      <c r="B47" s="21">
        <v>3</v>
      </c>
      <c r="C47" s="6">
        <v>2</v>
      </c>
      <c r="D47" s="5">
        <v>5</v>
      </c>
    </row>
    <row r="48" spans="1:4" ht="18" customHeight="1" x14ac:dyDescent="0.15">
      <c r="A48" s="8">
        <v>35</v>
      </c>
      <c r="B48" s="21">
        <v>1</v>
      </c>
      <c r="C48" s="6">
        <v>0</v>
      </c>
      <c r="D48" s="5">
        <v>1</v>
      </c>
    </row>
    <row r="49" spans="1:4" ht="18" customHeight="1" x14ac:dyDescent="0.15">
      <c r="A49" s="8">
        <v>36</v>
      </c>
      <c r="B49" s="21">
        <v>0</v>
      </c>
      <c r="C49" s="6">
        <v>0</v>
      </c>
      <c r="D49" s="5">
        <v>0</v>
      </c>
    </row>
    <row r="50" spans="1:4" ht="18" customHeight="1" x14ac:dyDescent="0.15">
      <c r="A50" s="8">
        <v>37</v>
      </c>
      <c r="B50" s="21">
        <v>0</v>
      </c>
      <c r="C50" s="6">
        <v>0</v>
      </c>
      <c r="D50" s="5">
        <v>0</v>
      </c>
    </row>
    <row r="51" spans="1:4" ht="18" customHeight="1" x14ac:dyDescent="0.15">
      <c r="A51" s="8">
        <v>38</v>
      </c>
      <c r="B51" s="21">
        <v>0</v>
      </c>
      <c r="C51" s="6">
        <v>1</v>
      </c>
      <c r="D51" s="5">
        <v>1</v>
      </c>
    </row>
    <row r="52" spans="1:4" ht="18" customHeight="1" x14ac:dyDescent="0.15">
      <c r="A52" s="8">
        <v>39</v>
      </c>
      <c r="B52" s="21">
        <v>1</v>
      </c>
      <c r="C52" s="6">
        <v>1</v>
      </c>
      <c r="D52" s="5">
        <v>2</v>
      </c>
    </row>
    <row r="53" spans="1:4" ht="18" customHeight="1" x14ac:dyDescent="0.15">
      <c r="A53" s="8" t="s">
        <v>17</v>
      </c>
      <c r="B53" s="21">
        <v>2</v>
      </c>
      <c r="C53" s="6">
        <v>2</v>
      </c>
      <c r="D53" s="5">
        <v>4</v>
      </c>
    </row>
    <row r="54" spans="1:4" ht="18" customHeight="1" x14ac:dyDescent="0.15">
      <c r="A54" s="8">
        <v>40</v>
      </c>
      <c r="B54" s="21">
        <v>1</v>
      </c>
      <c r="C54" s="6">
        <v>1</v>
      </c>
      <c r="D54" s="5">
        <v>2</v>
      </c>
    </row>
    <row r="55" spans="1:4" ht="18" customHeight="1" x14ac:dyDescent="0.15">
      <c r="A55" s="8">
        <v>41</v>
      </c>
      <c r="B55" s="21">
        <v>3</v>
      </c>
      <c r="C55" s="6">
        <v>0</v>
      </c>
      <c r="D55" s="5">
        <v>3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2</v>
      </c>
      <c r="C57" s="6">
        <v>1</v>
      </c>
      <c r="D57" s="5">
        <v>3</v>
      </c>
    </row>
    <row r="58" spans="1:4" ht="18" customHeight="1" x14ac:dyDescent="0.15">
      <c r="A58" s="8">
        <v>44</v>
      </c>
      <c r="B58" s="21">
        <v>0</v>
      </c>
      <c r="C58" s="6">
        <v>2</v>
      </c>
      <c r="D58" s="5">
        <v>2</v>
      </c>
    </row>
    <row r="59" spans="1:4" ht="18" customHeight="1" x14ac:dyDescent="0.15">
      <c r="A59" s="8" t="s">
        <v>16</v>
      </c>
      <c r="B59" s="21">
        <v>7</v>
      </c>
      <c r="C59" s="6">
        <v>4</v>
      </c>
      <c r="D59" s="5">
        <v>11</v>
      </c>
    </row>
    <row r="60" spans="1:4" ht="18" customHeight="1" x14ac:dyDescent="0.15">
      <c r="A60" s="8">
        <v>45</v>
      </c>
      <c r="B60" s="21">
        <v>1</v>
      </c>
      <c r="C60" s="6">
        <v>1</v>
      </c>
      <c r="D60" s="5">
        <v>2</v>
      </c>
    </row>
    <row r="61" spans="1:4" ht="18" customHeight="1" x14ac:dyDescent="0.15">
      <c r="A61" s="8">
        <v>46</v>
      </c>
      <c r="B61" s="21">
        <v>2</v>
      </c>
      <c r="C61" s="6">
        <v>1</v>
      </c>
      <c r="D61" s="5">
        <v>3</v>
      </c>
    </row>
    <row r="62" spans="1:4" ht="18" customHeight="1" x14ac:dyDescent="0.15">
      <c r="A62" s="8">
        <v>47</v>
      </c>
      <c r="B62" s="21">
        <v>1</v>
      </c>
      <c r="C62" s="6">
        <v>2</v>
      </c>
      <c r="D62" s="5">
        <v>3</v>
      </c>
    </row>
    <row r="63" spans="1:4" ht="18" customHeight="1" x14ac:dyDescent="0.15">
      <c r="A63" s="8">
        <v>48</v>
      </c>
      <c r="B63" s="21">
        <v>2</v>
      </c>
      <c r="C63" s="6">
        <v>1</v>
      </c>
      <c r="D63" s="5">
        <v>3</v>
      </c>
    </row>
    <row r="64" spans="1:4" ht="18" customHeight="1" x14ac:dyDescent="0.15">
      <c r="A64" s="8">
        <v>49</v>
      </c>
      <c r="B64" s="21">
        <v>2</v>
      </c>
      <c r="C64" s="6">
        <v>4</v>
      </c>
      <c r="D64" s="5">
        <v>6</v>
      </c>
    </row>
    <row r="65" spans="1:4" ht="18" customHeight="1" x14ac:dyDescent="0.15">
      <c r="A65" s="8" t="s">
        <v>15</v>
      </c>
      <c r="B65" s="21">
        <v>8</v>
      </c>
      <c r="C65" s="6">
        <v>9</v>
      </c>
      <c r="D65" s="5">
        <v>17</v>
      </c>
    </row>
    <row r="66" spans="1:4" ht="18" customHeight="1" x14ac:dyDescent="0.15">
      <c r="A66" s="8">
        <v>50</v>
      </c>
      <c r="B66" s="21">
        <v>2</v>
      </c>
      <c r="C66" s="6">
        <v>1</v>
      </c>
      <c r="D66" s="5">
        <v>3</v>
      </c>
    </row>
    <row r="67" spans="1:4" ht="18" customHeight="1" x14ac:dyDescent="0.15">
      <c r="A67" s="8">
        <v>51</v>
      </c>
      <c r="B67" s="21">
        <v>3</v>
      </c>
      <c r="C67" s="6">
        <v>0</v>
      </c>
      <c r="D67" s="5">
        <v>3</v>
      </c>
    </row>
    <row r="68" spans="1:4" ht="18" customHeight="1" x14ac:dyDescent="0.15">
      <c r="A68" s="8">
        <v>52</v>
      </c>
      <c r="B68" s="21">
        <v>1</v>
      </c>
      <c r="C68" s="6">
        <v>1</v>
      </c>
      <c r="D68" s="5">
        <v>2</v>
      </c>
    </row>
    <row r="69" spans="1:4" ht="18" customHeight="1" x14ac:dyDescent="0.15">
      <c r="A69" s="8">
        <v>53</v>
      </c>
      <c r="B69" s="21">
        <v>1</v>
      </c>
      <c r="C69" s="6">
        <v>0</v>
      </c>
      <c r="D69" s="5">
        <v>1</v>
      </c>
    </row>
    <row r="70" spans="1:4" ht="18" customHeight="1" x14ac:dyDescent="0.15">
      <c r="A70" s="8">
        <v>54</v>
      </c>
      <c r="B70" s="21">
        <v>1</v>
      </c>
      <c r="C70" s="6">
        <v>1</v>
      </c>
      <c r="D70" s="5">
        <v>2</v>
      </c>
    </row>
    <row r="71" spans="1:4" ht="18" customHeight="1" x14ac:dyDescent="0.15">
      <c r="A71" s="8" t="s">
        <v>14</v>
      </c>
      <c r="B71" s="21">
        <v>8</v>
      </c>
      <c r="C71" s="6">
        <v>3</v>
      </c>
      <c r="D71" s="5">
        <v>11</v>
      </c>
    </row>
    <row r="72" spans="1:4" ht="18" customHeight="1" x14ac:dyDescent="0.15">
      <c r="A72" s="8">
        <v>55</v>
      </c>
      <c r="B72" s="21">
        <v>0</v>
      </c>
      <c r="C72" s="6">
        <v>0</v>
      </c>
      <c r="D72" s="5">
        <v>0</v>
      </c>
    </row>
    <row r="73" spans="1:4" ht="18" customHeight="1" x14ac:dyDescent="0.15">
      <c r="A73" s="8">
        <v>56</v>
      </c>
      <c r="B73" s="21">
        <v>2</v>
      </c>
      <c r="C73" s="6">
        <v>2</v>
      </c>
      <c r="D73" s="5">
        <v>4</v>
      </c>
    </row>
    <row r="74" spans="1:4" ht="18" customHeight="1" x14ac:dyDescent="0.15">
      <c r="A74" s="8">
        <v>57</v>
      </c>
      <c r="B74" s="21">
        <v>2</v>
      </c>
      <c r="C74" s="6">
        <v>2</v>
      </c>
      <c r="D74" s="5">
        <v>4</v>
      </c>
    </row>
    <row r="75" spans="1:4" ht="18" customHeight="1" x14ac:dyDescent="0.15">
      <c r="A75" s="8">
        <v>58</v>
      </c>
      <c r="B75" s="21">
        <v>2</v>
      </c>
      <c r="C75" s="6">
        <v>0</v>
      </c>
      <c r="D75" s="5">
        <v>2</v>
      </c>
    </row>
    <row r="76" spans="1:4" ht="18" customHeight="1" x14ac:dyDescent="0.15">
      <c r="A76" s="8">
        <v>59</v>
      </c>
      <c r="B76" s="21">
        <v>0</v>
      </c>
      <c r="C76" s="6">
        <v>1</v>
      </c>
      <c r="D76" s="5">
        <v>1</v>
      </c>
    </row>
    <row r="77" spans="1:4" ht="18" customHeight="1" x14ac:dyDescent="0.15">
      <c r="A77" s="8" t="s">
        <v>13</v>
      </c>
      <c r="B77" s="21">
        <v>6</v>
      </c>
      <c r="C77" s="6">
        <v>5</v>
      </c>
      <c r="D77" s="5">
        <v>11</v>
      </c>
    </row>
    <row r="78" spans="1:4" ht="18" customHeight="1" x14ac:dyDescent="0.15">
      <c r="A78" s="8">
        <v>60</v>
      </c>
      <c r="B78" s="21">
        <v>3</v>
      </c>
      <c r="C78" s="6">
        <v>2</v>
      </c>
      <c r="D78" s="5">
        <v>5</v>
      </c>
    </row>
    <row r="79" spans="1:4" ht="18" customHeight="1" x14ac:dyDescent="0.15">
      <c r="A79" s="8">
        <v>61</v>
      </c>
      <c r="B79" s="21">
        <v>0</v>
      </c>
      <c r="C79" s="6">
        <v>1</v>
      </c>
      <c r="D79" s="5">
        <v>1</v>
      </c>
    </row>
    <row r="80" spans="1:4" ht="18" customHeight="1" x14ac:dyDescent="0.15">
      <c r="A80" s="8">
        <v>62</v>
      </c>
      <c r="B80" s="21">
        <v>2</v>
      </c>
      <c r="C80" s="6">
        <v>1</v>
      </c>
      <c r="D80" s="5">
        <v>3</v>
      </c>
    </row>
    <row r="81" spans="1:4" ht="18" customHeight="1" x14ac:dyDescent="0.15">
      <c r="A81" s="8">
        <v>63</v>
      </c>
      <c r="B81" s="21">
        <v>4</v>
      </c>
      <c r="C81" s="6">
        <v>2</v>
      </c>
      <c r="D81" s="5">
        <v>6</v>
      </c>
    </row>
    <row r="82" spans="1:4" ht="18" customHeight="1" x14ac:dyDescent="0.15">
      <c r="A82" s="8">
        <v>64</v>
      </c>
      <c r="B82" s="21">
        <v>3</v>
      </c>
      <c r="C82" s="6">
        <v>3</v>
      </c>
      <c r="D82" s="5">
        <v>6</v>
      </c>
    </row>
    <row r="83" spans="1:4" ht="18" customHeight="1" x14ac:dyDescent="0.15">
      <c r="A83" s="8" t="s">
        <v>12</v>
      </c>
      <c r="B83" s="21">
        <v>12</v>
      </c>
      <c r="C83" s="6">
        <v>9</v>
      </c>
      <c r="D83" s="5">
        <v>21</v>
      </c>
    </row>
    <row r="84" spans="1:4" ht="18" customHeight="1" x14ac:dyDescent="0.15">
      <c r="A84" s="8" t="s">
        <v>11</v>
      </c>
      <c r="B84" s="21">
        <v>58</v>
      </c>
      <c r="C84" s="6">
        <v>44</v>
      </c>
      <c r="D84" s="5">
        <v>102</v>
      </c>
    </row>
    <row r="85" spans="1:4" ht="18" customHeight="1" x14ac:dyDescent="0.15">
      <c r="A85" s="8">
        <v>65</v>
      </c>
      <c r="B85" s="21">
        <v>3</v>
      </c>
      <c r="C85" s="6">
        <v>1</v>
      </c>
      <c r="D85" s="5">
        <v>4</v>
      </c>
    </row>
    <row r="86" spans="1:4" ht="18" customHeight="1" x14ac:dyDescent="0.15">
      <c r="A86" s="8">
        <v>66</v>
      </c>
      <c r="B86" s="21">
        <v>1</v>
      </c>
      <c r="C86" s="6">
        <v>1</v>
      </c>
      <c r="D86" s="5">
        <v>2</v>
      </c>
    </row>
    <row r="87" spans="1:4" ht="18" customHeight="1" x14ac:dyDescent="0.15">
      <c r="A87" s="8">
        <v>67</v>
      </c>
      <c r="B87" s="21">
        <v>2</v>
      </c>
      <c r="C87" s="6">
        <v>1</v>
      </c>
      <c r="D87" s="5">
        <v>3</v>
      </c>
    </row>
    <row r="88" spans="1:4" ht="18" customHeight="1" x14ac:dyDescent="0.15">
      <c r="A88" s="8">
        <v>68</v>
      </c>
      <c r="B88" s="21">
        <v>1</v>
      </c>
      <c r="C88" s="6">
        <v>0</v>
      </c>
      <c r="D88" s="5">
        <v>1</v>
      </c>
    </row>
    <row r="89" spans="1:4" ht="18" customHeight="1" x14ac:dyDescent="0.15">
      <c r="A89" s="8">
        <v>69</v>
      </c>
      <c r="B89" s="21">
        <v>0</v>
      </c>
      <c r="C89" s="6">
        <v>3</v>
      </c>
      <c r="D89" s="5">
        <v>3</v>
      </c>
    </row>
    <row r="90" spans="1:4" ht="18" customHeight="1" x14ac:dyDescent="0.15">
      <c r="A90" s="8" t="s">
        <v>10</v>
      </c>
      <c r="B90" s="21">
        <v>7</v>
      </c>
      <c r="C90" s="6">
        <v>6</v>
      </c>
      <c r="D90" s="5">
        <v>13</v>
      </c>
    </row>
    <row r="91" spans="1:4" ht="18" customHeight="1" x14ac:dyDescent="0.15">
      <c r="A91" s="8">
        <v>70</v>
      </c>
      <c r="B91" s="21">
        <v>3</v>
      </c>
      <c r="C91" s="6">
        <v>2</v>
      </c>
      <c r="D91" s="5">
        <v>5</v>
      </c>
    </row>
    <row r="92" spans="1:4" ht="18" customHeight="1" x14ac:dyDescent="0.15">
      <c r="A92" s="8">
        <v>71</v>
      </c>
      <c r="B92" s="21">
        <v>2</v>
      </c>
      <c r="C92" s="6">
        <v>3</v>
      </c>
      <c r="D92" s="5">
        <v>5</v>
      </c>
    </row>
    <row r="93" spans="1:4" ht="18" customHeight="1" x14ac:dyDescent="0.15">
      <c r="A93" s="8">
        <v>72</v>
      </c>
      <c r="B93" s="21">
        <v>3</v>
      </c>
      <c r="C93" s="6">
        <v>2</v>
      </c>
      <c r="D93" s="5">
        <v>5</v>
      </c>
    </row>
    <row r="94" spans="1:4" ht="18" customHeight="1" x14ac:dyDescent="0.15">
      <c r="A94" s="8">
        <v>73</v>
      </c>
      <c r="B94" s="21">
        <v>3</v>
      </c>
      <c r="C94" s="6">
        <v>5</v>
      </c>
      <c r="D94" s="5">
        <v>8</v>
      </c>
    </row>
    <row r="95" spans="1:4" ht="18" customHeight="1" x14ac:dyDescent="0.15">
      <c r="A95" s="8">
        <v>74</v>
      </c>
      <c r="B95" s="21">
        <v>2</v>
      </c>
      <c r="C95" s="6">
        <v>2</v>
      </c>
      <c r="D95" s="5">
        <v>4</v>
      </c>
    </row>
    <row r="96" spans="1:4" ht="18" customHeight="1" x14ac:dyDescent="0.15">
      <c r="A96" s="8" t="s">
        <v>9</v>
      </c>
      <c r="B96" s="21">
        <v>13</v>
      </c>
      <c r="C96" s="6">
        <v>14</v>
      </c>
      <c r="D96" s="5">
        <v>27</v>
      </c>
    </row>
    <row r="97" spans="1:4" ht="18" customHeight="1" x14ac:dyDescent="0.15">
      <c r="A97" s="8">
        <v>75</v>
      </c>
      <c r="B97" s="21">
        <v>2</v>
      </c>
      <c r="C97" s="6">
        <v>3</v>
      </c>
      <c r="D97" s="5">
        <v>5</v>
      </c>
    </row>
    <row r="98" spans="1:4" ht="18" customHeight="1" x14ac:dyDescent="0.15">
      <c r="A98" s="8">
        <v>76</v>
      </c>
      <c r="B98" s="21">
        <v>5</v>
      </c>
      <c r="C98" s="6">
        <v>3</v>
      </c>
      <c r="D98" s="5">
        <v>8</v>
      </c>
    </row>
    <row r="99" spans="1:4" ht="18" customHeight="1" x14ac:dyDescent="0.15">
      <c r="A99" s="8">
        <v>77</v>
      </c>
      <c r="B99" s="21">
        <v>2</v>
      </c>
      <c r="C99" s="6">
        <v>5</v>
      </c>
      <c r="D99" s="5">
        <v>7</v>
      </c>
    </row>
    <row r="100" spans="1:4" ht="18" customHeight="1" x14ac:dyDescent="0.15">
      <c r="A100" s="8">
        <v>78</v>
      </c>
      <c r="B100" s="21">
        <v>6</v>
      </c>
      <c r="C100" s="6">
        <v>5</v>
      </c>
      <c r="D100" s="5">
        <v>11</v>
      </c>
    </row>
    <row r="101" spans="1:4" ht="18" customHeight="1" x14ac:dyDescent="0.15">
      <c r="A101" s="8">
        <v>79</v>
      </c>
      <c r="B101" s="21">
        <v>3</v>
      </c>
      <c r="C101" s="6">
        <v>2</v>
      </c>
      <c r="D101" s="5">
        <v>5</v>
      </c>
    </row>
    <row r="102" spans="1:4" ht="18" customHeight="1" x14ac:dyDescent="0.15">
      <c r="A102" s="8" t="s">
        <v>8</v>
      </c>
      <c r="B102" s="21">
        <v>18</v>
      </c>
      <c r="C102" s="6">
        <v>18</v>
      </c>
      <c r="D102" s="5">
        <v>36</v>
      </c>
    </row>
    <row r="103" spans="1:4" ht="18" customHeight="1" x14ac:dyDescent="0.15">
      <c r="A103" s="8">
        <v>80</v>
      </c>
      <c r="B103" s="21">
        <v>1</v>
      </c>
      <c r="C103" s="6">
        <v>1</v>
      </c>
      <c r="D103" s="5">
        <v>2</v>
      </c>
    </row>
    <row r="104" spans="1:4" ht="18" customHeight="1" x14ac:dyDescent="0.15">
      <c r="A104" s="8">
        <v>81</v>
      </c>
      <c r="B104" s="21">
        <v>2</v>
      </c>
      <c r="C104" s="6">
        <v>4</v>
      </c>
      <c r="D104" s="5">
        <v>6</v>
      </c>
    </row>
    <row r="105" spans="1:4" ht="18" customHeight="1" x14ac:dyDescent="0.15">
      <c r="A105" s="8">
        <v>82</v>
      </c>
      <c r="B105" s="21">
        <v>0</v>
      </c>
      <c r="C105" s="6">
        <v>2</v>
      </c>
      <c r="D105" s="5">
        <v>2</v>
      </c>
    </row>
    <row r="106" spans="1:4" ht="18" customHeight="1" x14ac:dyDescent="0.15">
      <c r="A106" s="8">
        <v>83</v>
      </c>
      <c r="B106" s="21">
        <v>2</v>
      </c>
      <c r="C106" s="6">
        <v>2</v>
      </c>
      <c r="D106" s="5">
        <v>4</v>
      </c>
    </row>
    <row r="107" spans="1:4" ht="18" customHeight="1" x14ac:dyDescent="0.15">
      <c r="A107" s="8">
        <v>84</v>
      </c>
      <c r="B107" s="21">
        <v>3</v>
      </c>
      <c r="C107" s="6">
        <v>1</v>
      </c>
      <c r="D107" s="5">
        <v>4</v>
      </c>
    </row>
    <row r="108" spans="1:4" ht="18" customHeight="1" x14ac:dyDescent="0.15">
      <c r="A108" s="8" t="s">
        <v>7</v>
      </c>
      <c r="B108" s="21">
        <v>8</v>
      </c>
      <c r="C108" s="6">
        <v>10</v>
      </c>
      <c r="D108" s="5">
        <v>18</v>
      </c>
    </row>
    <row r="109" spans="1:4" ht="18" customHeight="1" x14ac:dyDescent="0.15">
      <c r="A109" s="8">
        <v>85</v>
      </c>
      <c r="B109" s="21">
        <v>0</v>
      </c>
      <c r="C109" s="6">
        <v>4</v>
      </c>
      <c r="D109" s="5">
        <v>4</v>
      </c>
    </row>
    <row r="110" spans="1:4" ht="18" customHeight="1" x14ac:dyDescent="0.15">
      <c r="A110" s="8">
        <v>86</v>
      </c>
      <c r="B110" s="21">
        <v>3</v>
      </c>
      <c r="C110" s="6">
        <v>0</v>
      </c>
      <c r="D110" s="5">
        <v>3</v>
      </c>
    </row>
    <row r="111" spans="1:4" ht="18" customHeight="1" x14ac:dyDescent="0.15">
      <c r="A111" s="8">
        <v>87</v>
      </c>
      <c r="B111" s="21">
        <v>0</v>
      </c>
      <c r="C111" s="6">
        <v>1</v>
      </c>
      <c r="D111" s="5">
        <v>1</v>
      </c>
    </row>
    <row r="112" spans="1:4" ht="18" customHeight="1" x14ac:dyDescent="0.15">
      <c r="A112" s="8">
        <v>88</v>
      </c>
      <c r="B112" s="21">
        <v>0</v>
      </c>
      <c r="C112" s="6">
        <v>6</v>
      </c>
      <c r="D112" s="5">
        <v>6</v>
      </c>
    </row>
    <row r="113" spans="1:4" ht="18" customHeight="1" x14ac:dyDescent="0.15">
      <c r="A113" s="8">
        <v>89</v>
      </c>
      <c r="B113" s="21">
        <v>2</v>
      </c>
      <c r="C113" s="6">
        <v>6</v>
      </c>
      <c r="D113" s="5">
        <v>8</v>
      </c>
    </row>
    <row r="114" spans="1:4" ht="18" customHeight="1" x14ac:dyDescent="0.15">
      <c r="A114" s="8" t="s">
        <v>6</v>
      </c>
      <c r="B114" s="21">
        <v>5</v>
      </c>
      <c r="C114" s="6">
        <v>17</v>
      </c>
      <c r="D114" s="5">
        <v>22</v>
      </c>
    </row>
    <row r="115" spans="1:4" ht="18" customHeight="1" x14ac:dyDescent="0.15">
      <c r="A115" s="8">
        <v>90</v>
      </c>
      <c r="B115" s="21">
        <v>0</v>
      </c>
      <c r="C115" s="6">
        <v>1</v>
      </c>
      <c r="D115" s="5">
        <v>1</v>
      </c>
    </row>
    <row r="116" spans="1:4" ht="18" customHeight="1" x14ac:dyDescent="0.15">
      <c r="A116" s="8">
        <v>91</v>
      </c>
      <c r="B116" s="21">
        <v>1</v>
      </c>
      <c r="C116" s="6">
        <v>4</v>
      </c>
      <c r="D116" s="5">
        <v>5</v>
      </c>
    </row>
    <row r="117" spans="1:4" ht="18" customHeight="1" x14ac:dyDescent="0.15">
      <c r="A117" s="8">
        <v>92</v>
      </c>
      <c r="B117" s="21">
        <v>1</v>
      </c>
      <c r="C117" s="6">
        <v>0</v>
      </c>
      <c r="D117" s="5">
        <v>1</v>
      </c>
    </row>
    <row r="118" spans="1:4" ht="18" customHeight="1" x14ac:dyDescent="0.15">
      <c r="A118" s="8">
        <v>93</v>
      </c>
      <c r="B118" s="21">
        <v>0</v>
      </c>
      <c r="C118" s="6">
        <v>3</v>
      </c>
      <c r="D118" s="5">
        <v>3</v>
      </c>
    </row>
    <row r="119" spans="1:4" ht="18" customHeight="1" x14ac:dyDescent="0.15">
      <c r="A119" s="8">
        <v>94</v>
      </c>
      <c r="B119" s="21">
        <v>0</v>
      </c>
      <c r="C119" s="6">
        <v>1</v>
      </c>
      <c r="D119" s="5">
        <v>1</v>
      </c>
    </row>
    <row r="120" spans="1:4" ht="18" customHeight="1" x14ac:dyDescent="0.15">
      <c r="A120" s="8" t="s">
        <v>5</v>
      </c>
      <c r="B120" s="21">
        <v>2</v>
      </c>
      <c r="C120" s="6">
        <v>9</v>
      </c>
      <c r="D120" s="5">
        <v>11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4</v>
      </c>
      <c r="D126" s="5">
        <v>4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53</v>
      </c>
      <c r="C130" s="6">
        <v>78</v>
      </c>
      <c r="D130" s="5">
        <v>131</v>
      </c>
    </row>
    <row r="131" spans="1:4" ht="18" customHeight="1" x14ac:dyDescent="0.15">
      <c r="A131" s="4" t="s">
        <v>0</v>
      </c>
      <c r="B131" s="20">
        <v>123</v>
      </c>
      <c r="C131" s="2">
        <v>126</v>
      </c>
      <c r="D131" s="1">
        <v>2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780512-A189-4369-9E76-70EF143A9118}">
  <sheetPr codeName="Sheet6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1</v>
      </c>
      <c r="D5" s="30">
        <v>1</v>
      </c>
    </row>
    <row r="6" spans="1:4" ht="18" customHeight="1" x14ac:dyDescent="0.15">
      <c r="A6" s="8">
        <v>1</v>
      </c>
      <c r="B6" s="26">
        <v>2</v>
      </c>
      <c r="C6" s="6">
        <v>0</v>
      </c>
      <c r="D6" s="5">
        <v>2</v>
      </c>
    </row>
    <row r="7" spans="1:4" ht="18" customHeight="1" x14ac:dyDescent="0.15">
      <c r="A7" s="8">
        <v>2</v>
      </c>
      <c r="B7" s="26">
        <v>0</v>
      </c>
      <c r="C7" s="6">
        <v>1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2</v>
      </c>
      <c r="C9" s="28">
        <v>1</v>
      </c>
      <c r="D9" s="27">
        <v>3</v>
      </c>
    </row>
    <row r="10" spans="1:4" ht="18" customHeight="1" x14ac:dyDescent="0.15">
      <c r="A10" s="8" t="s">
        <v>25</v>
      </c>
      <c r="B10" s="21">
        <v>4</v>
      </c>
      <c r="C10" s="6">
        <v>3</v>
      </c>
      <c r="D10" s="5">
        <v>7</v>
      </c>
    </row>
    <row r="11" spans="1:4" ht="18" customHeight="1" x14ac:dyDescent="0.15">
      <c r="A11" s="8">
        <v>5</v>
      </c>
      <c r="B11" s="26">
        <v>1</v>
      </c>
      <c r="C11" s="6">
        <v>0</v>
      </c>
      <c r="D11" s="5">
        <v>1</v>
      </c>
    </row>
    <row r="12" spans="1:4" ht="18" customHeight="1" x14ac:dyDescent="0.15">
      <c r="A12" s="8">
        <v>6</v>
      </c>
      <c r="B12" s="26">
        <v>2</v>
      </c>
      <c r="C12" s="6">
        <v>1</v>
      </c>
      <c r="D12" s="5">
        <v>3</v>
      </c>
    </row>
    <row r="13" spans="1:4" ht="18" customHeight="1" x14ac:dyDescent="0.15">
      <c r="A13" s="8">
        <v>7</v>
      </c>
      <c r="B13" s="26">
        <v>1</v>
      </c>
      <c r="C13" s="6">
        <v>1</v>
      </c>
      <c r="D13" s="5">
        <v>2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5</v>
      </c>
      <c r="C16" s="6">
        <v>3</v>
      </c>
      <c r="D16" s="5">
        <v>8</v>
      </c>
    </row>
    <row r="17" spans="1:4" ht="18" customHeight="1" x14ac:dyDescent="0.15">
      <c r="A17" s="8">
        <v>10</v>
      </c>
      <c r="B17" s="21">
        <v>1</v>
      </c>
      <c r="C17" s="6">
        <v>1</v>
      </c>
      <c r="D17" s="5">
        <v>2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0</v>
      </c>
      <c r="C19" s="6">
        <v>1</v>
      </c>
      <c r="D19" s="5">
        <v>1</v>
      </c>
    </row>
    <row r="20" spans="1:4" ht="18" customHeight="1" x14ac:dyDescent="0.15">
      <c r="A20" s="8">
        <v>13</v>
      </c>
      <c r="B20" s="21">
        <v>1</v>
      </c>
      <c r="C20" s="6">
        <v>0</v>
      </c>
      <c r="D20" s="5">
        <v>1</v>
      </c>
    </row>
    <row r="21" spans="1:4" ht="18" customHeight="1" x14ac:dyDescent="0.15">
      <c r="A21" s="8">
        <v>14</v>
      </c>
      <c r="B21" s="21">
        <v>1</v>
      </c>
      <c r="C21" s="6">
        <v>1</v>
      </c>
      <c r="D21" s="5">
        <v>2</v>
      </c>
    </row>
    <row r="22" spans="1:4" ht="18" customHeight="1" x14ac:dyDescent="0.15">
      <c r="A22" s="8" t="s">
        <v>23</v>
      </c>
      <c r="B22" s="21">
        <v>3</v>
      </c>
      <c r="C22" s="6">
        <v>3</v>
      </c>
      <c r="D22" s="5">
        <v>6</v>
      </c>
    </row>
    <row r="23" spans="1:4" ht="18" customHeight="1" x14ac:dyDescent="0.15">
      <c r="A23" s="8" t="s">
        <v>22</v>
      </c>
      <c r="B23" s="21">
        <v>12</v>
      </c>
      <c r="C23" s="6">
        <v>9</v>
      </c>
      <c r="D23" s="5">
        <v>21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2</v>
      </c>
      <c r="C25" s="6">
        <v>0</v>
      </c>
      <c r="D25" s="5">
        <v>2</v>
      </c>
    </row>
    <row r="26" spans="1:4" ht="18" customHeight="1" x14ac:dyDescent="0.15">
      <c r="A26" s="8">
        <v>17</v>
      </c>
      <c r="B26" s="21">
        <v>0</v>
      </c>
      <c r="C26" s="6">
        <v>2</v>
      </c>
      <c r="D26" s="5">
        <v>2</v>
      </c>
    </row>
    <row r="27" spans="1:4" ht="18" customHeight="1" x14ac:dyDescent="0.15">
      <c r="A27" s="8">
        <v>18</v>
      </c>
      <c r="B27" s="21">
        <v>1</v>
      </c>
      <c r="C27" s="6">
        <v>3</v>
      </c>
      <c r="D27" s="5">
        <v>4</v>
      </c>
    </row>
    <row r="28" spans="1:4" ht="18" customHeight="1" x14ac:dyDescent="0.15">
      <c r="A28" s="8">
        <v>19</v>
      </c>
      <c r="B28" s="21">
        <v>0</v>
      </c>
      <c r="C28" s="6">
        <v>0</v>
      </c>
      <c r="D28" s="5">
        <v>0</v>
      </c>
    </row>
    <row r="29" spans="1:4" ht="18" customHeight="1" x14ac:dyDescent="0.15">
      <c r="A29" s="8" t="s">
        <v>21</v>
      </c>
      <c r="B29" s="21">
        <v>4</v>
      </c>
      <c r="C29" s="6">
        <v>5</v>
      </c>
      <c r="D29" s="5">
        <v>9</v>
      </c>
    </row>
    <row r="30" spans="1:4" ht="18" customHeight="1" x14ac:dyDescent="0.15">
      <c r="A30" s="8">
        <v>20</v>
      </c>
      <c r="B30" s="21">
        <v>2</v>
      </c>
      <c r="C30" s="6">
        <v>0</v>
      </c>
      <c r="D30" s="5">
        <v>2</v>
      </c>
    </row>
    <row r="31" spans="1:4" ht="18" customHeight="1" x14ac:dyDescent="0.15">
      <c r="A31" s="8">
        <v>21</v>
      </c>
      <c r="B31" s="21">
        <v>0</v>
      </c>
      <c r="C31" s="6">
        <v>1</v>
      </c>
      <c r="D31" s="5">
        <v>1</v>
      </c>
    </row>
    <row r="32" spans="1:4" ht="18" customHeight="1" x14ac:dyDescent="0.15">
      <c r="A32" s="8">
        <v>22</v>
      </c>
      <c r="B32" s="21">
        <v>0</v>
      </c>
      <c r="C32" s="6">
        <v>0</v>
      </c>
      <c r="D32" s="5">
        <v>0</v>
      </c>
    </row>
    <row r="33" spans="1:4" ht="18" customHeight="1" x14ac:dyDescent="0.15">
      <c r="A33" s="8">
        <v>23</v>
      </c>
      <c r="B33" s="21">
        <v>0</v>
      </c>
      <c r="C33" s="6">
        <v>1</v>
      </c>
      <c r="D33" s="5">
        <v>1</v>
      </c>
    </row>
    <row r="34" spans="1:4" ht="18" customHeight="1" x14ac:dyDescent="0.15">
      <c r="A34" s="8">
        <v>24</v>
      </c>
      <c r="B34" s="21">
        <v>0</v>
      </c>
      <c r="C34" s="6">
        <v>1</v>
      </c>
      <c r="D34" s="5">
        <v>1</v>
      </c>
    </row>
    <row r="35" spans="1:4" ht="18" customHeight="1" x14ac:dyDescent="0.15">
      <c r="A35" s="8" t="s">
        <v>20</v>
      </c>
      <c r="B35" s="21">
        <v>2</v>
      </c>
      <c r="C35" s="6">
        <v>3</v>
      </c>
      <c r="D35" s="5">
        <v>5</v>
      </c>
    </row>
    <row r="36" spans="1:4" ht="18" customHeight="1" x14ac:dyDescent="0.15">
      <c r="A36" s="8">
        <v>25</v>
      </c>
      <c r="B36" s="21">
        <v>1</v>
      </c>
      <c r="C36" s="6">
        <v>0</v>
      </c>
      <c r="D36" s="5">
        <v>1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1</v>
      </c>
      <c r="C39" s="6">
        <v>0</v>
      </c>
      <c r="D39" s="5">
        <v>1</v>
      </c>
    </row>
    <row r="40" spans="1:4" ht="18" customHeight="1" x14ac:dyDescent="0.15">
      <c r="A40" s="8">
        <v>29</v>
      </c>
      <c r="B40" s="21">
        <v>1</v>
      </c>
      <c r="C40" s="6">
        <v>0</v>
      </c>
      <c r="D40" s="5">
        <v>1</v>
      </c>
    </row>
    <row r="41" spans="1:4" ht="18" customHeight="1" x14ac:dyDescent="0.15">
      <c r="A41" s="8" t="s">
        <v>19</v>
      </c>
      <c r="B41" s="21">
        <v>3</v>
      </c>
      <c r="C41" s="6">
        <v>0</v>
      </c>
      <c r="D41" s="5">
        <v>3</v>
      </c>
    </row>
    <row r="42" spans="1:4" ht="18" customHeight="1" x14ac:dyDescent="0.15">
      <c r="A42" s="8">
        <v>30</v>
      </c>
      <c r="B42" s="21">
        <v>5</v>
      </c>
      <c r="C42" s="6">
        <v>0</v>
      </c>
      <c r="D42" s="5">
        <v>5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1</v>
      </c>
      <c r="C44" s="6">
        <v>0</v>
      </c>
      <c r="D44" s="5">
        <v>1</v>
      </c>
    </row>
    <row r="45" spans="1:4" ht="18" customHeight="1" x14ac:dyDescent="0.15">
      <c r="A45" s="8">
        <v>33</v>
      </c>
      <c r="B45" s="21">
        <v>0</v>
      </c>
      <c r="C45" s="6">
        <v>1</v>
      </c>
      <c r="D45" s="5">
        <v>1</v>
      </c>
    </row>
    <row r="46" spans="1:4" ht="18" customHeight="1" x14ac:dyDescent="0.15">
      <c r="A46" s="8">
        <v>34</v>
      </c>
      <c r="B46" s="21">
        <v>1</v>
      </c>
      <c r="C46" s="6">
        <v>0</v>
      </c>
      <c r="D46" s="5">
        <v>1</v>
      </c>
    </row>
    <row r="47" spans="1:4" ht="18" customHeight="1" x14ac:dyDescent="0.15">
      <c r="A47" s="8" t="s">
        <v>18</v>
      </c>
      <c r="B47" s="21">
        <v>8</v>
      </c>
      <c r="C47" s="6">
        <v>1</v>
      </c>
      <c r="D47" s="5">
        <v>9</v>
      </c>
    </row>
    <row r="48" spans="1:4" ht="18" customHeight="1" x14ac:dyDescent="0.15">
      <c r="A48" s="8">
        <v>35</v>
      </c>
      <c r="B48" s="21">
        <v>0</v>
      </c>
      <c r="C48" s="6">
        <v>0</v>
      </c>
      <c r="D48" s="5">
        <v>0</v>
      </c>
    </row>
    <row r="49" spans="1:4" ht="18" customHeight="1" x14ac:dyDescent="0.15">
      <c r="A49" s="8">
        <v>36</v>
      </c>
      <c r="B49" s="21">
        <v>0</v>
      </c>
      <c r="C49" s="6">
        <v>2</v>
      </c>
      <c r="D49" s="5">
        <v>2</v>
      </c>
    </row>
    <row r="50" spans="1:4" ht="18" customHeight="1" x14ac:dyDescent="0.15">
      <c r="A50" s="8">
        <v>37</v>
      </c>
      <c r="B50" s="21">
        <v>4</v>
      </c>
      <c r="C50" s="6">
        <v>2</v>
      </c>
      <c r="D50" s="5">
        <v>6</v>
      </c>
    </row>
    <row r="51" spans="1:4" ht="18" customHeight="1" x14ac:dyDescent="0.15">
      <c r="A51" s="8">
        <v>38</v>
      </c>
      <c r="B51" s="21">
        <v>3</v>
      </c>
      <c r="C51" s="6">
        <v>1</v>
      </c>
      <c r="D51" s="5">
        <v>4</v>
      </c>
    </row>
    <row r="52" spans="1:4" ht="18" customHeight="1" x14ac:dyDescent="0.15">
      <c r="A52" s="8">
        <v>39</v>
      </c>
      <c r="B52" s="21">
        <v>3</v>
      </c>
      <c r="C52" s="6">
        <v>2</v>
      </c>
      <c r="D52" s="5">
        <v>5</v>
      </c>
    </row>
    <row r="53" spans="1:4" ht="18" customHeight="1" x14ac:dyDescent="0.15">
      <c r="A53" s="8" t="s">
        <v>17</v>
      </c>
      <c r="B53" s="21">
        <v>10</v>
      </c>
      <c r="C53" s="6">
        <v>7</v>
      </c>
      <c r="D53" s="5">
        <v>17</v>
      </c>
    </row>
    <row r="54" spans="1:4" ht="18" customHeight="1" x14ac:dyDescent="0.15">
      <c r="A54" s="8">
        <v>40</v>
      </c>
      <c r="B54" s="21">
        <v>0</v>
      </c>
      <c r="C54" s="6">
        <v>2</v>
      </c>
      <c r="D54" s="5">
        <v>2</v>
      </c>
    </row>
    <row r="55" spans="1:4" ht="18" customHeight="1" x14ac:dyDescent="0.15">
      <c r="A55" s="8">
        <v>41</v>
      </c>
      <c r="B55" s="21">
        <v>2</v>
      </c>
      <c r="C55" s="6">
        <v>1</v>
      </c>
      <c r="D55" s="5">
        <v>3</v>
      </c>
    </row>
    <row r="56" spans="1:4" ht="18" customHeight="1" x14ac:dyDescent="0.15">
      <c r="A56" s="8">
        <v>42</v>
      </c>
      <c r="B56" s="21">
        <v>0</v>
      </c>
      <c r="C56" s="6">
        <v>4</v>
      </c>
      <c r="D56" s="5">
        <v>4</v>
      </c>
    </row>
    <row r="57" spans="1:4" ht="18" customHeight="1" x14ac:dyDescent="0.15">
      <c r="A57" s="8">
        <v>43</v>
      </c>
      <c r="B57" s="21">
        <v>2</v>
      </c>
      <c r="C57" s="6">
        <v>0</v>
      </c>
      <c r="D57" s="5">
        <v>2</v>
      </c>
    </row>
    <row r="58" spans="1:4" ht="18" customHeight="1" x14ac:dyDescent="0.15">
      <c r="A58" s="8">
        <v>44</v>
      </c>
      <c r="B58" s="21">
        <v>0</v>
      </c>
      <c r="C58" s="6">
        <v>0</v>
      </c>
      <c r="D58" s="5">
        <v>0</v>
      </c>
    </row>
    <row r="59" spans="1:4" ht="18" customHeight="1" x14ac:dyDescent="0.15">
      <c r="A59" s="8" t="s">
        <v>16</v>
      </c>
      <c r="B59" s="21">
        <v>4</v>
      </c>
      <c r="C59" s="6">
        <v>7</v>
      </c>
      <c r="D59" s="5">
        <v>11</v>
      </c>
    </row>
    <row r="60" spans="1:4" ht="18" customHeight="1" x14ac:dyDescent="0.15">
      <c r="A60" s="8">
        <v>45</v>
      </c>
      <c r="B60" s="21">
        <v>3</v>
      </c>
      <c r="C60" s="6">
        <v>0</v>
      </c>
      <c r="D60" s="5">
        <v>3</v>
      </c>
    </row>
    <row r="61" spans="1:4" ht="18" customHeight="1" x14ac:dyDescent="0.15">
      <c r="A61" s="8">
        <v>46</v>
      </c>
      <c r="B61" s="21">
        <v>2</v>
      </c>
      <c r="C61" s="6">
        <v>1</v>
      </c>
      <c r="D61" s="5">
        <v>3</v>
      </c>
    </row>
    <row r="62" spans="1:4" ht="18" customHeight="1" x14ac:dyDescent="0.15">
      <c r="A62" s="8">
        <v>47</v>
      </c>
      <c r="B62" s="21">
        <v>1</v>
      </c>
      <c r="C62" s="6">
        <v>1</v>
      </c>
      <c r="D62" s="5">
        <v>2</v>
      </c>
    </row>
    <row r="63" spans="1:4" ht="18" customHeight="1" x14ac:dyDescent="0.15">
      <c r="A63" s="8">
        <v>48</v>
      </c>
      <c r="B63" s="21">
        <v>1</v>
      </c>
      <c r="C63" s="6">
        <v>2</v>
      </c>
      <c r="D63" s="5">
        <v>3</v>
      </c>
    </row>
    <row r="64" spans="1:4" ht="18" customHeight="1" x14ac:dyDescent="0.15">
      <c r="A64" s="8">
        <v>49</v>
      </c>
      <c r="B64" s="21">
        <v>1</v>
      </c>
      <c r="C64" s="6">
        <v>0</v>
      </c>
      <c r="D64" s="5">
        <v>1</v>
      </c>
    </row>
    <row r="65" spans="1:4" ht="18" customHeight="1" x14ac:dyDescent="0.15">
      <c r="A65" s="8" t="s">
        <v>15</v>
      </c>
      <c r="B65" s="21">
        <v>8</v>
      </c>
      <c r="C65" s="6">
        <v>4</v>
      </c>
      <c r="D65" s="5">
        <v>12</v>
      </c>
    </row>
    <row r="66" spans="1:4" ht="18" customHeight="1" x14ac:dyDescent="0.15">
      <c r="A66" s="8">
        <v>50</v>
      </c>
      <c r="B66" s="21">
        <v>1</v>
      </c>
      <c r="C66" s="6">
        <v>1</v>
      </c>
      <c r="D66" s="5">
        <v>2</v>
      </c>
    </row>
    <row r="67" spans="1:4" ht="18" customHeight="1" x14ac:dyDescent="0.15">
      <c r="A67" s="8">
        <v>51</v>
      </c>
      <c r="B67" s="21">
        <v>2</v>
      </c>
      <c r="C67" s="6">
        <v>1</v>
      </c>
      <c r="D67" s="5">
        <v>3</v>
      </c>
    </row>
    <row r="68" spans="1:4" ht="18" customHeight="1" x14ac:dyDescent="0.15">
      <c r="A68" s="8">
        <v>52</v>
      </c>
      <c r="B68" s="21">
        <v>0</v>
      </c>
      <c r="C68" s="6">
        <v>1</v>
      </c>
      <c r="D68" s="5">
        <v>1</v>
      </c>
    </row>
    <row r="69" spans="1:4" ht="18" customHeight="1" x14ac:dyDescent="0.15">
      <c r="A69" s="8">
        <v>53</v>
      </c>
      <c r="B69" s="21">
        <v>1</v>
      </c>
      <c r="C69" s="6">
        <v>2</v>
      </c>
      <c r="D69" s="5">
        <v>3</v>
      </c>
    </row>
    <row r="70" spans="1:4" ht="18" customHeight="1" x14ac:dyDescent="0.15">
      <c r="A70" s="8">
        <v>54</v>
      </c>
      <c r="B70" s="21">
        <v>2</v>
      </c>
      <c r="C70" s="6">
        <v>1</v>
      </c>
      <c r="D70" s="5">
        <v>3</v>
      </c>
    </row>
    <row r="71" spans="1:4" ht="18" customHeight="1" x14ac:dyDescent="0.15">
      <c r="A71" s="8" t="s">
        <v>14</v>
      </c>
      <c r="B71" s="21">
        <v>6</v>
      </c>
      <c r="C71" s="6">
        <v>6</v>
      </c>
      <c r="D71" s="5">
        <v>12</v>
      </c>
    </row>
    <row r="72" spans="1:4" ht="18" customHeight="1" x14ac:dyDescent="0.15">
      <c r="A72" s="8">
        <v>55</v>
      </c>
      <c r="B72" s="21">
        <v>1</v>
      </c>
      <c r="C72" s="6">
        <v>1</v>
      </c>
      <c r="D72" s="5">
        <v>2</v>
      </c>
    </row>
    <row r="73" spans="1:4" ht="18" customHeight="1" x14ac:dyDescent="0.15">
      <c r="A73" s="8">
        <v>56</v>
      </c>
      <c r="B73" s="21">
        <v>1</v>
      </c>
      <c r="C73" s="6">
        <v>1</v>
      </c>
      <c r="D73" s="5">
        <v>2</v>
      </c>
    </row>
    <row r="74" spans="1:4" ht="18" customHeight="1" x14ac:dyDescent="0.15">
      <c r="A74" s="8">
        <v>57</v>
      </c>
      <c r="B74" s="21">
        <v>0</v>
      </c>
      <c r="C74" s="6">
        <v>3</v>
      </c>
      <c r="D74" s="5">
        <v>3</v>
      </c>
    </row>
    <row r="75" spans="1:4" ht="18" customHeight="1" x14ac:dyDescent="0.15">
      <c r="A75" s="8">
        <v>58</v>
      </c>
      <c r="B75" s="21">
        <v>0</v>
      </c>
      <c r="C75" s="6">
        <v>0</v>
      </c>
      <c r="D75" s="5">
        <v>0</v>
      </c>
    </row>
    <row r="76" spans="1:4" ht="18" customHeight="1" x14ac:dyDescent="0.15">
      <c r="A76" s="8">
        <v>59</v>
      </c>
      <c r="B76" s="21">
        <v>0</v>
      </c>
      <c r="C76" s="6">
        <v>1</v>
      </c>
      <c r="D76" s="5">
        <v>1</v>
      </c>
    </row>
    <row r="77" spans="1:4" ht="18" customHeight="1" x14ac:dyDescent="0.15">
      <c r="A77" s="8" t="s">
        <v>13</v>
      </c>
      <c r="B77" s="21">
        <v>2</v>
      </c>
      <c r="C77" s="6">
        <v>6</v>
      </c>
      <c r="D77" s="5">
        <v>8</v>
      </c>
    </row>
    <row r="78" spans="1:4" ht="18" customHeight="1" x14ac:dyDescent="0.15">
      <c r="A78" s="8">
        <v>60</v>
      </c>
      <c r="B78" s="21">
        <v>0</v>
      </c>
      <c r="C78" s="6">
        <v>1</v>
      </c>
      <c r="D78" s="5">
        <v>1</v>
      </c>
    </row>
    <row r="79" spans="1:4" ht="18" customHeight="1" x14ac:dyDescent="0.15">
      <c r="A79" s="8">
        <v>61</v>
      </c>
      <c r="B79" s="21">
        <v>2</v>
      </c>
      <c r="C79" s="6">
        <v>1</v>
      </c>
      <c r="D79" s="5">
        <v>3</v>
      </c>
    </row>
    <row r="80" spans="1:4" ht="18" customHeight="1" x14ac:dyDescent="0.15">
      <c r="A80" s="8">
        <v>62</v>
      </c>
      <c r="B80" s="21">
        <v>1</v>
      </c>
      <c r="C80" s="6">
        <v>1</v>
      </c>
      <c r="D80" s="5">
        <v>2</v>
      </c>
    </row>
    <row r="81" spans="1:4" ht="18" customHeight="1" x14ac:dyDescent="0.15">
      <c r="A81" s="8">
        <v>63</v>
      </c>
      <c r="B81" s="21">
        <v>3</v>
      </c>
      <c r="C81" s="6">
        <v>3</v>
      </c>
      <c r="D81" s="5">
        <v>6</v>
      </c>
    </row>
    <row r="82" spans="1:4" ht="18" customHeight="1" x14ac:dyDescent="0.15">
      <c r="A82" s="8">
        <v>64</v>
      </c>
      <c r="B82" s="21">
        <v>4</v>
      </c>
      <c r="C82" s="6">
        <v>3</v>
      </c>
      <c r="D82" s="5">
        <v>7</v>
      </c>
    </row>
    <row r="83" spans="1:4" ht="18" customHeight="1" x14ac:dyDescent="0.15">
      <c r="A83" s="8" t="s">
        <v>12</v>
      </c>
      <c r="B83" s="21">
        <v>10</v>
      </c>
      <c r="C83" s="6">
        <v>9</v>
      </c>
      <c r="D83" s="5">
        <v>19</v>
      </c>
    </row>
    <row r="84" spans="1:4" ht="18" customHeight="1" x14ac:dyDescent="0.15">
      <c r="A84" s="8" t="s">
        <v>11</v>
      </c>
      <c r="B84" s="21">
        <v>57</v>
      </c>
      <c r="C84" s="6">
        <v>48</v>
      </c>
      <c r="D84" s="5">
        <v>105</v>
      </c>
    </row>
    <row r="85" spans="1:4" ht="18" customHeight="1" x14ac:dyDescent="0.15">
      <c r="A85" s="8">
        <v>65</v>
      </c>
      <c r="B85" s="21">
        <v>2</v>
      </c>
      <c r="C85" s="6">
        <v>2</v>
      </c>
      <c r="D85" s="5">
        <v>4</v>
      </c>
    </row>
    <row r="86" spans="1:4" ht="18" customHeight="1" x14ac:dyDescent="0.15">
      <c r="A86" s="8">
        <v>66</v>
      </c>
      <c r="B86" s="21">
        <v>4</v>
      </c>
      <c r="C86" s="6">
        <v>3</v>
      </c>
      <c r="D86" s="5">
        <v>7</v>
      </c>
    </row>
    <row r="87" spans="1:4" ht="18" customHeight="1" x14ac:dyDescent="0.15">
      <c r="A87" s="8">
        <v>67</v>
      </c>
      <c r="B87" s="21">
        <v>2</v>
      </c>
      <c r="C87" s="6">
        <v>2</v>
      </c>
      <c r="D87" s="5">
        <v>4</v>
      </c>
    </row>
    <row r="88" spans="1:4" ht="18" customHeight="1" x14ac:dyDescent="0.15">
      <c r="A88" s="8">
        <v>68</v>
      </c>
      <c r="B88" s="21">
        <v>3</v>
      </c>
      <c r="C88" s="6">
        <v>0</v>
      </c>
      <c r="D88" s="5">
        <v>3</v>
      </c>
    </row>
    <row r="89" spans="1:4" ht="18" customHeight="1" x14ac:dyDescent="0.15">
      <c r="A89" s="8">
        <v>69</v>
      </c>
      <c r="B89" s="21">
        <v>1</v>
      </c>
      <c r="C89" s="6">
        <v>1</v>
      </c>
      <c r="D89" s="5">
        <v>2</v>
      </c>
    </row>
    <row r="90" spans="1:4" ht="18" customHeight="1" x14ac:dyDescent="0.15">
      <c r="A90" s="8" t="s">
        <v>10</v>
      </c>
      <c r="B90" s="21">
        <v>12</v>
      </c>
      <c r="C90" s="6">
        <v>8</v>
      </c>
      <c r="D90" s="5">
        <v>20</v>
      </c>
    </row>
    <row r="91" spans="1:4" ht="18" customHeight="1" x14ac:dyDescent="0.15">
      <c r="A91" s="8">
        <v>70</v>
      </c>
      <c r="B91" s="21">
        <v>0</v>
      </c>
      <c r="C91" s="6">
        <v>5</v>
      </c>
      <c r="D91" s="5">
        <v>5</v>
      </c>
    </row>
    <row r="92" spans="1:4" ht="18" customHeight="1" x14ac:dyDescent="0.15">
      <c r="A92" s="8">
        <v>71</v>
      </c>
      <c r="B92" s="21">
        <v>3</v>
      </c>
      <c r="C92" s="6">
        <v>1</v>
      </c>
      <c r="D92" s="5">
        <v>4</v>
      </c>
    </row>
    <row r="93" spans="1:4" ht="18" customHeight="1" x14ac:dyDescent="0.15">
      <c r="A93" s="8">
        <v>72</v>
      </c>
      <c r="B93" s="21">
        <v>2</v>
      </c>
      <c r="C93" s="6">
        <v>1</v>
      </c>
      <c r="D93" s="5">
        <v>3</v>
      </c>
    </row>
    <row r="94" spans="1:4" ht="18" customHeight="1" x14ac:dyDescent="0.15">
      <c r="A94" s="8">
        <v>73</v>
      </c>
      <c r="B94" s="21">
        <v>2</v>
      </c>
      <c r="C94" s="6">
        <v>1</v>
      </c>
      <c r="D94" s="5">
        <v>3</v>
      </c>
    </row>
    <row r="95" spans="1:4" ht="18" customHeight="1" x14ac:dyDescent="0.15">
      <c r="A95" s="8">
        <v>74</v>
      </c>
      <c r="B95" s="21">
        <v>1</v>
      </c>
      <c r="C95" s="6">
        <v>2</v>
      </c>
      <c r="D95" s="5">
        <v>3</v>
      </c>
    </row>
    <row r="96" spans="1:4" ht="18" customHeight="1" x14ac:dyDescent="0.15">
      <c r="A96" s="8" t="s">
        <v>9</v>
      </c>
      <c r="B96" s="21">
        <v>8</v>
      </c>
      <c r="C96" s="6">
        <v>10</v>
      </c>
      <c r="D96" s="5">
        <v>18</v>
      </c>
    </row>
    <row r="97" spans="1:4" ht="18" customHeight="1" x14ac:dyDescent="0.15">
      <c r="A97" s="8">
        <v>75</v>
      </c>
      <c r="B97" s="21">
        <v>4</v>
      </c>
      <c r="C97" s="6">
        <v>1</v>
      </c>
      <c r="D97" s="5">
        <v>5</v>
      </c>
    </row>
    <row r="98" spans="1:4" ht="18" customHeight="1" x14ac:dyDescent="0.15">
      <c r="A98" s="8">
        <v>76</v>
      </c>
      <c r="B98" s="21">
        <v>5</v>
      </c>
      <c r="C98" s="6">
        <v>3</v>
      </c>
      <c r="D98" s="5">
        <v>8</v>
      </c>
    </row>
    <row r="99" spans="1:4" ht="18" customHeight="1" x14ac:dyDescent="0.15">
      <c r="A99" s="8">
        <v>77</v>
      </c>
      <c r="B99" s="21">
        <v>3</v>
      </c>
      <c r="C99" s="6">
        <v>1</v>
      </c>
      <c r="D99" s="5">
        <v>4</v>
      </c>
    </row>
    <row r="100" spans="1:4" ht="18" customHeight="1" x14ac:dyDescent="0.15">
      <c r="A100" s="8">
        <v>78</v>
      </c>
      <c r="B100" s="21">
        <v>3</v>
      </c>
      <c r="C100" s="6">
        <v>1</v>
      </c>
      <c r="D100" s="5">
        <v>4</v>
      </c>
    </row>
    <row r="101" spans="1:4" ht="18" customHeight="1" x14ac:dyDescent="0.15">
      <c r="A101" s="8">
        <v>79</v>
      </c>
      <c r="B101" s="21">
        <v>1</v>
      </c>
      <c r="C101" s="6">
        <v>1</v>
      </c>
      <c r="D101" s="5">
        <v>2</v>
      </c>
    </row>
    <row r="102" spans="1:4" ht="18" customHeight="1" x14ac:dyDescent="0.15">
      <c r="A102" s="8" t="s">
        <v>8</v>
      </c>
      <c r="B102" s="21">
        <v>16</v>
      </c>
      <c r="C102" s="6">
        <v>7</v>
      </c>
      <c r="D102" s="5">
        <v>23</v>
      </c>
    </row>
    <row r="103" spans="1:4" ht="18" customHeight="1" x14ac:dyDescent="0.15">
      <c r="A103" s="8">
        <v>80</v>
      </c>
      <c r="B103" s="21">
        <v>1</v>
      </c>
      <c r="C103" s="6">
        <v>2</v>
      </c>
      <c r="D103" s="5">
        <v>3</v>
      </c>
    </row>
    <row r="104" spans="1:4" ht="18" customHeight="1" x14ac:dyDescent="0.15">
      <c r="A104" s="8">
        <v>81</v>
      </c>
      <c r="B104" s="21">
        <v>1</v>
      </c>
      <c r="C104" s="6">
        <v>1</v>
      </c>
      <c r="D104" s="5">
        <v>2</v>
      </c>
    </row>
    <row r="105" spans="1:4" ht="18" customHeight="1" x14ac:dyDescent="0.15">
      <c r="A105" s="8">
        <v>82</v>
      </c>
      <c r="B105" s="21">
        <v>0</v>
      </c>
      <c r="C105" s="6">
        <v>4</v>
      </c>
      <c r="D105" s="5">
        <v>4</v>
      </c>
    </row>
    <row r="106" spans="1:4" ht="18" customHeight="1" x14ac:dyDescent="0.15">
      <c r="A106" s="8">
        <v>83</v>
      </c>
      <c r="B106" s="21">
        <v>3</v>
      </c>
      <c r="C106" s="6">
        <v>2</v>
      </c>
      <c r="D106" s="5">
        <v>5</v>
      </c>
    </row>
    <row r="107" spans="1:4" ht="18" customHeight="1" x14ac:dyDescent="0.15">
      <c r="A107" s="8">
        <v>84</v>
      </c>
      <c r="B107" s="21">
        <v>1</v>
      </c>
      <c r="C107" s="6">
        <v>1</v>
      </c>
      <c r="D107" s="5">
        <v>2</v>
      </c>
    </row>
    <row r="108" spans="1:4" ht="18" customHeight="1" x14ac:dyDescent="0.15">
      <c r="A108" s="8" t="s">
        <v>7</v>
      </c>
      <c r="B108" s="21">
        <v>6</v>
      </c>
      <c r="C108" s="6">
        <v>10</v>
      </c>
      <c r="D108" s="5">
        <v>16</v>
      </c>
    </row>
    <row r="109" spans="1:4" ht="18" customHeight="1" x14ac:dyDescent="0.15">
      <c r="A109" s="8">
        <v>85</v>
      </c>
      <c r="B109" s="21">
        <v>0</v>
      </c>
      <c r="C109" s="6">
        <v>0</v>
      </c>
      <c r="D109" s="5">
        <v>0</v>
      </c>
    </row>
    <row r="110" spans="1:4" ht="18" customHeight="1" x14ac:dyDescent="0.15">
      <c r="A110" s="8">
        <v>86</v>
      </c>
      <c r="B110" s="21">
        <v>0</v>
      </c>
      <c r="C110" s="6">
        <v>1</v>
      </c>
      <c r="D110" s="5">
        <v>1</v>
      </c>
    </row>
    <row r="111" spans="1:4" ht="18" customHeight="1" x14ac:dyDescent="0.15">
      <c r="A111" s="8">
        <v>87</v>
      </c>
      <c r="B111" s="21">
        <v>1</v>
      </c>
      <c r="C111" s="6">
        <v>4</v>
      </c>
      <c r="D111" s="5">
        <v>5</v>
      </c>
    </row>
    <row r="112" spans="1:4" ht="18" customHeight="1" x14ac:dyDescent="0.15">
      <c r="A112" s="8">
        <v>88</v>
      </c>
      <c r="B112" s="21">
        <v>0</v>
      </c>
      <c r="C112" s="6">
        <v>2</v>
      </c>
      <c r="D112" s="5">
        <v>2</v>
      </c>
    </row>
    <row r="113" spans="1:4" ht="18" customHeight="1" x14ac:dyDescent="0.15">
      <c r="A113" s="8">
        <v>89</v>
      </c>
      <c r="B113" s="21">
        <v>2</v>
      </c>
      <c r="C113" s="6">
        <v>1</v>
      </c>
      <c r="D113" s="5">
        <v>3</v>
      </c>
    </row>
    <row r="114" spans="1:4" ht="18" customHeight="1" x14ac:dyDescent="0.15">
      <c r="A114" s="8" t="s">
        <v>6</v>
      </c>
      <c r="B114" s="21">
        <v>3</v>
      </c>
      <c r="C114" s="6">
        <v>8</v>
      </c>
      <c r="D114" s="5">
        <v>11</v>
      </c>
    </row>
    <row r="115" spans="1:4" ht="18" customHeight="1" x14ac:dyDescent="0.15">
      <c r="A115" s="8">
        <v>90</v>
      </c>
      <c r="B115" s="21">
        <v>0</v>
      </c>
      <c r="C115" s="6">
        <v>0</v>
      </c>
      <c r="D115" s="5">
        <v>0</v>
      </c>
    </row>
    <row r="116" spans="1:4" ht="18" customHeight="1" x14ac:dyDescent="0.15">
      <c r="A116" s="8">
        <v>91</v>
      </c>
      <c r="B116" s="21">
        <v>0</v>
      </c>
      <c r="C116" s="6">
        <v>1</v>
      </c>
      <c r="D116" s="5">
        <v>1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0</v>
      </c>
      <c r="D118" s="5">
        <v>0</v>
      </c>
    </row>
    <row r="119" spans="1:4" ht="18" customHeight="1" x14ac:dyDescent="0.15">
      <c r="A119" s="8">
        <v>94</v>
      </c>
      <c r="B119" s="21">
        <v>1</v>
      </c>
      <c r="C119" s="6">
        <v>0</v>
      </c>
      <c r="D119" s="5">
        <v>1</v>
      </c>
    </row>
    <row r="120" spans="1:4" ht="18" customHeight="1" x14ac:dyDescent="0.15">
      <c r="A120" s="8" t="s">
        <v>5</v>
      </c>
      <c r="B120" s="21">
        <v>1</v>
      </c>
      <c r="C120" s="6">
        <v>1</v>
      </c>
      <c r="D120" s="5">
        <v>2</v>
      </c>
    </row>
    <row r="121" spans="1:4" ht="18" customHeight="1" x14ac:dyDescent="0.15">
      <c r="A121" s="8">
        <v>95</v>
      </c>
      <c r="B121" s="21">
        <v>1</v>
      </c>
      <c r="C121" s="6">
        <v>3</v>
      </c>
      <c r="D121" s="5">
        <v>4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5</v>
      </c>
      <c r="D126" s="5">
        <v>6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47</v>
      </c>
      <c r="C130" s="6">
        <v>50</v>
      </c>
      <c r="D130" s="5">
        <v>97</v>
      </c>
    </row>
    <row r="131" spans="1:4" ht="18" customHeight="1" x14ac:dyDescent="0.15">
      <c r="A131" s="4" t="s">
        <v>0</v>
      </c>
      <c r="B131" s="20">
        <v>116</v>
      </c>
      <c r="C131" s="2">
        <v>107</v>
      </c>
      <c r="D131" s="1">
        <v>22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0EAF0F6-AB7E-4030-9A78-187B95615D0C}">
  <sheetPr codeName="Sheet6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0</v>
      </c>
      <c r="D5" s="30">
        <v>2</v>
      </c>
    </row>
    <row r="6" spans="1:4" ht="18" customHeight="1" x14ac:dyDescent="0.15">
      <c r="A6" s="8">
        <v>1</v>
      </c>
      <c r="B6" s="26">
        <v>3</v>
      </c>
      <c r="C6" s="6">
        <v>4</v>
      </c>
      <c r="D6" s="5">
        <v>7</v>
      </c>
    </row>
    <row r="7" spans="1:4" ht="18" customHeight="1" x14ac:dyDescent="0.15">
      <c r="A7" s="8">
        <v>2</v>
      </c>
      <c r="B7" s="26">
        <v>4</v>
      </c>
      <c r="C7" s="6">
        <v>2</v>
      </c>
      <c r="D7" s="5">
        <v>6</v>
      </c>
    </row>
    <row r="8" spans="1:4" ht="18" customHeight="1" x14ac:dyDescent="0.15">
      <c r="A8" s="8">
        <v>3</v>
      </c>
      <c r="B8" s="26">
        <v>2</v>
      </c>
      <c r="C8" s="6">
        <v>3</v>
      </c>
      <c r="D8" s="5">
        <v>5</v>
      </c>
    </row>
    <row r="9" spans="1:4" ht="18" customHeight="1" x14ac:dyDescent="0.15">
      <c r="A9" s="8">
        <v>4</v>
      </c>
      <c r="B9" s="29">
        <v>3</v>
      </c>
      <c r="C9" s="28">
        <v>2</v>
      </c>
      <c r="D9" s="27">
        <v>5</v>
      </c>
    </row>
    <row r="10" spans="1:4" ht="18" customHeight="1" x14ac:dyDescent="0.15">
      <c r="A10" s="8" t="s">
        <v>25</v>
      </c>
      <c r="B10" s="21">
        <v>14</v>
      </c>
      <c r="C10" s="6">
        <v>11</v>
      </c>
      <c r="D10" s="5">
        <v>25</v>
      </c>
    </row>
    <row r="11" spans="1:4" ht="18" customHeight="1" x14ac:dyDescent="0.15">
      <c r="A11" s="8">
        <v>5</v>
      </c>
      <c r="B11" s="26">
        <v>3</v>
      </c>
      <c r="C11" s="6">
        <v>3</v>
      </c>
      <c r="D11" s="5">
        <v>6</v>
      </c>
    </row>
    <row r="12" spans="1:4" ht="18" customHeight="1" x14ac:dyDescent="0.15">
      <c r="A12" s="8">
        <v>6</v>
      </c>
      <c r="B12" s="26">
        <v>2</v>
      </c>
      <c r="C12" s="6">
        <v>4</v>
      </c>
      <c r="D12" s="5">
        <v>6</v>
      </c>
    </row>
    <row r="13" spans="1:4" ht="18" customHeight="1" x14ac:dyDescent="0.15">
      <c r="A13" s="8">
        <v>7</v>
      </c>
      <c r="B13" s="26">
        <v>3</v>
      </c>
      <c r="C13" s="6">
        <v>4</v>
      </c>
      <c r="D13" s="5">
        <v>7</v>
      </c>
    </row>
    <row r="14" spans="1:4" ht="18" customHeight="1" x14ac:dyDescent="0.15">
      <c r="A14" s="8">
        <v>8</v>
      </c>
      <c r="B14" s="26">
        <v>5</v>
      </c>
      <c r="C14" s="6">
        <v>2</v>
      </c>
      <c r="D14" s="5">
        <v>7</v>
      </c>
    </row>
    <row r="15" spans="1:4" ht="18" customHeight="1" x14ac:dyDescent="0.15">
      <c r="A15" s="8">
        <v>9</v>
      </c>
      <c r="B15" s="26">
        <v>6</v>
      </c>
      <c r="C15" s="6">
        <v>5</v>
      </c>
      <c r="D15" s="5">
        <v>11</v>
      </c>
    </row>
    <row r="16" spans="1:4" ht="18" customHeight="1" x14ac:dyDescent="0.15">
      <c r="A16" s="8" t="s">
        <v>24</v>
      </c>
      <c r="B16" s="21">
        <v>19</v>
      </c>
      <c r="C16" s="6">
        <v>18</v>
      </c>
      <c r="D16" s="5">
        <v>37</v>
      </c>
    </row>
    <row r="17" spans="1:4" ht="18" customHeight="1" x14ac:dyDescent="0.15">
      <c r="A17" s="8">
        <v>10</v>
      </c>
      <c r="B17" s="21">
        <v>9</v>
      </c>
      <c r="C17" s="6">
        <v>2</v>
      </c>
      <c r="D17" s="5">
        <v>11</v>
      </c>
    </row>
    <row r="18" spans="1:4" ht="18" customHeight="1" x14ac:dyDescent="0.15">
      <c r="A18" s="8">
        <v>11</v>
      </c>
      <c r="B18" s="21">
        <v>3</v>
      </c>
      <c r="C18" s="6">
        <v>3</v>
      </c>
      <c r="D18" s="5">
        <v>6</v>
      </c>
    </row>
    <row r="19" spans="1:4" ht="18" customHeight="1" x14ac:dyDescent="0.15">
      <c r="A19" s="8">
        <v>12</v>
      </c>
      <c r="B19" s="21">
        <v>1</v>
      </c>
      <c r="C19" s="6">
        <v>7</v>
      </c>
      <c r="D19" s="5">
        <v>8</v>
      </c>
    </row>
    <row r="20" spans="1:4" ht="18" customHeight="1" x14ac:dyDescent="0.15">
      <c r="A20" s="8">
        <v>13</v>
      </c>
      <c r="B20" s="21">
        <v>4</v>
      </c>
      <c r="C20" s="6">
        <v>4</v>
      </c>
      <c r="D20" s="5">
        <v>8</v>
      </c>
    </row>
    <row r="21" spans="1:4" ht="18" customHeight="1" x14ac:dyDescent="0.15">
      <c r="A21" s="8">
        <v>14</v>
      </c>
      <c r="B21" s="21">
        <v>4</v>
      </c>
      <c r="C21" s="6">
        <v>3</v>
      </c>
      <c r="D21" s="5">
        <v>7</v>
      </c>
    </row>
    <row r="22" spans="1:4" ht="18" customHeight="1" x14ac:dyDescent="0.15">
      <c r="A22" s="8" t="s">
        <v>23</v>
      </c>
      <c r="B22" s="21">
        <v>21</v>
      </c>
      <c r="C22" s="6">
        <v>19</v>
      </c>
      <c r="D22" s="5">
        <v>40</v>
      </c>
    </row>
    <row r="23" spans="1:4" ht="18" customHeight="1" x14ac:dyDescent="0.15">
      <c r="A23" s="8" t="s">
        <v>22</v>
      </c>
      <c r="B23" s="21">
        <v>54</v>
      </c>
      <c r="C23" s="6">
        <v>48</v>
      </c>
      <c r="D23" s="5">
        <v>102</v>
      </c>
    </row>
    <row r="24" spans="1:4" ht="18" customHeight="1" x14ac:dyDescent="0.15">
      <c r="A24" s="8">
        <v>15</v>
      </c>
      <c r="B24" s="21">
        <v>6</v>
      </c>
      <c r="C24" s="6">
        <v>4</v>
      </c>
      <c r="D24" s="5">
        <v>10</v>
      </c>
    </row>
    <row r="25" spans="1:4" ht="18" customHeight="1" x14ac:dyDescent="0.15">
      <c r="A25" s="8">
        <v>16</v>
      </c>
      <c r="B25" s="21">
        <v>7</v>
      </c>
      <c r="C25" s="6">
        <v>5</v>
      </c>
      <c r="D25" s="5">
        <v>12</v>
      </c>
    </row>
    <row r="26" spans="1:4" ht="18" customHeight="1" x14ac:dyDescent="0.15">
      <c r="A26" s="8">
        <v>17</v>
      </c>
      <c r="B26" s="21">
        <v>6</v>
      </c>
      <c r="C26" s="6">
        <v>7</v>
      </c>
      <c r="D26" s="5">
        <v>13</v>
      </c>
    </row>
    <row r="27" spans="1:4" ht="18" customHeight="1" x14ac:dyDescent="0.15">
      <c r="A27" s="8">
        <v>18</v>
      </c>
      <c r="B27" s="21">
        <v>6</v>
      </c>
      <c r="C27" s="6">
        <v>5</v>
      </c>
      <c r="D27" s="5">
        <v>11</v>
      </c>
    </row>
    <row r="28" spans="1:4" ht="18" customHeight="1" x14ac:dyDescent="0.15">
      <c r="A28" s="8">
        <v>19</v>
      </c>
      <c r="B28" s="21">
        <v>7</v>
      </c>
      <c r="C28" s="6">
        <v>10</v>
      </c>
      <c r="D28" s="5">
        <v>17</v>
      </c>
    </row>
    <row r="29" spans="1:4" ht="18" customHeight="1" x14ac:dyDescent="0.15">
      <c r="A29" s="8" t="s">
        <v>21</v>
      </c>
      <c r="B29" s="21">
        <v>32</v>
      </c>
      <c r="C29" s="6">
        <v>31</v>
      </c>
      <c r="D29" s="5">
        <v>63</v>
      </c>
    </row>
    <row r="30" spans="1:4" ht="18" customHeight="1" x14ac:dyDescent="0.15">
      <c r="A30" s="8">
        <v>20</v>
      </c>
      <c r="B30" s="21">
        <v>6</v>
      </c>
      <c r="C30" s="6">
        <v>3</v>
      </c>
      <c r="D30" s="5">
        <v>9</v>
      </c>
    </row>
    <row r="31" spans="1:4" ht="18" customHeight="1" x14ac:dyDescent="0.15">
      <c r="A31" s="8">
        <v>21</v>
      </c>
      <c r="B31" s="21">
        <v>10</v>
      </c>
      <c r="C31" s="6">
        <v>7</v>
      </c>
      <c r="D31" s="5">
        <v>17</v>
      </c>
    </row>
    <row r="32" spans="1:4" ht="18" customHeight="1" x14ac:dyDescent="0.15">
      <c r="A32" s="8">
        <v>22</v>
      </c>
      <c r="B32" s="21">
        <v>5</v>
      </c>
      <c r="C32" s="6">
        <v>11</v>
      </c>
      <c r="D32" s="5">
        <v>16</v>
      </c>
    </row>
    <row r="33" spans="1:4" ht="18" customHeight="1" x14ac:dyDescent="0.15">
      <c r="A33" s="8">
        <v>23</v>
      </c>
      <c r="B33" s="21">
        <v>7</v>
      </c>
      <c r="C33" s="6">
        <v>0</v>
      </c>
      <c r="D33" s="5">
        <v>7</v>
      </c>
    </row>
    <row r="34" spans="1:4" ht="18" customHeight="1" x14ac:dyDescent="0.15">
      <c r="A34" s="8">
        <v>24</v>
      </c>
      <c r="B34" s="21">
        <v>6</v>
      </c>
      <c r="C34" s="6">
        <v>7</v>
      </c>
      <c r="D34" s="5">
        <v>13</v>
      </c>
    </row>
    <row r="35" spans="1:4" ht="18" customHeight="1" x14ac:dyDescent="0.15">
      <c r="A35" s="8" t="s">
        <v>20</v>
      </c>
      <c r="B35" s="21">
        <v>34</v>
      </c>
      <c r="C35" s="6">
        <v>28</v>
      </c>
      <c r="D35" s="5">
        <v>62</v>
      </c>
    </row>
    <row r="36" spans="1:4" ht="18" customHeight="1" x14ac:dyDescent="0.15">
      <c r="A36" s="8">
        <v>25</v>
      </c>
      <c r="B36" s="21">
        <v>7</v>
      </c>
      <c r="C36" s="6">
        <v>3</v>
      </c>
      <c r="D36" s="5">
        <v>10</v>
      </c>
    </row>
    <row r="37" spans="1:4" ht="18" customHeight="1" x14ac:dyDescent="0.15">
      <c r="A37" s="8">
        <v>26</v>
      </c>
      <c r="B37" s="21">
        <v>4</v>
      </c>
      <c r="C37" s="6">
        <v>7</v>
      </c>
      <c r="D37" s="5">
        <v>11</v>
      </c>
    </row>
    <row r="38" spans="1:4" ht="18" customHeight="1" x14ac:dyDescent="0.15">
      <c r="A38" s="8">
        <v>27</v>
      </c>
      <c r="B38" s="21">
        <v>4</v>
      </c>
      <c r="C38" s="6">
        <v>6</v>
      </c>
      <c r="D38" s="5">
        <v>10</v>
      </c>
    </row>
    <row r="39" spans="1:4" ht="18" customHeight="1" x14ac:dyDescent="0.15">
      <c r="A39" s="8">
        <v>28</v>
      </c>
      <c r="B39" s="21">
        <v>6</v>
      </c>
      <c r="C39" s="6">
        <v>3</v>
      </c>
      <c r="D39" s="5">
        <v>9</v>
      </c>
    </row>
    <row r="40" spans="1:4" ht="18" customHeight="1" x14ac:dyDescent="0.15">
      <c r="A40" s="8">
        <v>29</v>
      </c>
      <c r="B40" s="21">
        <v>7</v>
      </c>
      <c r="C40" s="6">
        <v>2</v>
      </c>
      <c r="D40" s="5">
        <v>9</v>
      </c>
    </row>
    <row r="41" spans="1:4" ht="18" customHeight="1" x14ac:dyDescent="0.15">
      <c r="A41" s="8" t="s">
        <v>19</v>
      </c>
      <c r="B41" s="21">
        <v>28</v>
      </c>
      <c r="C41" s="6">
        <v>21</v>
      </c>
      <c r="D41" s="5">
        <v>49</v>
      </c>
    </row>
    <row r="42" spans="1:4" ht="18" customHeight="1" x14ac:dyDescent="0.15">
      <c r="A42" s="8">
        <v>30</v>
      </c>
      <c r="B42" s="21">
        <v>5</v>
      </c>
      <c r="C42" s="6">
        <v>4</v>
      </c>
      <c r="D42" s="5">
        <v>9</v>
      </c>
    </row>
    <row r="43" spans="1:4" ht="18" customHeight="1" x14ac:dyDescent="0.15">
      <c r="A43" s="8">
        <v>31</v>
      </c>
      <c r="B43" s="21">
        <v>8</v>
      </c>
      <c r="C43" s="6">
        <v>2</v>
      </c>
      <c r="D43" s="5">
        <v>10</v>
      </c>
    </row>
    <row r="44" spans="1:4" ht="18" customHeight="1" x14ac:dyDescent="0.15">
      <c r="A44" s="8">
        <v>32</v>
      </c>
      <c r="B44" s="21">
        <v>6</v>
      </c>
      <c r="C44" s="6">
        <v>5</v>
      </c>
      <c r="D44" s="5">
        <v>11</v>
      </c>
    </row>
    <row r="45" spans="1:4" ht="18" customHeight="1" x14ac:dyDescent="0.15">
      <c r="A45" s="8">
        <v>33</v>
      </c>
      <c r="B45" s="21">
        <v>13</v>
      </c>
      <c r="C45" s="6">
        <v>6</v>
      </c>
      <c r="D45" s="5">
        <v>19</v>
      </c>
    </row>
    <row r="46" spans="1:4" ht="18" customHeight="1" x14ac:dyDescent="0.15">
      <c r="A46" s="8">
        <v>34</v>
      </c>
      <c r="B46" s="21">
        <v>5</v>
      </c>
      <c r="C46" s="6">
        <v>4</v>
      </c>
      <c r="D46" s="5">
        <v>9</v>
      </c>
    </row>
    <row r="47" spans="1:4" ht="18" customHeight="1" x14ac:dyDescent="0.15">
      <c r="A47" s="8" t="s">
        <v>18</v>
      </c>
      <c r="B47" s="21">
        <v>37</v>
      </c>
      <c r="C47" s="6">
        <v>21</v>
      </c>
      <c r="D47" s="5">
        <v>58</v>
      </c>
    </row>
    <row r="48" spans="1:4" ht="18" customHeight="1" x14ac:dyDescent="0.15">
      <c r="A48" s="8">
        <v>35</v>
      </c>
      <c r="B48" s="21">
        <v>13</v>
      </c>
      <c r="C48" s="6">
        <v>8</v>
      </c>
      <c r="D48" s="5">
        <v>21</v>
      </c>
    </row>
    <row r="49" spans="1:4" ht="18" customHeight="1" x14ac:dyDescent="0.15">
      <c r="A49" s="8">
        <v>36</v>
      </c>
      <c r="B49" s="21">
        <v>9</v>
      </c>
      <c r="C49" s="6">
        <v>10</v>
      </c>
      <c r="D49" s="5">
        <v>19</v>
      </c>
    </row>
    <row r="50" spans="1:4" ht="18" customHeight="1" x14ac:dyDescent="0.15">
      <c r="A50" s="8">
        <v>37</v>
      </c>
      <c r="B50" s="21">
        <v>9</v>
      </c>
      <c r="C50" s="6">
        <v>11</v>
      </c>
      <c r="D50" s="5">
        <v>20</v>
      </c>
    </row>
    <row r="51" spans="1:4" ht="18" customHeight="1" x14ac:dyDescent="0.15">
      <c r="A51" s="8">
        <v>38</v>
      </c>
      <c r="B51" s="21">
        <v>8</v>
      </c>
      <c r="C51" s="6">
        <v>7</v>
      </c>
      <c r="D51" s="5">
        <v>15</v>
      </c>
    </row>
    <row r="52" spans="1:4" ht="18" customHeight="1" x14ac:dyDescent="0.15">
      <c r="A52" s="8">
        <v>39</v>
      </c>
      <c r="B52" s="21">
        <v>12</v>
      </c>
      <c r="C52" s="6">
        <v>12</v>
      </c>
      <c r="D52" s="5">
        <v>24</v>
      </c>
    </row>
    <row r="53" spans="1:4" ht="18" customHeight="1" x14ac:dyDescent="0.15">
      <c r="A53" s="8" t="s">
        <v>17</v>
      </c>
      <c r="B53" s="21">
        <v>51</v>
      </c>
      <c r="C53" s="6">
        <v>48</v>
      </c>
      <c r="D53" s="5">
        <v>99</v>
      </c>
    </row>
    <row r="54" spans="1:4" ht="18" customHeight="1" x14ac:dyDescent="0.15">
      <c r="A54" s="8">
        <v>40</v>
      </c>
      <c r="B54" s="21">
        <v>12</v>
      </c>
      <c r="C54" s="6">
        <v>9</v>
      </c>
      <c r="D54" s="5">
        <v>21</v>
      </c>
    </row>
    <row r="55" spans="1:4" ht="18" customHeight="1" x14ac:dyDescent="0.15">
      <c r="A55" s="8">
        <v>41</v>
      </c>
      <c r="B55" s="21">
        <v>10</v>
      </c>
      <c r="C55" s="6">
        <v>5</v>
      </c>
      <c r="D55" s="5">
        <v>15</v>
      </c>
    </row>
    <row r="56" spans="1:4" ht="18" customHeight="1" x14ac:dyDescent="0.15">
      <c r="A56" s="8">
        <v>42</v>
      </c>
      <c r="B56" s="21">
        <v>17</v>
      </c>
      <c r="C56" s="6">
        <v>10</v>
      </c>
      <c r="D56" s="5">
        <v>27</v>
      </c>
    </row>
    <row r="57" spans="1:4" ht="18" customHeight="1" x14ac:dyDescent="0.15">
      <c r="A57" s="8">
        <v>43</v>
      </c>
      <c r="B57" s="21">
        <v>19</v>
      </c>
      <c r="C57" s="6">
        <v>19</v>
      </c>
      <c r="D57" s="5">
        <v>38</v>
      </c>
    </row>
    <row r="58" spans="1:4" ht="18" customHeight="1" x14ac:dyDescent="0.15">
      <c r="A58" s="8">
        <v>44</v>
      </c>
      <c r="B58" s="21">
        <v>18</v>
      </c>
      <c r="C58" s="6">
        <v>11</v>
      </c>
      <c r="D58" s="5">
        <v>29</v>
      </c>
    </row>
    <row r="59" spans="1:4" ht="18" customHeight="1" x14ac:dyDescent="0.15">
      <c r="A59" s="8" t="s">
        <v>16</v>
      </c>
      <c r="B59" s="21">
        <v>76</v>
      </c>
      <c r="C59" s="6">
        <v>54</v>
      </c>
      <c r="D59" s="5">
        <v>130</v>
      </c>
    </row>
    <row r="60" spans="1:4" ht="18" customHeight="1" x14ac:dyDescent="0.15">
      <c r="A60" s="8">
        <v>45</v>
      </c>
      <c r="B60" s="21">
        <v>8</v>
      </c>
      <c r="C60" s="6">
        <v>7</v>
      </c>
      <c r="D60" s="5">
        <v>15</v>
      </c>
    </row>
    <row r="61" spans="1:4" ht="18" customHeight="1" x14ac:dyDescent="0.15">
      <c r="A61" s="8">
        <v>46</v>
      </c>
      <c r="B61" s="21">
        <v>13</v>
      </c>
      <c r="C61" s="6">
        <v>8</v>
      </c>
      <c r="D61" s="5">
        <v>21</v>
      </c>
    </row>
    <row r="62" spans="1:4" ht="18" customHeight="1" x14ac:dyDescent="0.15">
      <c r="A62" s="8">
        <v>47</v>
      </c>
      <c r="B62" s="21">
        <v>17</v>
      </c>
      <c r="C62" s="6">
        <v>13</v>
      </c>
      <c r="D62" s="5">
        <v>30</v>
      </c>
    </row>
    <row r="63" spans="1:4" ht="18" customHeight="1" x14ac:dyDescent="0.15">
      <c r="A63" s="8">
        <v>48</v>
      </c>
      <c r="B63" s="21">
        <v>9</v>
      </c>
      <c r="C63" s="6">
        <v>10</v>
      </c>
      <c r="D63" s="5">
        <v>19</v>
      </c>
    </row>
    <row r="64" spans="1:4" ht="18" customHeight="1" x14ac:dyDescent="0.15">
      <c r="A64" s="8">
        <v>49</v>
      </c>
      <c r="B64" s="21">
        <v>21</v>
      </c>
      <c r="C64" s="6">
        <v>16</v>
      </c>
      <c r="D64" s="5">
        <v>37</v>
      </c>
    </row>
    <row r="65" spans="1:4" ht="18" customHeight="1" x14ac:dyDescent="0.15">
      <c r="A65" s="8" t="s">
        <v>15</v>
      </c>
      <c r="B65" s="21">
        <v>68</v>
      </c>
      <c r="C65" s="6">
        <v>54</v>
      </c>
      <c r="D65" s="5">
        <v>122</v>
      </c>
    </row>
    <row r="66" spans="1:4" ht="18" customHeight="1" x14ac:dyDescent="0.15">
      <c r="A66" s="8">
        <v>50</v>
      </c>
      <c r="B66" s="21">
        <v>16</v>
      </c>
      <c r="C66" s="6">
        <v>13</v>
      </c>
      <c r="D66" s="5">
        <v>29</v>
      </c>
    </row>
    <row r="67" spans="1:4" ht="18" customHeight="1" x14ac:dyDescent="0.15">
      <c r="A67" s="8">
        <v>51</v>
      </c>
      <c r="B67" s="21">
        <v>16</v>
      </c>
      <c r="C67" s="6">
        <v>10</v>
      </c>
      <c r="D67" s="5">
        <v>26</v>
      </c>
    </row>
    <row r="68" spans="1:4" ht="18" customHeight="1" x14ac:dyDescent="0.15">
      <c r="A68" s="8">
        <v>52</v>
      </c>
      <c r="B68" s="21">
        <v>9</v>
      </c>
      <c r="C68" s="6">
        <v>5</v>
      </c>
      <c r="D68" s="5">
        <v>14</v>
      </c>
    </row>
    <row r="69" spans="1:4" ht="18" customHeight="1" x14ac:dyDescent="0.15">
      <c r="A69" s="8">
        <v>53</v>
      </c>
      <c r="B69" s="21">
        <v>19</v>
      </c>
      <c r="C69" s="6">
        <v>7</v>
      </c>
      <c r="D69" s="5">
        <v>26</v>
      </c>
    </row>
    <row r="70" spans="1:4" ht="18" customHeight="1" x14ac:dyDescent="0.15">
      <c r="A70" s="8">
        <v>54</v>
      </c>
      <c r="B70" s="21">
        <v>11</v>
      </c>
      <c r="C70" s="6">
        <v>14</v>
      </c>
      <c r="D70" s="5">
        <v>25</v>
      </c>
    </row>
    <row r="71" spans="1:4" ht="18" customHeight="1" x14ac:dyDescent="0.15">
      <c r="A71" s="8" t="s">
        <v>14</v>
      </c>
      <c r="B71" s="21">
        <v>71</v>
      </c>
      <c r="C71" s="6">
        <v>49</v>
      </c>
      <c r="D71" s="5">
        <v>120</v>
      </c>
    </row>
    <row r="72" spans="1:4" ht="18" customHeight="1" x14ac:dyDescent="0.15">
      <c r="A72" s="8">
        <v>55</v>
      </c>
      <c r="B72" s="21">
        <v>15</v>
      </c>
      <c r="C72" s="6">
        <v>14</v>
      </c>
      <c r="D72" s="5">
        <v>29</v>
      </c>
    </row>
    <row r="73" spans="1:4" ht="18" customHeight="1" x14ac:dyDescent="0.15">
      <c r="A73" s="8">
        <v>56</v>
      </c>
      <c r="B73" s="21">
        <v>10</v>
      </c>
      <c r="C73" s="6">
        <v>11</v>
      </c>
      <c r="D73" s="5">
        <v>21</v>
      </c>
    </row>
    <row r="74" spans="1:4" ht="18" customHeight="1" x14ac:dyDescent="0.15">
      <c r="A74" s="8">
        <v>57</v>
      </c>
      <c r="B74" s="21">
        <v>10</v>
      </c>
      <c r="C74" s="6">
        <v>9</v>
      </c>
      <c r="D74" s="5">
        <v>19</v>
      </c>
    </row>
    <row r="75" spans="1:4" ht="18" customHeight="1" x14ac:dyDescent="0.15">
      <c r="A75" s="8">
        <v>58</v>
      </c>
      <c r="B75" s="21">
        <v>16</v>
      </c>
      <c r="C75" s="6">
        <v>10</v>
      </c>
      <c r="D75" s="5">
        <v>26</v>
      </c>
    </row>
    <row r="76" spans="1:4" ht="18" customHeight="1" x14ac:dyDescent="0.15">
      <c r="A76" s="8">
        <v>59</v>
      </c>
      <c r="B76" s="21">
        <v>8</v>
      </c>
      <c r="C76" s="6">
        <v>10</v>
      </c>
      <c r="D76" s="5">
        <v>18</v>
      </c>
    </row>
    <row r="77" spans="1:4" ht="18" customHeight="1" x14ac:dyDescent="0.15">
      <c r="A77" s="8" t="s">
        <v>13</v>
      </c>
      <c r="B77" s="21">
        <v>59</v>
      </c>
      <c r="C77" s="6">
        <v>54</v>
      </c>
      <c r="D77" s="5">
        <v>113</v>
      </c>
    </row>
    <row r="78" spans="1:4" ht="18" customHeight="1" x14ac:dyDescent="0.15">
      <c r="A78" s="8">
        <v>60</v>
      </c>
      <c r="B78" s="21">
        <v>15</v>
      </c>
      <c r="C78" s="6">
        <v>10</v>
      </c>
      <c r="D78" s="5">
        <v>25</v>
      </c>
    </row>
    <row r="79" spans="1:4" ht="18" customHeight="1" x14ac:dyDescent="0.15">
      <c r="A79" s="8">
        <v>61</v>
      </c>
      <c r="B79" s="21">
        <v>15</v>
      </c>
      <c r="C79" s="6">
        <v>14</v>
      </c>
      <c r="D79" s="5">
        <v>29</v>
      </c>
    </row>
    <row r="80" spans="1:4" ht="18" customHeight="1" x14ac:dyDescent="0.15">
      <c r="A80" s="8">
        <v>62</v>
      </c>
      <c r="B80" s="21">
        <v>14</v>
      </c>
      <c r="C80" s="6">
        <v>15</v>
      </c>
      <c r="D80" s="5">
        <v>29</v>
      </c>
    </row>
    <row r="81" spans="1:4" ht="18" customHeight="1" x14ac:dyDescent="0.15">
      <c r="A81" s="8">
        <v>63</v>
      </c>
      <c r="B81" s="21">
        <v>8</v>
      </c>
      <c r="C81" s="6">
        <v>6</v>
      </c>
      <c r="D81" s="5">
        <v>14</v>
      </c>
    </row>
    <row r="82" spans="1:4" ht="18" customHeight="1" x14ac:dyDescent="0.15">
      <c r="A82" s="8">
        <v>64</v>
      </c>
      <c r="B82" s="21">
        <v>13</v>
      </c>
      <c r="C82" s="6">
        <v>18</v>
      </c>
      <c r="D82" s="5">
        <v>31</v>
      </c>
    </row>
    <row r="83" spans="1:4" ht="18" customHeight="1" x14ac:dyDescent="0.15">
      <c r="A83" s="8" t="s">
        <v>12</v>
      </c>
      <c r="B83" s="21">
        <v>65</v>
      </c>
      <c r="C83" s="6">
        <v>63</v>
      </c>
      <c r="D83" s="5">
        <v>128</v>
      </c>
    </row>
    <row r="84" spans="1:4" ht="18" customHeight="1" x14ac:dyDescent="0.15">
      <c r="A84" s="8" t="s">
        <v>11</v>
      </c>
      <c r="B84" s="21">
        <v>521</v>
      </c>
      <c r="C84" s="6">
        <v>423</v>
      </c>
      <c r="D84" s="5">
        <v>944</v>
      </c>
    </row>
    <row r="85" spans="1:4" ht="18" customHeight="1" x14ac:dyDescent="0.15">
      <c r="A85" s="8">
        <v>65</v>
      </c>
      <c r="B85" s="21">
        <v>10</v>
      </c>
      <c r="C85" s="6">
        <v>11</v>
      </c>
      <c r="D85" s="5">
        <v>21</v>
      </c>
    </row>
    <row r="86" spans="1:4" ht="18" customHeight="1" x14ac:dyDescent="0.15">
      <c r="A86" s="8">
        <v>66</v>
      </c>
      <c r="B86" s="21">
        <v>11</v>
      </c>
      <c r="C86" s="6">
        <v>22</v>
      </c>
      <c r="D86" s="5">
        <v>33</v>
      </c>
    </row>
    <row r="87" spans="1:4" ht="18" customHeight="1" x14ac:dyDescent="0.15">
      <c r="A87" s="8">
        <v>67</v>
      </c>
      <c r="B87" s="21">
        <v>18</v>
      </c>
      <c r="C87" s="6">
        <v>20</v>
      </c>
      <c r="D87" s="5">
        <v>38</v>
      </c>
    </row>
    <row r="88" spans="1:4" ht="18" customHeight="1" x14ac:dyDescent="0.15">
      <c r="A88" s="8">
        <v>68</v>
      </c>
      <c r="B88" s="21">
        <v>19</v>
      </c>
      <c r="C88" s="6">
        <v>26</v>
      </c>
      <c r="D88" s="5">
        <v>45</v>
      </c>
    </row>
    <row r="89" spans="1:4" ht="18" customHeight="1" x14ac:dyDescent="0.15">
      <c r="A89" s="8">
        <v>69</v>
      </c>
      <c r="B89" s="21">
        <v>19</v>
      </c>
      <c r="C89" s="6">
        <v>15</v>
      </c>
      <c r="D89" s="5">
        <v>34</v>
      </c>
    </row>
    <row r="90" spans="1:4" ht="18" customHeight="1" x14ac:dyDescent="0.15">
      <c r="A90" s="8" t="s">
        <v>10</v>
      </c>
      <c r="B90" s="21">
        <v>77</v>
      </c>
      <c r="C90" s="6">
        <v>94</v>
      </c>
      <c r="D90" s="5">
        <v>171</v>
      </c>
    </row>
    <row r="91" spans="1:4" ht="18" customHeight="1" x14ac:dyDescent="0.15">
      <c r="A91" s="8">
        <v>70</v>
      </c>
      <c r="B91" s="21">
        <v>19</v>
      </c>
      <c r="C91" s="6">
        <v>14</v>
      </c>
      <c r="D91" s="5">
        <v>33</v>
      </c>
    </row>
    <row r="92" spans="1:4" ht="18" customHeight="1" x14ac:dyDescent="0.15">
      <c r="A92" s="8">
        <v>71</v>
      </c>
      <c r="B92" s="21">
        <v>29</v>
      </c>
      <c r="C92" s="6">
        <v>21</v>
      </c>
      <c r="D92" s="5">
        <v>50</v>
      </c>
    </row>
    <row r="93" spans="1:4" ht="18" customHeight="1" x14ac:dyDescent="0.15">
      <c r="A93" s="8">
        <v>72</v>
      </c>
      <c r="B93" s="21">
        <v>25</v>
      </c>
      <c r="C93" s="6">
        <v>22</v>
      </c>
      <c r="D93" s="5">
        <v>47</v>
      </c>
    </row>
    <row r="94" spans="1:4" ht="18" customHeight="1" x14ac:dyDescent="0.15">
      <c r="A94" s="8">
        <v>73</v>
      </c>
      <c r="B94" s="21">
        <v>20</v>
      </c>
      <c r="C94" s="6">
        <v>10</v>
      </c>
      <c r="D94" s="5">
        <v>30</v>
      </c>
    </row>
    <row r="95" spans="1:4" ht="18" customHeight="1" x14ac:dyDescent="0.15">
      <c r="A95" s="8">
        <v>74</v>
      </c>
      <c r="B95" s="21">
        <v>21</v>
      </c>
      <c r="C95" s="6">
        <v>8</v>
      </c>
      <c r="D95" s="5">
        <v>29</v>
      </c>
    </row>
    <row r="96" spans="1:4" ht="18" customHeight="1" x14ac:dyDescent="0.15">
      <c r="A96" s="8" t="s">
        <v>9</v>
      </c>
      <c r="B96" s="21">
        <v>114</v>
      </c>
      <c r="C96" s="6">
        <v>75</v>
      </c>
      <c r="D96" s="5">
        <v>189</v>
      </c>
    </row>
    <row r="97" spans="1:4" ht="18" customHeight="1" x14ac:dyDescent="0.15">
      <c r="A97" s="8">
        <v>75</v>
      </c>
      <c r="B97" s="21">
        <v>18</v>
      </c>
      <c r="C97" s="6">
        <v>23</v>
      </c>
      <c r="D97" s="5">
        <v>41</v>
      </c>
    </row>
    <row r="98" spans="1:4" ht="18" customHeight="1" x14ac:dyDescent="0.15">
      <c r="A98" s="8">
        <v>76</v>
      </c>
      <c r="B98" s="21">
        <v>13</v>
      </c>
      <c r="C98" s="6">
        <v>18</v>
      </c>
      <c r="D98" s="5">
        <v>31</v>
      </c>
    </row>
    <row r="99" spans="1:4" ht="18" customHeight="1" x14ac:dyDescent="0.15">
      <c r="A99" s="8">
        <v>77</v>
      </c>
      <c r="B99" s="21">
        <v>19</v>
      </c>
      <c r="C99" s="6">
        <v>16</v>
      </c>
      <c r="D99" s="5">
        <v>35</v>
      </c>
    </row>
    <row r="100" spans="1:4" ht="18" customHeight="1" x14ac:dyDescent="0.15">
      <c r="A100" s="8">
        <v>78</v>
      </c>
      <c r="B100" s="21">
        <v>24</v>
      </c>
      <c r="C100" s="6">
        <v>26</v>
      </c>
      <c r="D100" s="5">
        <v>50</v>
      </c>
    </row>
    <row r="101" spans="1:4" ht="18" customHeight="1" x14ac:dyDescent="0.15">
      <c r="A101" s="8">
        <v>79</v>
      </c>
      <c r="B101" s="21">
        <v>6</v>
      </c>
      <c r="C101" s="6">
        <v>10</v>
      </c>
      <c r="D101" s="5">
        <v>16</v>
      </c>
    </row>
    <row r="102" spans="1:4" ht="18" customHeight="1" x14ac:dyDescent="0.15">
      <c r="A102" s="8" t="s">
        <v>8</v>
      </c>
      <c r="B102" s="21">
        <v>80</v>
      </c>
      <c r="C102" s="6">
        <v>93</v>
      </c>
      <c r="D102" s="5">
        <v>173</v>
      </c>
    </row>
    <row r="103" spans="1:4" ht="18" customHeight="1" x14ac:dyDescent="0.15">
      <c r="A103" s="8">
        <v>80</v>
      </c>
      <c r="B103" s="21">
        <v>8</v>
      </c>
      <c r="C103" s="6">
        <v>10</v>
      </c>
      <c r="D103" s="5">
        <v>18</v>
      </c>
    </row>
    <row r="104" spans="1:4" ht="18" customHeight="1" x14ac:dyDescent="0.15">
      <c r="A104" s="8">
        <v>81</v>
      </c>
      <c r="B104" s="21">
        <v>12</v>
      </c>
      <c r="C104" s="6">
        <v>15</v>
      </c>
      <c r="D104" s="5">
        <v>27</v>
      </c>
    </row>
    <row r="105" spans="1:4" ht="18" customHeight="1" x14ac:dyDescent="0.15">
      <c r="A105" s="8">
        <v>82</v>
      </c>
      <c r="B105" s="21">
        <v>6</v>
      </c>
      <c r="C105" s="6">
        <v>12</v>
      </c>
      <c r="D105" s="5">
        <v>18</v>
      </c>
    </row>
    <row r="106" spans="1:4" ht="18" customHeight="1" x14ac:dyDescent="0.15">
      <c r="A106" s="8">
        <v>83</v>
      </c>
      <c r="B106" s="21">
        <v>6</v>
      </c>
      <c r="C106" s="6">
        <v>14</v>
      </c>
      <c r="D106" s="5">
        <v>20</v>
      </c>
    </row>
    <row r="107" spans="1:4" ht="18" customHeight="1" x14ac:dyDescent="0.15">
      <c r="A107" s="8">
        <v>84</v>
      </c>
      <c r="B107" s="21">
        <v>5</v>
      </c>
      <c r="C107" s="6">
        <v>11</v>
      </c>
      <c r="D107" s="5">
        <v>16</v>
      </c>
    </row>
    <row r="108" spans="1:4" ht="18" customHeight="1" x14ac:dyDescent="0.15">
      <c r="A108" s="8" t="s">
        <v>7</v>
      </c>
      <c r="B108" s="21">
        <v>37</v>
      </c>
      <c r="C108" s="6">
        <v>62</v>
      </c>
      <c r="D108" s="5">
        <v>99</v>
      </c>
    </row>
    <row r="109" spans="1:4" ht="18" customHeight="1" x14ac:dyDescent="0.15">
      <c r="A109" s="8">
        <v>85</v>
      </c>
      <c r="B109" s="21">
        <v>6</v>
      </c>
      <c r="C109" s="6">
        <v>7</v>
      </c>
      <c r="D109" s="5">
        <v>13</v>
      </c>
    </row>
    <row r="110" spans="1:4" ht="18" customHeight="1" x14ac:dyDescent="0.15">
      <c r="A110" s="8">
        <v>86</v>
      </c>
      <c r="B110" s="21">
        <v>10</v>
      </c>
      <c r="C110" s="6">
        <v>12</v>
      </c>
      <c r="D110" s="5">
        <v>22</v>
      </c>
    </row>
    <row r="111" spans="1:4" ht="18" customHeight="1" x14ac:dyDescent="0.15">
      <c r="A111" s="8">
        <v>87</v>
      </c>
      <c r="B111" s="21">
        <v>5</v>
      </c>
      <c r="C111" s="6">
        <v>8</v>
      </c>
      <c r="D111" s="5">
        <v>13</v>
      </c>
    </row>
    <row r="112" spans="1:4" ht="18" customHeight="1" x14ac:dyDescent="0.15">
      <c r="A112" s="8">
        <v>88</v>
      </c>
      <c r="B112" s="21">
        <v>3</v>
      </c>
      <c r="C112" s="6">
        <v>13</v>
      </c>
      <c r="D112" s="5">
        <v>16</v>
      </c>
    </row>
    <row r="113" spans="1:4" ht="18" customHeight="1" x14ac:dyDescent="0.15">
      <c r="A113" s="8">
        <v>89</v>
      </c>
      <c r="B113" s="21">
        <v>3</v>
      </c>
      <c r="C113" s="6">
        <v>13</v>
      </c>
      <c r="D113" s="5">
        <v>16</v>
      </c>
    </row>
    <row r="114" spans="1:4" ht="18" customHeight="1" x14ac:dyDescent="0.15">
      <c r="A114" s="8" t="s">
        <v>6</v>
      </c>
      <c r="B114" s="21">
        <v>27</v>
      </c>
      <c r="C114" s="6">
        <v>53</v>
      </c>
      <c r="D114" s="5">
        <v>80</v>
      </c>
    </row>
    <row r="115" spans="1:4" ht="18" customHeight="1" x14ac:dyDescent="0.15">
      <c r="A115" s="8">
        <v>90</v>
      </c>
      <c r="B115" s="21">
        <v>2</v>
      </c>
      <c r="C115" s="6">
        <v>7</v>
      </c>
      <c r="D115" s="5">
        <v>9</v>
      </c>
    </row>
    <row r="116" spans="1:4" ht="18" customHeight="1" x14ac:dyDescent="0.15">
      <c r="A116" s="8">
        <v>91</v>
      </c>
      <c r="B116" s="21">
        <v>4</v>
      </c>
      <c r="C116" s="6">
        <v>8</v>
      </c>
      <c r="D116" s="5">
        <v>12</v>
      </c>
    </row>
    <row r="117" spans="1:4" ht="18" customHeight="1" x14ac:dyDescent="0.15">
      <c r="A117" s="8">
        <v>92</v>
      </c>
      <c r="B117" s="21">
        <v>0</v>
      </c>
      <c r="C117" s="6">
        <v>12</v>
      </c>
      <c r="D117" s="5">
        <v>12</v>
      </c>
    </row>
    <row r="118" spans="1:4" ht="18" customHeight="1" x14ac:dyDescent="0.15">
      <c r="A118" s="8">
        <v>93</v>
      </c>
      <c r="B118" s="21">
        <v>2</v>
      </c>
      <c r="C118" s="6">
        <v>7</v>
      </c>
      <c r="D118" s="5">
        <v>9</v>
      </c>
    </row>
    <row r="119" spans="1:4" ht="18" customHeight="1" x14ac:dyDescent="0.15">
      <c r="A119" s="8">
        <v>94</v>
      </c>
      <c r="B119" s="21">
        <v>3</v>
      </c>
      <c r="C119" s="6">
        <v>5</v>
      </c>
      <c r="D119" s="5">
        <v>8</v>
      </c>
    </row>
    <row r="120" spans="1:4" ht="18" customHeight="1" x14ac:dyDescent="0.15">
      <c r="A120" s="8" t="s">
        <v>5</v>
      </c>
      <c r="B120" s="21">
        <v>11</v>
      </c>
      <c r="C120" s="6">
        <v>39</v>
      </c>
      <c r="D120" s="5">
        <v>50</v>
      </c>
    </row>
    <row r="121" spans="1:4" ht="18" customHeight="1" x14ac:dyDescent="0.15">
      <c r="A121" s="8">
        <v>95</v>
      </c>
      <c r="B121" s="21">
        <v>4</v>
      </c>
      <c r="C121" s="6">
        <v>6</v>
      </c>
      <c r="D121" s="5">
        <v>10</v>
      </c>
    </row>
    <row r="122" spans="1:4" ht="18" customHeight="1" x14ac:dyDescent="0.15">
      <c r="A122" s="8">
        <v>96</v>
      </c>
      <c r="B122" s="21">
        <v>2</v>
      </c>
      <c r="C122" s="6">
        <v>4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1</v>
      </c>
      <c r="C125" s="6">
        <v>3</v>
      </c>
      <c r="D125" s="5">
        <v>4</v>
      </c>
    </row>
    <row r="126" spans="1:4" ht="18" customHeight="1" x14ac:dyDescent="0.15">
      <c r="A126" s="8" t="s">
        <v>4</v>
      </c>
      <c r="B126" s="21">
        <v>8</v>
      </c>
      <c r="C126" s="6">
        <v>18</v>
      </c>
      <c r="D126" s="5">
        <v>26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54</v>
      </c>
      <c r="C130" s="6">
        <v>436</v>
      </c>
      <c r="D130" s="5">
        <v>790</v>
      </c>
    </row>
    <row r="131" spans="1:4" ht="18" customHeight="1" x14ac:dyDescent="0.15">
      <c r="A131" s="4" t="s">
        <v>0</v>
      </c>
      <c r="B131" s="20">
        <v>929</v>
      </c>
      <c r="C131" s="2">
        <v>907</v>
      </c>
      <c r="D131" s="1">
        <v>183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CF8610-4823-4A82-A1D5-F52B0E0B9B42}">
  <sheetPr codeName="Sheet6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3</v>
      </c>
      <c r="C5" s="31">
        <v>20</v>
      </c>
      <c r="D5" s="30">
        <v>43</v>
      </c>
    </row>
    <row r="6" spans="1:4" ht="18" customHeight="1" x14ac:dyDescent="0.15">
      <c r="A6" s="8">
        <v>1</v>
      </c>
      <c r="B6" s="26">
        <v>15</v>
      </c>
      <c r="C6" s="6">
        <v>26</v>
      </c>
      <c r="D6" s="5">
        <v>41</v>
      </c>
    </row>
    <row r="7" spans="1:4" ht="18" customHeight="1" x14ac:dyDescent="0.15">
      <c r="A7" s="8">
        <v>2</v>
      </c>
      <c r="B7" s="26">
        <v>19</v>
      </c>
      <c r="C7" s="6">
        <v>25</v>
      </c>
      <c r="D7" s="5">
        <v>44</v>
      </c>
    </row>
    <row r="8" spans="1:4" ht="18" customHeight="1" x14ac:dyDescent="0.15">
      <c r="A8" s="8">
        <v>3</v>
      </c>
      <c r="B8" s="26">
        <v>18</v>
      </c>
      <c r="C8" s="6">
        <v>26</v>
      </c>
      <c r="D8" s="5">
        <v>44</v>
      </c>
    </row>
    <row r="9" spans="1:4" ht="18" customHeight="1" x14ac:dyDescent="0.15">
      <c r="A9" s="8">
        <v>4</v>
      </c>
      <c r="B9" s="29">
        <v>28</v>
      </c>
      <c r="C9" s="28">
        <v>24</v>
      </c>
      <c r="D9" s="27">
        <v>52</v>
      </c>
    </row>
    <row r="10" spans="1:4" ht="18" customHeight="1" x14ac:dyDescent="0.15">
      <c r="A10" s="8" t="s">
        <v>25</v>
      </c>
      <c r="B10" s="21">
        <v>103</v>
      </c>
      <c r="C10" s="6">
        <v>121</v>
      </c>
      <c r="D10" s="5">
        <v>224</v>
      </c>
    </row>
    <row r="11" spans="1:4" ht="18" customHeight="1" x14ac:dyDescent="0.15">
      <c r="A11" s="8">
        <v>5</v>
      </c>
      <c r="B11" s="26">
        <v>31</v>
      </c>
      <c r="C11" s="6">
        <v>19</v>
      </c>
      <c r="D11" s="5">
        <v>50</v>
      </c>
    </row>
    <row r="12" spans="1:4" ht="18" customHeight="1" x14ac:dyDescent="0.15">
      <c r="A12" s="8">
        <v>6</v>
      </c>
      <c r="B12" s="26">
        <v>32</v>
      </c>
      <c r="C12" s="6">
        <v>24</v>
      </c>
      <c r="D12" s="5">
        <v>56</v>
      </c>
    </row>
    <row r="13" spans="1:4" ht="18" customHeight="1" x14ac:dyDescent="0.15">
      <c r="A13" s="8">
        <v>7</v>
      </c>
      <c r="B13" s="26">
        <v>27</v>
      </c>
      <c r="C13" s="6">
        <v>30</v>
      </c>
      <c r="D13" s="5">
        <v>57</v>
      </c>
    </row>
    <row r="14" spans="1:4" ht="18" customHeight="1" x14ac:dyDescent="0.15">
      <c r="A14" s="8">
        <v>8</v>
      </c>
      <c r="B14" s="26">
        <v>32</v>
      </c>
      <c r="C14" s="6">
        <v>30</v>
      </c>
      <c r="D14" s="5">
        <v>62</v>
      </c>
    </row>
    <row r="15" spans="1:4" ht="18" customHeight="1" x14ac:dyDescent="0.15">
      <c r="A15" s="8">
        <v>9</v>
      </c>
      <c r="B15" s="26">
        <v>25</v>
      </c>
      <c r="C15" s="6">
        <v>38</v>
      </c>
      <c r="D15" s="5">
        <v>63</v>
      </c>
    </row>
    <row r="16" spans="1:4" ht="18" customHeight="1" x14ac:dyDescent="0.15">
      <c r="A16" s="8" t="s">
        <v>24</v>
      </c>
      <c r="B16" s="21">
        <v>147</v>
      </c>
      <c r="C16" s="6">
        <v>141</v>
      </c>
      <c r="D16" s="5">
        <v>288</v>
      </c>
    </row>
    <row r="17" spans="1:4" ht="18" customHeight="1" x14ac:dyDescent="0.15">
      <c r="A17" s="8">
        <v>10</v>
      </c>
      <c r="B17" s="21">
        <v>45</v>
      </c>
      <c r="C17" s="6">
        <v>31</v>
      </c>
      <c r="D17" s="5">
        <v>76</v>
      </c>
    </row>
    <row r="18" spans="1:4" ht="18" customHeight="1" x14ac:dyDescent="0.15">
      <c r="A18" s="8">
        <v>11</v>
      </c>
      <c r="B18" s="21">
        <v>32</v>
      </c>
      <c r="C18" s="6">
        <v>26</v>
      </c>
      <c r="D18" s="5">
        <v>58</v>
      </c>
    </row>
    <row r="19" spans="1:4" ht="18" customHeight="1" x14ac:dyDescent="0.15">
      <c r="A19" s="8">
        <v>12</v>
      </c>
      <c r="B19" s="21">
        <v>32</v>
      </c>
      <c r="C19" s="6">
        <v>39</v>
      </c>
      <c r="D19" s="5">
        <v>71</v>
      </c>
    </row>
    <row r="20" spans="1:4" ht="18" customHeight="1" x14ac:dyDescent="0.15">
      <c r="A20" s="8">
        <v>13</v>
      </c>
      <c r="B20" s="21">
        <v>37</v>
      </c>
      <c r="C20" s="6">
        <v>36</v>
      </c>
      <c r="D20" s="5">
        <v>73</v>
      </c>
    </row>
    <row r="21" spans="1:4" ht="18" customHeight="1" x14ac:dyDescent="0.15">
      <c r="A21" s="8">
        <v>14</v>
      </c>
      <c r="B21" s="21">
        <v>43</v>
      </c>
      <c r="C21" s="6">
        <v>34</v>
      </c>
      <c r="D21" s="5">
        <v>77</v>
      </c>
    </row>
    <row r="22" spans="1:4" ht="18" customHeight="1" x14ac:dyDescent="0.15">
      <c r="A22" s="8" t="s">
        <v>23</v>
      </c>
      <c r="B22" s="21">
        <v>189</v>
      </c>
      <c r="C22" s="6">
        <v>166</v>
      </c>
      <c r="D22" s="5">
        <v>355</v>
      </c>
    </row>
    <row r="23" spans="1:4" ht="18" customHeight="1" x14ac:dyDescent="0.15">
      <c r="A23" s="8" t="s">
        <v>22</v>
      </c>
      <c r="B23" s="21">
        <v>439</v>
      </c>
      <c r="C23" s="6">
        <v>428</v>
      </c>
      <c r="D23" s="5">
        <v>867</v>
      </c>
    </row>
    <row r="24" spans="1:4" ht="18" customHeight="1" x14ac:dyDescent="0.15">
      <c r="A24" s="8">
        <v>15</v>
      </c>
      <c r="B24" s="21">
        <v>54</v>
      </c>
      <c r="C24" s="6">
        <v>51</v>
      </c>
      <c r="D24" s="5">
        <v>105</v>
      </c>
    </row>
    <row r="25" spans="1:4" ht="18" customHeight="1" x14ac:dyDescent="0.15">
      <c r="A25" s="8">
        <v>16</v>
      </c>
      <c r="B25" s="21">
        <v>42</v>
      </c>
      <c r="C25" s="6">
        <v>39</v>
      </c>
      <c r="D25" s="5">
        <v>81</v>
      </c>
    </row>
    <row r="26" spans="1:4" ht="18" customHeight="1" x14ac:dyDescent="0.15">
      <c r="A26" s="8">
        <v>17</v>
      </c>
      <c r="B26" s="21">
        <v>41</v>
      </c>
      <c r="C26" s="6">
        <v>43</v>
      </c>
      <c r="D26" s="5">
        <v>84</v>
      </c>
    </row>
    <row r="27" spans="1:4" ht="18" customHeight="1" x14ac:dyDescent="0.15">
      <c r="A27" s="8">
        <v>18</v>
      </c>
      <c r="B27" s="21">
        <v>33</v>
      </c>
      <c r="C27" s="6">
        <v>34</v>
      </c>
      <c r="D27" s="5">
        <v>67</v>
      </c>
    </row>
    <row r="28" spans="1:4" ht="18" customHeight="1" x14ac:dyDescent="0.15">
      <c r="A28" s="8">
        <v>19</v>
      </c>
      <c r="B28" s="21">
        <v>32</v>
      </c>
      <c r="C28" s="6">
        <v>41</v>
      </c>
      <c r="D28" s="5">
        <v>73</v>
      </c>
    </row>
    <row r="29" spans="1:4" ht="18" customHeight="1" x14ac:dyDescent="0.15">
      <c r="A29" s="8" t="s">
        <v>21</v>
      </c>
      <c r="B29" s="21">
        <v>202</v>
      </c>
      <c r="C29" s="6">
        <v>208</v>
      </c>
      <c r="D29" s="5">
        <v>410</v>
      </c>
    </row>
    <row r="30" spans="1:4" ht="18" customHeight="1" x14ac:dyDescent="0.15">
      <c r="A30" s="8">
        <v>20</v>
      </c>
      <c r="B30" s="21">
        <v>39</v>
      </c>
      <c r="C30" s="6">
        <v>41</v>
      </c>
      <c r="D30" s="5">
        <v>80</v>
      </c>
    </row>
    <row r="31" spans="1:4" ht="18" customHeight="1" x14ac:dyDescent="0.15">
      <c r="A31" s="8">
        <v>21</v>
      </c>
      <c r="B31" s="21">
        <v>50</v>
      </c>
      <c r="C31" s="6">
        <v>48</v>
      </c>
      <c r="D31" s="5">
        <v>98</v>
      </c>
    </row>
    <row r="32" spans="1:4" ht="18" customHeight="1" x14ac:dyDescent="0.15">
      <c r="A32" s="8">
        <v>22</v>
      </c>
      <c r="B32" s="21">
        <v>54</v>
      </c>
      <c r="C32" s="6">
        <v>38</v>
      </c>
      <c r="D32" s="5">
        <v>92</v>
      </c>
    </row>
    <row r="33" spans="1:4" ht="18" customHeight="1" x14ac:dyDescent="0.15">
      <c r="A33" s="8">
        <v>23</v>
      </c>
      <c r="B33" s="21">
        <v>67</v>
      </c>
      <c r="C33" s="6">
        <v>43</v>
      </c>
      <c r="D33" s="5">
        <v>110</v>
      </c>
    </row>
    <row r="34" spans="1:4" ht="18" customHeight="1" x14ac:dyDescent="0.15">
      <c r="A34" s="8">
        <v>24</v>
      </c>
      <c r="B34" s="21">
        <v>49</v>
      </c>
      <c r="C34" s="6">
        <v>43</v>
      </c>
      <c r="D34" s="5">
        <v>92</v>
      </c>
    </row>
    <row r="35" spans="1:4" ht="18" customHeight="1" x14ac:dyDescent="0.15">
      <c r="A35" s="8" t="s">
        <v>20</v>
      </c>
      <c r="B35" s="21">
        <v>259</v>
      </c>
      <c r="C35" s="6">
        <v>213</v>
      </c>
      <c r="D35" s="5">
        <v>472</v>
      </c>
    </row>
    <row r="36" spans="1:4" ht="18" customHeight="1" x14ac:dyDescent="0.15">
      <c r="A36" s="8">
        <v>25</v>
      </c>
      <c r="B36" s="21">
        <v>73</v>
      </c>
      <c r="C36" s="6">
        <v>52</v>
      </c>
      <c r="D36" s="5">
        <v>125</v>
      </c>
    </row>
    <row r="37" spans="1:4" ht="18" customHeight="1" x14ac:dyDescent="0.15">
      <c r="A37" s="8">
        <v>26</v>
      </c>
      <c r="B37" s="21">
        <v>50</v>
      </c>
      <c r="C37" s="6">
        <v>48</v>
      </c>
      <c r="D37" s="5">
        <v>98</v>
      </c>
    </row>
    <row r="38" spans="1:4" ht="18" customHeight="1" x14ac:dyDescent="0.15">
      <c r="A38" s="8">
        <v>27</v>
      </c>
      <c r="B38" s="21">
        <v>63</v>
      </c>
      <c r="C38" s="6">
        <v>42</v>
      </c>
      <c r="D38" s="5">
        <v>105</v>
      </c>
    </row>
    <row r="39" spans="1:4" ht="18" customHeight="1" x14ac:dyDescent="0.15">
      <c r="A39" s="8">
        <v>28</v>
      </c>
      <c r="B39" s="21">
        <v>59</v>
      </c>
      <c r="C39" s="6">
        <v>45</v>
      </c>
      <c r="D39" s="5">
        <v>104</v>
      </c>
    </row>
    <row r="40" spans="1:4" ht="18" customHeight="1" x14ac:dyDescent="0.15">
      <c r="A40" s="8">
        <v>29</v>
      </c>
      <c r="B40" s="21">
        <v>53</v>
      </c>
      <c r="C40" s="6">
        <v>41</v>
      </c>
      <c r="D40" s="5">
        <v>94</v>
      </c>
    </row>
    <row r="41" spans="1:4" ht="18" customHeight="1" x14ac:dyDescent="0.15">
      <c r="A41" s="8" t="s">
        <v>19</v>
      </c>
      <c r="B41" s="21">
        <v>298</v>
      </c>
      <c r="C41" s="6">
        <v>228</v>
      </c>
      <c r="D41" s="5">
        <v>526</v>
      </c>
    </row>
    <row r="42" spans="1:4" ht="18" customHeight="1" x14ac:dyDescent="0.15">
      <c r="A42" s="8">
        <v>30</v>
      </c>
      <c r="B42" s="21">
        <v>58</v>
      </c>
      <c r="C42" s="6">
        <v>40</v>
      </c>
      <c r="D42" s="5">
        <v>98</v>
      </c>
    </row>
    <row r="43" spans="1:4" ht="18" customHeight="1" x14ac:dyDescent="0.15">
      <c r="A43" s="8">
        <v>31</v>
      </c>
      <c r="B43" s="21">
        <v>52</v>
      </c>
      <c r="C43" s="6">
        <v>36</v>
      </c>
      <c r="D43" s="5">
        <v>88</v>
      </c>
    </row>
    <row r="44" spans="1:4" ht="18" customHeight="1" x14ac:dyDescent="0.15">
      <c r="A44" s="8">
        <v>32</v>
      </c>
      <c r="B44" s="21">
        <v>43</v>
      </c>
      <c r="C44" s="6">
        <v>39</v>
      </c>
      <c r="D44" s="5">
        <v>82</v>
      </c>
    </row>
    <row r="45" spans="1:4" ht="18" customHeight="1" x14ac:dyDescent="0.15">
      <c r="A45" s="8">
        <v>33</v>
      </c>
      <c r="B45" s="21">
        <v>47</v>
      </c>
      <c r="C45" s="6">
        <v>43</v>
      </c>
      <c r="D45" s="5">
        <v>90</v>
      </c>
    </row>
    <row r="46" spans="1:4" ht="18" customHeight="1" x14ac:dyDescent="0.15">
      <c r="A46" s="8">
        <v>34</v>
      </c>
      <c r="B46" s="21">
        <v>48</v>
      </c>
      <c r="C46" s="6">
        <v>36</v>
      </c>
      <c r="D46" s="5">
        <v>84</v>
      </c>
    </row>
    <row r="47" spans="1:4" ht="18" customHeight="1" x14ac:dyDescent="0.15">
      <c r="A47" s="8" t="s">
        <v>18</v>
      </c>
      <c r="B47" s="21">
        <v>248</v>
      </c>
      <c r="C47" s="6">
        <v>194</v>
      </c>
      <c r="D47" s="5">
        <v>442</v>
      </c>
    </row>
    <row r="48" spans="1:4" ht="18" customHeight="1" x14ac:dyDescent="0.15">
      <c r="A48" s="8">
        <v>35</v>
      </c>
      <c r="B48" s="21">
        <v>45</v>
      </c>
      <c r="C48" s="6">
        <v>34</v>
      </c>
      <c r="D48" s="5">
        <v>79</v>
      </c>
    </row>
    <row r="49" spans="1:4" ht="18" customHeight="1" x14ac:dyDescent="0.15">
      <c r="A49" s="8">
        <v>36</v>
      </c>
      <c r="B49" s="21">
        <v>51</v>
      </c>
      <c r="C49" s="6">
        <v>30</v>
      </c>
      <c r="D49" s="5">
        <v>81</v>
      </c>
    </row>
    <row r="50" spans="1:4" ht="18" customHeight="1" x14ac:dyDescent="0.15">
      <c r="A50" s="8">
        <v>37</v>
      </c>
      <c r="B50" s="21">
        <v>58</v>
      </c>
      <c r="C50" s="6">
        <v>41</v>
      </c>
      <c r="D50" s="5">
        <v>99</v>
      </c>
    </row>
    <row r="51" spans="1:4" ht="18" customHeight="1" x14ac:dyDescent="0.15">
      <c r="A51" s="8">
        <v>38</v>
      </c>
      <c r="B51" s="21">
        <v>54</v>
      </c>
      <c r="C51" s="6">
        <v>57</v>
      </c>
      <c r="D51" s="5">
        <v>111</v>
      </c>
    </row>
    <row r="52" spans="1:4" ht="18" customHeight="1" x14ac:dyDescent="0.15">
      <c r="A52" s="8">
        <v>39</v>
      </c>
      <c r="B52" s="21">
        <v>50</v>
      </c>
      <c r="C52" s="6">
        <v>53</v>
      </c>
      <c r="D52" s="5">
        <v>103</v>
      </c>
    </row>
    <row r="53" spans="1:4" ht="18" customHeight="1" x14ac:dyDescent="0.15">
      <c r="A53" s="8" t="s">
        <v>17</v>
      </c>
      <c r="B53" s="21">
        <v>258</v>
      </c>
      <c r="C53" s="6">
        <v>215</v>
      </c>
      <c r="D53" s="5">
        <v>473</v>
      </c>
    </row>
    <row r="54" spans="1:4" ht="18" customHeight="1" x14ac:dyDescent="0.15">
      <c r="A54" s="8">
        <v>40</v>
      </c>
      <c r="B54" s="21">
        <v>58</v>
      </c>
      <c r="C54" s="6">
        <v>59</v>
      </c>
      <c r="D54" s="5">
        <v>117</v>
      </c>
    </row>
    <row r="55" spans="1:4" ht="18" customHeight="1" x14ac:dyDescent="0.15">
      <c r="A55" s="8">
        <v>41</v>
      </c>
      <c r="B55" s="21">
        <v>63</v>
      </c>
      <c r="C55" s="6">
        <v>51</v>
      </c>
      <c r="D55" s="5">
        <v>114</v>
      </c>
    </row>
    <row r="56" spans="1:4" ht="18" customHeight="1" x14ac:dyDescent="0.15">
      <c r="A56" s="8">
        <v>42</v>
      </c>
      <c r="B56" s="21">
        <v>65</v>
      </c>
      <c r="C56" s="6">
        <v>33</v>
      </c>
      <c r="D56" s="5">
        <v>98</v>
      </c>
    </row>
    <row r="57" spans="1:4" ht="18" customHeight="1" x14ac:dyDescent="0.15">
      <c r="A57" s="8">
        <v>43</v>
      </c>
      <c r="B57" s="21">
        <v>56</v>
      </c>
      <c r="C57" s="6">
        <v>57</v>
      </c>
      <c r="D57" s="5">
        <v>113</v>
      </c>
    </row>
    <row r="58" spans="1:4" ht="18" customHeight="1" x14ac:dyDescent="0.15">
      <c r="A58" s="8">
        <v>44</v>
      </c>
      <c r="B58" s="21">
        <v>50</v>
      </c>
      <c r="C58" s="6">
        <v>57</v>
      </c>
      <c r="D58" s="5">
        <v>107</v>
      </c>
    </row>
    <row r="59" spans="1:4" ht="18" customHeight="1" x14ac:dyDescent="0.15">
      <c r="A59" s="8" t="s">
        <v>16</v>
      </c>
      <c r="B59" s="21">
        <v>292</v>
      </c>
      <c r="C59" s="6">
        <v>257</v>
      </c>
      <c r="D59" s="5">
        <v>549</v>
      </c>
    </row>
    <row r="60" spans="1:4" ht="18" customHeight="1" x14ac:dyDescent="0.15">
      <c r="A60" s="8">
        <v>45</v>
      </c>
      <c r="B60" s="21">
        <v>60</v>
      </c>
      <c r="C60" s="6">
        <v>49</v>
      </c>
      <c r="D60" s="5">
        <v>109</v>
      </c>
    </row>
    <row r="61" spans="1:4" ht="18" customHeight="1" x14ac:dyDescent="0.15">
      <c r="A61" s="8">
        <v>46</v>
      </c>
      <c r="B61" s="21">
        <v>60</v>
      </c>
      <c r="C61" s="6">
        <v>56</v>
      </c>
      <c r="D61" s="5">
        <v>116</v>
      </c>
    </row>
    <row r="62" spans="1:4" ht="18" customHeight="1" x14ac:dyDescent="0.15">
      <c r="A62" s="8">
        <v>47</v>
      </c>
      <c r="B62" s="21">
        <v>66</v>
      </c>
      <c r="C62" s="6">
        <v>67</v>
      </c>
      <c r="D62" s="5">
        <v>133</v>
      </c>
    </row>
    <row r="63" spans="1:4" ht="18" customHeight="1" x14ac:dyDescent="0.15">
      <c r="A63" s="8">
        <v>48</v>
      </c>
      <c r="B63" s="21">
        <v>74</v>
      </c>
      <c r="C63" s="6">
        <v>54</v>
      </c>
      <c r="D63" s="5">
        <v>128</v>
      </c>
    </row>
    <row r="64" spans="1:4" ht="18" customHeight="1" x14ac:dyDescent="0.15">
      <c r="A64" s="8">
        <v>49</v>
      </c>
      <c r="B64" s="21">
        <v>74</v>
      </c>
      <c r="C64" s="6">
        <v>61</v>
      </c>
      <c r="D64" s="5">
        <v>135</v>
      </c>
    </row>
    <row r="65" spans="1:4" ht="18" customHeight="1" x14ac:dyDescent="0.15">
      <c r="A65" s="8" t="s">
        <v>15</v>
      </c>
      <c r="B65" s="21">
        <v>334</v>
      </c>
      <c r="C65" s="6">
        <v>287</v>
      </c>
      <c r="D65" s="5">
        <v>621</v>
      </c>
    </row>
    <row r="66" spans="1:4" ht="18" customHeight="1" x14ac:dyDescent="0.15">
      <c r="A66" s="8">
        <v>50</v>
      </c>
      <c r="B66" s="21">
        <v>71</v>
      </c>
      <c r="C66" s="6">
        <v>85</v>
      </c>
      <c r="D66" s="5">
        <v>156</v>
      </c>
    </row>
    <row r="67" spans="1:4" ht="18" customHeight="1" x14ac:dyDescent="0.15">
      <c r="A67" s="8">
        <v>51</v>
      </c>
      <c r="B67" s="21">
        <v>87</v>
      </c>
      <c r="C67" s="6">
        <v>84</v>
      </c>
      <c r="D67" s="5">
        <v>171</v>
      </c>
    </row>
    <row r="68" spans="1:4" ht="18" customHeight="1" x14ac:dyDescent="0.15">
      <c r="A68" s="8">
        <v>52</v>
      </c>
      <c r="B68" s="21">
        <v>81</v>
      </c>
      <c r="C68" s="6">
        <v>70</v>
      </c>
      <c r="D68" s="5">
        <v>151</v>
      </c>
    </row>
    <row r="69" spans="1:4" ht="18" customHeight="1" x14ac:dyDescent="0.15">
      <c r="A69" s="8">
        <v>53</v>
      </c>
      <c r="B69" s="21">
        <v>95</v>
      </c>
      <c r="C69" s="6">
        <v>93</v>
      </c>
      <c r="D69" s="5">
        <v>188</v>
      </c>
    </row>
    <row r="70" spans="1:4" ht="18" customHeight="1" x14ac:dyDescent="0.15">
      <c r="A70" s="8">
        <v>54</v>
      </c>
      <c r="B70" s="21">
        <v>90</v>
      </c>
      <c r="C70" s="6">
        <v>99</v>
      </c>
      <c r="D70" s="5">
        <v>189</v>
      </c>
    </row>
    <row r="71" spans="1:4" ht="18" customHeight="1" x14ac:dyDescent="0.15">
      <c r="A71" s="8" t="s">
        <v>14</v>
      </c>
      <c r="B71" s="21">
        <v>424</v>
      </c>
      <c r="C71" s="6">
        <v>431</v>
      </c>
      <c r="D71" s="5">
        <v>855</v>
      </c>
    </row>
    <row r="72" spans="1:4" ht="18" customHeight="1" x14ac:dyDescent="0.15">
      <c r="A72" s="8">
        <v>55</v>
      </c>
      <c r="B72" s="21">
        <v>74</v>
      </c>
      <c r="C72" s="6">
        <v>83</v>
      </c>
      <c r="D72" s="5">
        <v>157</v>
      </c>
    </row>
    <row r="73" spans="1:4" ht="18" customHeight="1" x14ac:dyDescent="0.15">
      <c r="A73" s="8">
        <v>56</v>
      </c>
      <c r="B73" s="21">
        <v>89</v>
      </c>
      <c r="C73" s="6">
        <v>78</v>
      </c>
      <c r="D73" s="5">
        <v>167</v>
      </c>
    </row>
    <row r="74" spans="1:4" ht="18" customHeight="1" x14ac:dyDescent="0.15">
      <c r="A74" s="8">
        <v>57</v>
      </c>
      <c r="B74" s="21">
        <v>83</v>
      </c>
      <c r="C74" s="6">
        <v>78</v>
      </c>
      <c r="D74" s="5">
        <v>161</v>
      </c>
    </row>
    <row r="75" spans="1:4" ht="18" customHeight="1" x14ac:dyDescent="0.15">
      <c r="A75" s="8">
        <v>58</v>
      </c>
      <c r="B75" s="21">
        <v>96</v>
      </c>
      <c r="C75" s="6">
        <v>89</v>
      </c>
      <c r="D75" s="5">
        <v>185</v>
      </c>
    </row>
    <row r="76" spans="1:4" ht="18" customHeight="1" x14ac:dyDescent="0.15">
      <c r="A76" s="8">
        <v>59</v>
      </c>
      <c r="B76" s="21">
        <v>65</v>
      </c>
      <c r="C76" s="6">
        <v>75</v>
      </c>
      <c r="D76" s="5">
        <v>140</v>
      </c>
    </row>
    <row r="77" spans="1:4" ht="18" customHeight="1" x14ac:dyDescent="0.15">
      <c r="A77" s="8" t="s">
        <v>13</v>
      </c>
      <c r="B77" s="21">
        <v>407</v>
      </c>
      <c r="C77" s="6">
        <v>403</v>
      </c>
      <c r="D77" s="5">
        <v>810</v>
      </c>
    </row>
    <row r="78" spans="1:4" ht="18" customHeight="1" x14ac:dyDescent="0.15">
      <c r="A78" s="8">
        <v>60</v>
      </c>
      <c r="B78" s="21">
        <v>73</v>
      </c>
      <c r="C78" s="6">
        <v>69</v>
      </c>
      <c r="D78" s="5">
        <v>142</v>
      </c>
    </row>
    <row r="79" spans="1:4" ht="18" customHeight="1" x14ac:dyDescent="0.15">
      <c r="A79" s="8">
        <v>61</v>
      </c>
      <c r="B79" s="21">
        <v>78</v>
      </c>
      <c r="C79" s="6">
        <v>84</v>
      </c>
      <c r="D79" s="5">
        <v>162</v>
      </c>
    </row>
    <row r="80" spans="1:4" ht="18" customHeight="1" x14ac:dyDescent="0.15">
      <c r="A80" s="8">
        <v>62</v>
      </c>
      <c r="B80" s="21">
        <v>82</v>
      </c>
      <c r="C80" s="6">
        <v>71</v>
      </c>
      <c r="D80" s="5">
        <v>153</v>
      </c>
    </row>
    <row r="81" spans="1:4" ht="18" customHeight="1" x14ac:dyDescent="0.15">
      <c r="A81" s="8">
        <v>63</v>
      </c>
      <c r="B81" s="21">
        <v>86</v>
      </c>
      <c r="C81" s="6">
        <v>62</v>
      </c>
      <c r="D81" s="5">
        <v>148</v>
      </c>
    </row>
    <row r="82" spans="1:4" ht="18" customHeight="1" x14ac:dyDescent="0.15">
      <c r="A82" s="8">
        <v>64</v>
      </c>
      <c r="B82" s="21">
        <v>66</v>
      </c>
      <c r="C82" s="6">
        <v>95</v>
      </c>
      <c r="D82" s="5">
        <v>161</v>
      </c>
    </row>
    <row r="83" spans="1:4" ht="18" customHeight="1" x14ac:dyDescent="0.15">
      <c r="A83" s="8" t="s">
        <v>12</v>
      </c>
      <c r="B83" s="21">
        <v>385</v>
      </c>
      <c r="C83" s="6">
        <v>381</v>
      </c>
      <c r="D83" s="5">
        <v>766</v>
      </c>
    </row>
    <row r="84" spans="1:4" ht="18" customHeight="1" x14ac:dyDescent="0.15">
      <c r="A84" s="8" t="s">
        <v>11</v>
      </c>
      <c r="B84" s="21">
        <v>3107</v>
      </c>
      <c r="C84" s="6">
        <v>2817</v>
      </c>
      <c r="D84" s="5">
        <v>5924</v>
      </c>
    </row>
    <row r="85" spans="1:4" ht="18" customHeight="1" x14ac:dyDescent="0.15">
      <c r="A85" s="8">
        <v>65</v>
      </c>
      <c r="B85" s="21">
        <v>79</v>
      </c>
      <c r="C85" s="6">
        <v>83</v>
      </c>
      <c r="D85" s="5">
        <v>162</v>
      </c>
    </row>
    <row r="86" spans="1:4" ht="18" customHeight="1" x14ac:dyDescent="0.15">
      <c r="A86" s="8">
        <v>66</v>
      </c>
      <c r="B86" s="21">
        <v>75</v>
      </c>
      <c r="C86" s="6">
        <v>82</v>
      </c>
      <c r="D86" s="5">
        <v>157</v>
      </c>
    </row>
    <row r="87" spans="1:4" ht="18" customHeight="1" x14ac:dyDescent="0.15">
      <c r="A87" s="8">
        <v>67</v>
      </c>
      <c r="B87" s="21">
        <v>81</v>
      </c>
      <c r="C87" s="6">
        <v>84</v>
      </c>
      <c r="D87" s="5">
        <v>165</v>
      </c>
    </row>
    <row r="88" spans="1:4" ht="18" customHeight="1" x14ac:dyDescent="0.15">
      <c r="A88" s="8">
        <v>68</v>
      </c>
      <c r="B88" s="21">
        <v>68</v>
      </c>
      <c r="C88" s="6">
        <v>66</v>
      </c>
      <c r="D88" s="5">
        <v>134</v>
      </c>
    </row>
    <row r="89" spans="1:4" ht="18" customHeight="1" x14ac:dyDescent="0.15">
      <c r="A89" s="8">
        <v>69</v>
      </c>
      <c r="B89" s="21">
        <v>80</v>
      </c>
      <c r="C89" s="6">
        <v>67</v>
      </c>
      <c r="D89" s="5">
        <v>147</v>
      </c>
    </row>
    <row r="90" spans="1:4" ht="18" customHeight="1" x14ac:dyDescent="0.15">
      <c r="A90" s="8" t="s">
        <v>10</v>
      </c>
      <c r="B90" s="21">
        <v>383</v>
      </c>
      <c r="C90" s="6">
        <v>382</v>
      </c>
      <c r="D90" s="5">
        <v>765</v>
      </c>
    </row>
    <row r="91" spans="1:4" ht="18" customHeight="1" x14ac:dyDescent="0.15">
      <c r="A91" s="8">
        <v>70</v>
      </c>
      <c r="B91" s="21">
        <v>77</v>
      </c>
      <c r="C91" s="6">
        <v>86</v>
      </c>
      <c r="D91" s="5">
        <v>163</v>
      </c>
    </row>
    <row r="92" spans="1:4" ht="18" customHeight="1" x14ac:dyDescent="0.15">
      <c r="A92" s="8">
        <v>71</v>
      </c>
      <c r="B92" s="21">
        <v>71</v>
      </c>
      <c r="C92" s="6">
        <v>75</v>
      </c>
      <c r="D92" s="5">
        <v>146</v>
      </c>
    </row>
    <row r="93" spans="1:4" ht="18" customHeight="1" x14ac:dyDescent="0.15">
      <c r="A93" s="8">
        <v>72</v>
      </c>
      <c r="B93" s="21">
        <v>72</v>
      </c>
      <c r="C93" s="6">
        <v>79</v>
      </c>
      <c r="D93" s="5">
        <v>151</v>
      </c>
    </row>
    <row r="94" spans="1:4" ht="18" customHeight="1" x14ac:dyDescent="0.15">
      <c r="A94" s="8">
        <v>73</v>
      </c>
      <c r="B94" s="21">
        <v>64</v>
      </c>
      <c r="C94" s="6">
        <v>84</v>
      </c>
      <c r="D94" s="5">
        <v>148</v>
      </c>
    </row>
    <row r="95" spans="1:4" ht="18" customHeight="1" x14ac:dyDescent="0.15">
      <c r="A95" s="8">
        <v>74</v>
      </c>
      <c r="B95" s="21">
        <v>73</v>
      </c>
      <c r="C95" s="6">
        <v>83</v>
      </c>
      <c r="D95" s="5">
        <v>156</v>
      </c>
    </row>
    <row r="96" spans="1:4" ht="18" customHeight="1" x14ac:dyDescent="0.15">
      <c r="A96" s="8" t="s">
        <v>9</v>
      </c>
      <c r="B96" s="21">
        <v>357</v>
      </c>
      <c r="C96" s="6">
        <v>407</v>
      </c>
      <c r="D96" s="5">
        <v>764</v>
      </c>
    </row>
    <row r="97" spans="1:4" ht="18" customHeight="1" x14ac:dyDescent="0.15">
      <c r="A97" s="8">
        <v>75</v>
      </c>
      <c r="B97" s="21">
        <v>75</v>
      </c>
      <c r="C97" s="6">
        <v>72</v>
      </c>
      <c r="D97" s="5">
        <v>147</v>
      </c>
    </row>
    <row r="98" spans="1:4" ht="18" customHeight="1" x14ac:dyDescent="0.15">
      <c r="A98" s="8">
        <v>76</v>
      </c>
      <c r="B98" s="21">
        <v>80</v>
      </c>
      <c r="C98" s="6">
        <v>99</v>
      </c>
      <c r="D98" s="5">
        <v>179</v>
      </c>
    </row>
    <row r="99" spans="1:4" ht="18" customHeight="1" x14ac:dyDescent="0.15">
      <c r="A99" s="8">
        <v>77</v>
      </c>
      <c r="B99" s="21">
        <v>87</v>
      </c>
      <c r="C99" s="6">
        <v>94</v>
      </c>
      <c r="D99" s="5">
        <v>181</v>
      </c>
    </row>
    <row r="100" spans="1:4" ht="18" customHeight="1" x14ac:dyDescent="0.15">
      <c r="A100" s="8">
        <v>78</v>
      </c>
      <c r="B100" s="21">
        <v>81</v>
      </c>
      <c r="C100" s="6">
        <v>120</v>
      </c>
      <c r="D100" s="5">
        <v>201</v>
      </c>
    </row>
    <row r="101" spans="1:4" ht="18" customHeight="1" x14ac:dyDescent="0.15">
      <c r="A101" s="8">
        <v>79</v>
      </c>
      <c r="B101" s="21">
        <v>47</v>
      </c>
      <c r="C101" s="6">
        <v>64</v>
      </c>
      <c r="D101" s="5">
        <v>111</v>
      </c>
    </row>
    <row r="102" spans="1:4" ht="18" customHeight="1" x14ac:dyDescent="0.15">
      <c r="A102" s="8" t="s">
        <v>8</v>
      </c>
      <c r="B102" s="21">
        <v>370</v>
      </c>
      <c r="C102" s="6">
        <v>449</v>
      </c>
      <c r="D102" s="5">
        <v>819</v>
      </c>
    </row>
    <row r="103" spans="1:4" ht="18" customHeight="1" x14ac:dyDescent="0.15">
      <c r="A103" s="8">
        <v>80</v>
      </c>
      <c r="B103" s="21">
        <v>43</v>
      </c>
      <c r="C103" s="6">
        <v>67</v>
      </c>
      <c r="D103" s="5">
        <v>110</v>
      </c>
    </row>
    <row r="104" spans="1:4" ht="18" customHeight="1" x14ac:dyDescent="0.15">
      <c r="A104" s="8">
        <v>81</v>
      </c>
      <c r="B104" s="21">
        <v>53</v>
      </c>
      <c r="C104" s="6">
        <v>78</v>
      </c>
      <c r="D104" s="5">
        <v>131</v>
      </c>
    </row>
    <row r="105" spans="1:4" ht="18" customHeight="1" x14ac:dyDescent="0.15">
      <c r="A105" s="8">
        <v>82</v>
      </c>
      <c r="B105" s="21">
        <v>46</v>
      </c>
      <c r="C105" s="6">
        <v>93</v>
      </c>
      <c r="D105" s="5">
        <v>139</v>
      </c>
    </row>
    <row r="106" spans="1:4" ht="18" customHeight="1" x14ac:dyDescent="0.15">
      <c r="A106" s="8">
        <v>83</v>
      </c>
      <c r="B106" s="21">
        <v>61</v>
      </c>
      <c r="C106" s="6">
        <v>91</v>
      </c>
      <c r="D106" s="5">
        <v>152</v>
      </c>
    </row>
    <row r="107" spans="1:4" ht="18" customHeight="1" x14ac:dyDescent="0.15">
      <c r="A107" s="8">
        <v>84</v>
      </c>
      <c r="B107" s="21">
        <v>51</v>
      </c>
      <c r="C107" s="6">
        <v>86</v>
      </c>
      <c r="D107" s="5">
        <v>137</v>
      </c>
    </row>
    <row r="108" spans="1:4" ht="18" customHeight="1" x14ac:dyDescent="0.15">
      <c r="A108" s="8" t="s">
        <v>7</v>
      </c>
      <c r="B108" s="21">
        <v>254</v>
      </c>
      <c r="C108" s="6">
        <v>415</v>
      </c>
      <c r="D108" s="5">
        <v>669</v>
      </c>
    </row>
    <row r="109" spans="1:4" ht="18" customHeight="1" x14ac:dyDescent="0.15">
      <c r="A109" s="8">
        <v>85</v>
      </c>
      <c r="B109" s="21">
        <v>41</v>
      </c>
      <c r="C109" s="6">
        <v>77</v>
      </c>
      <c r="D109" s="5">
        <v>118</v>
      </c>
    </row>
    <row r="110" spans="1:4" ht="18" customHeight="1" x14ac:dyDescent="0.15">
      <c r="A110" s="8">
        <v>86</v>
      </c>
      <c r="B110" s="21">
        <v>31</v>
      </c>
      <c r="C110" s="6">
        <v>59</v>
      </c>
      <c r="D110" s="5">
        <v>90</v>
      </c>
    </row>
    <row r="111" spans="1:4" ht="18" customHeight="1" x14ac:dyDescent="0.15">
      <c r="A111" s="8">
        <v>87</v>
      </c>
      <c r="B111" s="21">
        <v>32</v>
      </c>
      <c r="C111" s="6">
        <v>47</v>
      </c>
      <c r="D111" s="5">
        <v>79</v>
      </c>
    </row>
    <row r="112" spans="1:4" ht="18" customHeight="1" x14ac:dyDescent="0.15">
      <c r="A112" s="8">
        <v>88</v>
      </c>
      <c r="B112" s="21">
        <v>24</v>
      </c>
      <c r="C112" s="6">
        <v>38</v>
      </c>
      <c r="D112" s="5">
        <v>62</v>
      </c>
    </row>
    <row r="113" spans="1:4" ht="18" customHeight="1" x14ac:dyDescent="0.15">
      <c r="A113" s="8">
        <v>89</v>
      </c>
      <c r="B113" s="21">
        <v>28</v>
      </c>
      <c r="C113" s="6">
        <v>50</v>
      </c>
      <c r="D113" s="5">
        <v>78</v>
      </c>
    </row>
    <row r="114" spans="1:4" ht="18" customHeight="1" x14ac:dyDescent="0.15">
      <c r="A114" s="8" t="s">
        <v>6</v>
      </c>
      <c r="B114" s="21">
        <v>156</v>
      </c>
      <c r="C114" s="6">
        <v>271</v>
      </c>
      <c r="D114" s="5">
        <v>427</v>
      </c>
    </row>
    <row r="115" spans="1:4" ht="18" customHeight="1" x14ac:dyDescent="0.15">
      <c r="A115" s="8">
        <v>90</v>
      </c>
      <c r="B115" s="21">
        <v>18</v>
      </c>
      <c r="C115" s="6">
        <v>52</v>
      </c>
      <c r="D115" s="5">
        <v>70</v>
      </c>
    </row>
    <row r="116" spans="1:4" ht="18" customHeight="1" x14ac:dyDescent="0.15">
      <c r="A116" s="8">
        <v>91</v>
      </c>
      <c r="B116" s="21">
        <v>20</v>
      </c>
      <c r="C116" s="6">
        <v>48</v>
      </c>
      <c r="D116" s="5">
        <v>68</v>
      </c>
    </row>
    <row r="117" spans="1:4" ht="18" customHeight="1" x14ac:dyDescent="0.15">
      <c r="A117" s="8">
        <v>92</v>
      </c>
      <c r="B117" s="21">
        <v>11</v>
      </c>
      <c r="C117" s="6">
        <v>29</v>
      </c>
      <c r="D117" s="5">
        <v>40</v>
      </c>
    </row>
    <row r="118" spans="1:4" ht="18" customHeight="1" x14ac:dyDescent="0.15">
      <c r="A118" s="8">
        <v>93</v>
      </c>
      <c r="B118" s="21">
        <v>12</v>
      </c>
      <c r="C118" s="6">
        <v>25</v>
      </c>
      <c r="D118" s="5">
        <v>37</v>
      </c>
    </row>
    <row r="119" spans="1:4" ht="18" customHeight="1" x14ac:dyDescent="0.15">
      <c r="A119" s="8">
        <v>94</v>
      </c>
      <c r="B119" s="21">
        <v>5</v>
      </c>
      <c r="C119" s="6">
        <v>36</v>
      </c>
      <c r="D119" s="5">
        <v>41</v>
      </c>
    </row>
    <row r="120" spans="1:4" ht="18" customHeight="1" x14ac:dyDescent="0.15">
      <c r="A120" s="8" t="s">
        <v>5</v>
      </c>
      <c r="B120" s="21">
        <v>66</v>
      </c>
      <c r="C120" s="6">
        <v>190</v>
      </c>
      <c r="D120" s="5">
        <v>256</v>
      </c>
    </row>
    <row r="121" spans="1:4" ht="18" customHeight="1" x14ac:dyDescent="0.15">
      <c r="A121" s="8">
        <v>95</v>
      </c>
      <c r="B121" s="21">
        <v>4</v>
      </c>
      <c r="C121" s="6">
        <v>23</v>
      </c>
      <c r="D121" s="5">
        <v>27</v>
      </c>
    </row>
    <row r="122" spans="1:4" ht="18" customHeight="1" x14ac:dyDescent="0.15">
      <c r="A122" s="8">
        <v>96</v>
      </c>
      <c r="B122" s="21">
        <v>1</v>
      </c>
      <c r="C122" s="6">
        <v>16</v>
      </c>
      <c r="D122" s="5">
        <v>17</v>
      </c>
    </row>
    <row r="123" spans="1:4" ht="18" customHeight="1" x14ac:dyDescent="0.15">
      <c r="A123" s="8">
        <v>97</v>
      </c>
      <c r="B123" s="21">
        <v>3</v>
      </c>
      <c r="C123" s="6">
        <v>13</v>
      </c>
      <c r="D123" s="5">
        <v>16</v>
      </c>
    </row>
    <row r="124" spans="1:4" ht="18" customHeight="1" x14ac:dyDescent="0.15">
      <c r="A124" s="8">
        <v>98</v>
      </c>
      <c r="B124" s="21">
        <v>1</v>
      </c>
      <c r="C124" s="6">
        <v>3</v>
      </c>
      <c r="D124" s="5">
        <v>4</v>
      </c>
    </row>
    <row r="125" spans="1:4" ht="18" customHeight="1" x14ac:dyDescent="0.15">
      <c r="A125" s="8">
        <v>99</v>
      </c>
      <c r="B125" s="21">
        <v>1</v>
      </c>
      <c r="C125" s="6">
        <v>4</v>
      </c>
      <c r="D125" s="5">
        <v>5</v>
      </c>
    </row>
    <row r="126" spans="1:4" ht="18" customHeight="1" x14ac:dyDescent="0.15">
      <c r="A126" s="8" t="s">
        <v>4</v>
      </c>
      <c r="B126" s="21">
        <v>10</v>
      </c>
      <c r="C126" s="6">
        <v>59</v>
      </c>
      <c r="D126" s="5">
        <v>69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1597</v>
      </c>
      <c r="C130" s="6">
        <v>2180</v>
      </c>
      <c r="D130" s="5">
        <v>3777</v>
      </c>
    </row>
    <row r="131" spans="1:4" ht="18" customHeight="1" x14ac:dyDescent="0.15">
      <c r="A131" s="4" t="s">
        <v>0</v>
      </c>
      <c r="B131" s="20">
        <v>5143</v>
      </c>
      <c r="C131" s="2">
        <v>5425</v>
      </c>
      <c r="D131" s="1">
        <v>1056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C501F6-EF62-443C-8567-6E428B621EC4}">
  <sheetPr codeName="Sheet6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9</v>
      </c>
      <c r="C5" s="31">
        <v>36</v>
      </c>
      <c r="D5" s="30">
        <v>65</v>
      </c>
    </row>
    <row r="6" spans="1:4" ht="18" customHeight="1" x14ac:dyDescent="0.15">
      <c r="A6" s="8">
        <v>1</v>
      </c>
      <c r="B6" s="26">
        <v>41</v>
      </c>
      <c r="C6" s="6">
        <v>30</v>
      </c>
      <c r="D6" s="5">
        <v>71</v>
      </c>
    </row>
    <row r="7" spans="1:4" ht="18" customHeight="1" x14ac:dyDescent="0.15">
      <c r="A7" s="8">
        <v>2</v>
      </c>
      <c r="B7" s="26">
        <v>41</v>
      </c>
      <c r="C7" s="6">
        <v>51</v>
      </c>
      <c r="D7" s="5">
        <v>92</v>
      </c>
    </row>
    <row r="8" spans="1:4" ht="18" customHeight="1" x14ac:dyDescent="0.15">
      <c r="A8" s="8">
        <v>3</v>
      </c>
      <c r="B8" s="26">
        <v>48</v>
      </c>
      <c r="C8" s="6">
        <v>32</v>
      </c>
      <c r="D8" s="5">
        <v>80</v>
      </c>
    </row>
    <row r="9" spans="1:4" ht="18" customHeight="1" x14ac:dyDescent="0.15">
      <c r="A9" s="8">
        <v>4</v>
      </c>
      <c r="B9" s="29">
        <v>44</v>
      </c>
      <c r="C9" s="28">
        <v>39</v>
      </c>
      <c r="D9" s="27">
        <v>83</v>
      </c>
    </row>
    <row r="10" spans="1:4" ht="18" customHeight="1" x14ac:dyDescent="0.15">
      <c r="A10" s="8" t="s">
        <v>25</v>
      </c>
      <c r="B10" s="21">
        <v>203</v>
      </c>
      <c r="C10" s="6">
        <v>188</v>
      </c>
      <c r="D10" s="5">
        <v>391</v>
      </c>
    </row>
    <row r="11" spans="1:4" ht="18" customHeight="1" x14ac:dyDescent="0.15">
      <c r="A11" s="8">
        <v>5</v>
      </c>
      <c r="B11" s="26">
        <v>43</v>
      </c>
      <c r="C11" s="6">
        <v>49</v>
      </c>
      <c r="D11" s="5">
        <v>92</v>
      </c>
    </row>
    <row r="12" spans="1:4" ht="18" customHeight="1" x14ac:dyDescent="0.15">
      <c r="A12" s="8">
        <v>6</v>
      </c>
      <c r="B12" s="26">
        <v>51</v>
      </c>
      <c r="C12" s="6">
        <v>31</v>
      </c>
      <c r="D12" s="5">
        <v>82</v>
      </c>
    </row>
    <row r="13" spans="1:4" ht="18" customHeight="1" x14ac:dyDescent="0.15">
      <c r="A13" s="8">
        <v>7</v>
      </c>
      <c r="B13" s="26">
        <v>41</v>
      </c>
      <c r="C13" s="6">
        <v>62</v>
      </c>
      <c r="D13" s="5">
        <v>103</v>
      </c>
    </row>
    <row r="14" spans="1:4" ht="18" customHeight="1" x14ac:dyDescent="0.15">
      <c r="A14" s="8">
        <v>8</v>
      </c>
      <c r="B14" s="26">
        <v>55</v>
      </c>
      <c r="C14" s="6">
        <v>30</v>
      </c>
      <c r="D14" s="5">
        <v>85</v>
      </c>
    </row>
    <row r="15" spans="1:4" ht="18" customHeight="1" x14ac:dyDescent="0.15">
      <c r="A15" s="8">
        <v>9</v>
      </c>
      <c r="B15" s="26">
        <v>52</v>
      </c>
      <c r="C15" s="6">
        <v>39</v>
      </c>
      <c r="D15" s="5">
        <v>91</v>
      </c>
    </row>
    <row r="16" spans="1:4" ht="18" customHeight="1" x14ac:dyDescent="0.15">
      <c r="A16" s="8" t="s">
        <v>24</v>
      </c>
      <c r="B16" s="21">
        <v>242</v>
      </c>
      <c r="C16" s="6">
        <v>211</v>
      </c>
      <c r="D16" s="5">
        <v>453</v>
      </c>
    </row>
    <row r="17" spans="1:4" ht="18" customHeight="1" x14ac:dyDescent="0.15">
      <c r="A17" s="8">
        <v>10</v>
      </c>
      <c r="B17" s="21">
        <v>28</v>
      </c>
      <c r="C17" s="6">
        <v>51</v>
      </c>
      <c r="D17" s="5">
        <v>79</v>
      </c>
    </row>
    <row r="18" spans="1:4" ht="18" customHeight="1" x14ac:dyDescent="0.15">
      <c r="A18" s="8">
        <v>11</v>
      </c>
      <c r="B18" s="21">
        <v>40</v>
      </c>
      <c r="C18" s="6">
        <v>36</v>
      </c>
      <c r="D18" s="5">
        <v>76</v>
      </c>
    </row>
    <row r="19" spans="1:4" ht="18" customHeight="1" x14ac:dyDescent="0.15">
      <c r="A19" s="8">
        <v>12</v>
      </c>
      <c r="B19" s="21">
        <v>33</v>
      </c>
      <c r="C19" s="6">
        <v>32</v>
      </c>
      <c r="D19" s="5">
        <v>65</v>
      </c>
    </row>
    <row r="20" spans="1:4" ht="18" customHeight="1" x14ac:dyDescent="0.15">
      <c r="A20" s="8">
        <v>13</v>
      </c>
      <c r="B20" s="21">
        <v>46</v>
      </c>
      <c r="C20" s="6">
        <v>31</v>
      </c>
      <c r="D20" s="5">
        <v>77</v>
      </c>
    </row>
    <row r="21" spans="1:4" ht="18" customHeight="1" x14ac:dyDescent="0.15">
      <c r="A21" s="8">
        <v>14</v>
      </c>
      <c r="B21" s="21">
        <v>37</v>
      </c>
      <c r="C21" s="6">
        <v>31</v>
      </c>
      <c r="D21" s="5">
        <v>68</v>
      </c>
    </row>
    <row r="22" spans="1:4" ht="18" customHeight="1" x14ac:dyDescent="0.15">
      <c r="A22" s="8" t="s">
        <v>23</v>
      </c>
      <c r="B22" s="21">
        <v>184</v>
      </c>
      <c r="C22" s="6">
        <v>181</v>
      </c>
      <c r="D22" s="5">
        <v>365</v>
      </c>
    </row>
    <row r="23" spans="1:4" ht="18" customHeight="1" x14ac:dyDescent="0.15">
      <c r="A23" s="8" t="s">
        <v>22</v>
      </c>
      <c r="B23" s="21">
        <v>629</v>
      </c>
      <c r="C23" s="6">
        <v>580</v>
      </c>
      <c r="D23" s="5">
        <v>1209</v>
      </c>
    </row>
    <row r="24" spans="1:4" ht="18" customHeight="1" x14ac:dyDescent="0.15">
      <c r="A24" s="8">
        <v>15</v>
      </c>
      <c r="B24" s="21">
        <v>43</v>
      </c>
      <c r="C24" s="6">
        <v>31</v>
      </c>
      <c r="D24" s="5">
        <v>74</v>
      </c>
    </row>
    <row r="25" spans="1:4" ht="18" customHeight="1" x14ac:dyDescent="0.15">
      <c r="A25" s="8">
        <v>16</v>
      </c>
      <c r="B25" s="21">
        <v>33</v>
      </c>
      <c r="C25" s="6">
        <v>37</v>
      </c>
      <c r="D25" s="5">
        <v>70</v>
      </c>
    </row>
    <row r="26" spans="1:4" ht="18" customHeight="1" x14ac:dyDescent="0.15">
      <c r="A26" s="8">
        <v>17</v>
      </c>
      <c r="B26" s="21">
        <v>41</v>
      </c>
      <c r="C26" s="6">
        <v>33</v>
      </c>
      <c r="D26" s="5">
        <v>74</v>
      </c>
    </row>
    <row r="27" spans="1:4" ht="18" customHeight="1" x14ac:dyDescent="0.15">
      <c r="A27" s="8">
        <v>18</v>
      </c>
      <c r="B27" s="21">
        <v>47</v>
      </c>
      <c r="C27" s="6">
        <v>28</v>
      </c>
      <c r="D27" s="5">
        <v>75</v>
      </c>
    </row>
    <row r="28" spans="1:4" ht="18" customHeight="1" x14ac:dyDescent="0.15">
      <c r="A28" s="8">
        <v>19</v>
      </c>
      <c r="B28" s="21">
        <v>30</v>
      </c>
      <c r="C28" s="6">
        <v>36</v>
      </c>
      <c r="D28" s="5">
        <v>66</v>
      </c>
    </row>
    <row r="29" spans="1:4" ht="18" customHeight="1" x14ac:dyDescent="0.15">
      <c r="A29" s="8" t="s">
        <v>21</v>
      </c>
      <c r="B29" s="21">
        <v>194</v>
      </c>
      <c r="C29" s="6">
        <v>165</v>
      </c>
      <c r="D29" s="5">
        <v>359</v>
      </c>
    </row>
    <row r="30" spans="1:4" ht="18" customHeight="1" x14ac:dyDescent="0.15">
      <c r="A30" s="8">
        <v>20</v>
      </c>
      <c r="B30" s="21">
        <v>48</v>
      </c>
      <c r="C30" s="6">
        <v>28</v>
      </c>
      <c r="D30" s="5">
        <v>76</v>
      </c>
    </row>
    <row r="31" spans="1:4" ht="18" customHeight="1" x14ac:dyDescent="0.15">
      <c r="A31" s="8">
        <v>21</v>
      </c>
      <c r="B31" s="21">
        <v>38</v>
      </c>
      <c r="C31" s="6">
        <v>30</v>
      </c>
      <c r="D31" s="5">
        <v>68</v>
      </c>
    </row>
    <row r="32" spans="1:4" ht="18" customHeight="1" x14ac:dyDescent="0.15">
      <c r="A32" s="8">
        <v>22</v>
      </c>
      <c r="B32" s="21">
        <v>40</v>
      </c>
      <c r="C32" s="6">
        <v>27</v>
      </c>
      <c r="D32" s="5">
        <v>67</v>
      </c>
    </row>
    <row r="33" spans="1:4" ht="18" customHeight="1" x14ac:dyDescent="0.15">
      <c r="A33" s="8">
        <v>23</v>
      </c>
      <c r="B33" s="21">
        <v>50</v>
      </c>
      <c r="C33" s="6">
        <v>40</v>
      </c>
      <c r="D33" s="5">
        <v>90</v>
      </c>
    </row>
    <row r="34" spans="1:4" ht="18" customHeight="1" x14ac:dyDescent="0.15">
      <c r="A34" s="8">
        <v>24</v>
      </c>
      <c r="B34" s="21">
        <v>41</v>
      </c>
      <c r="C34" s="6">
        <v>47</v>
      </c>
      <c r="D34" s="5">
        <v>88</v>
      </c>
    </row>
    <row r="35" spans="1:4" ht="18" customHeight="1" x14ac:dyDescent="0.15">
      <c r="A35" s="8" t="s">
        <v>20</v>
      </c>
      <c r="B35" s="21">
        <v>217</v>
      </c>
      <c r="C35" s="6">
        <v>172</v>
      </c>
      <c r="D35" s="5">
        <v>389</v>
      </c>
    </row>
    <row r="36" spans="1:4" ht="18" customHeight="1" x14ac:dyDescent="0.15">
      <c r="A36" s="8">
        <v>25</v>
      </c>
      <c r="B36" s="21">
        <v>36</v>
      </c>
      <c r="C36" s="6">
        <v>28</v>
      </c>
      <c r="D36" s="5">
        <v>64</v>
      </c>
    </row>
    <row r="37" spans="1:4" ht="18" customHeight="1" x14ac:dyDescent="0.15">
      <c r="A37" s="8">
        <v>26</v>
      </c>
      <c r="B37" s="21">
        <v>42</v>
      </c>
      <c r="C37" s="6">
        <v>37</v>
      </c>
      <c r="D37" s="5">
        <v>79</v>
      </c>
    </row>
    <row r="38" spans="1:4" ht="18" customHeight="1" x14ac:dyDescent="0.15">
      <c r="A38" s="8">
        <v>27</v>
      </c>
      <c r="B38" s="21">
        <v>42</v>
      </c>
      <c r="C38" s="6">
        <v>36</v>
      </c>
      <c r="D38" s="5">
        <v>78</v>
      </c>
    </row>
    <row r="39" spans="1:4" ht="18" customHeight="1" x14ac:dyDescent="0.15">
      <c r="A39" s="8">
        <v>28</v>
      </c>
      <c r="B39" s="21">
        <v>33</v>
      </c>
      <c r="C39" s="6">
        <v>43</v>
      </c>
      <c r="D39" s="5">
        <v>76</v>
      </c>
    </row>
    <row r="40" spans="1:4" ht="18" customHeight="1" x14ac:dyDescent="0.15">
      <c r="A40" s="8">
        <v>29</v>
      </c>
      <c r="B40" s="21">
        <v>34</v>
      </c>
      <c r="C40" s="6">
        <v>29</v>
      </c>
      <c r="D40" s="5">
        <v>63</v>
      </c>
    </row>
    <row r="41" spans="1:4" ht="18" customHeight="1" x14ac:dyDescent="0.15">
      <c r="A41" s="8" t="s">
        <v>19</v>
      </c>
      <c r="B41" s="21">
        <v>187</v>
      </c>
      <c r="C41" s="6">
        <v>173</v>
      </c>
      <c r="D41" s="5">
        <v>360</v>
      </c>
    </row>
    <row r="42" spans="1:4" ht="18" customHeight="1" x14ac:dyDescent="0.15">
      <c r="A42" s="8">
        <v>30</v>
      </c>
      <c r="B42" s="21">
        <v>43</v>
      </c>
      <c r="C42" s="6">
        <v>44</v>
      </c>
      <c r="D42" s="5">
        <v>87</v>
      </c>
    </row>
    <row r="43" spans="1:4" ht="18" customHeight="1" x14ac:dyDescent="0.15">
      <c r="A43" s="8">
        <v>31</v>
      </c>
      <c r="B43" s="21">
        <v>54</v>
      </c>
      <c r="C43" s="6">
        <v>49</v>
      </c>
      <c r="D43" s="5">
        <v>103</v>
      </c>
    </row>
    <row r="44" spans="1:4" ht="18" customHeight="1" x14ac:dyDescent="0.15">
      <c r="A44" s="8">
        <v>32</v>
      </c>
      <c r="B44" s="21">
        <v>55</v>
      </c>
      <c r="C44" s="6">
        <v>51</v>
      </c>
      <c r="D44" s="5">
        <v>106</v>
      </c>
    </row>
    <row r="45" spans="1:4" ht="18" customHeight="1" x14ac:dyDescent="0.15">
      <c r="A45" s="8">
        <v>33</v>
      </c>
      <c r="B45" s="21">
        <v>57</v>
      </c>
      <c r="C45" s="6">
        <v>44</v>
      </c>
      <c r="D45" s="5">
        <v>101</v>
      </c>
    </row>
    <row r="46" spans="1:4" ht="18" customHeight="1" x14ac:dyDescent="0.15">
      <c r="A46" s="8">
        <v>34</v>
      </c>
      <c r="B46" s="21">
        <v>53</v>
      </c>
      <c r="C46" s="6">
        <v>58</v>
      </c>
      <c r="D46" s="5">
        <v>111</v>
      </c>
    </row>
    <row r="47" spans="1:4" ht="18" customHeight="1" x14ac:dyDescent="0.15">
      <c r="A47" s="8" t="s">
        <v>18</v>
      </c>
      <c r="B47" s="21">
        <v>262</v>
      </c>
      <c r="C47" s="6">
        <v>246</v>
      </c>
      <c r="D47" s="5">
        <v>508</v>
      </c>
    </row>
    <row r="48" spans="1:4" ht="18" customHeight="1" x14ac:dyDescent="0.15">
      <c r="A48" s="8">
        <v>35</v>
      </c>
      <c r="B48" s="21">
        <v>51</v>
      </c>
      <c r="C48" s="6">
        <v>54</v>
      </c>
      <c r="D48" s="5">
        <v>105</v>
      </c>
    </row>
    <row r="49" spans="1:4" ht="18" customHeight="1" x14ac:dyDescent="0.15">
      <c r="A49" s="8">
        <v>36</v>
      </c>
      <c r="B49" s="21">
        <v>60</v>
      </c>
      <c r="C49" s="6">
        <v>56</v>
      </c>
      <c r="D49" s="5">
        <v>116</v>
      </c>
    </row>
    <row r="50" spans="1:4" ht="18" customHeight="1" x14ac:dyDescent="0.15">
      <c r="A50" s="8">
        <v>37</v>
      </c>
      <c r="B50" s="21">
        <v>50</v>
      </c>
      <c r="C50" s="6">
        <v>52</v>
      </c>
      <c r="D50" s="5">
        <v>102</v>
      </c>
    </row>
    <row r="51" spans="1:4" ht="18" customHeight="1" x14ac:dyDescent="0.15">
      <c r="A51" s="8">
        <v>38</v>
      </c>
      <c r="B51" s="21">
        <v>56</v>
      </c>
      <c r="C51" s="6">
        <v>38</v>
      </c>
      <c r="D51" s="5">
        <v>94</v>
      </c>
    </row>
    <row r="52" spans="1:4" ht="18" customHeight="1" x14ac:dyDescent="0.15">
      <c r="A52" s="8">
        <v>39</v>
      </c>
      <c r="B52" s="21">
        <v>58</v>
      </c>
      <c r="C52" s="6">
        <v>63</v>
      </c>
      <c r="D52" s="5">
        <v>121</v>
      </c>
    </row>
    <row r="53" spans="1:4" ht="18" customHeight="1" x14ac:dyDescent="0.15">
      <c r="A53" s="8" t="s">
        <v>17</v>
      </c>
      <c r="B53" s="21">
        <v>275</v>
      </c>
      <c r="C53" s="6">
        <v>263</v>
      </c>
      <c r="D53" s="5">
        <v>538</v>
      </c>
    </row>
    <row r="54" spans="1:4" ht="18" customHeight="1" x14ac:dyDescent="0.15">
      <c r="A54" s="8">
        <v>40</v>
      </c>
      <c r="B54" s="21">
        <v>59</v>
      </c>
      <c r="C54" s="6">
        <v>55</v>
      </c>
      <c r="D54" s="5">
        <v>114</v>
      </c>
    </row>
    <row r="55" spans="1:4" ht="18" customHeight="1" x14ac:dyDescent="0.15">
      <c r="A55" s="8">
        <v>41</v>
      </c>
      <c r="B55" s="21">
        <v>65</v>
      </c>
      <c r="C55" s="6">
        <v>45</v>
      </c>
      <c r="D55" s="5">
        <v>110</v>
      </c>
    </row>
    <row r="56" spans="1:4" ht="18" customHeight="1" x14ac:dyDescent="0.15">
      <c r="A56" s="8">
        <v>42</v>
      </c>
      <c r="B56" s="21">
        <v>52</v>
      </c>
      <c r="C56" s="6">
        <v>41</v>
      </c>
      <c r="D56" s="5">
        <v>93</v>
      </c>
    </row>
    <row r="57" spans="1:4" ht="18" customHeight="1" x14ac:dyDescent="0.15">
      <c r="A57" s="8">
        <v>43</v>
      </c>
      <c r="B57" s="21">
        <v>48</v>
      </c>
      <c r="C57" s="6">
        <v>50</v>
      </c>
      <c r="D57" s="5">
        <v>98</v>
      </c>
    </row>
    <row r="58" spans="1:4" ht="18" customHeight="1" x14ac:dyDescent="0.15">
      <c r="A58" s="8">
        <v>44</v>
      </c>
      <c r="B58" s="21">
        <v>50</v>
      </c>
      <c r="C58" s="6">
        <v>62</v>
      </c>
      <c r="D58" s="5">
        <v>112</v>
      </c>
    </row>
    <row r="59" spans="1:4" ht="18" customHeight="1" x14ac:dyDescent="0.15">
      <c r="A59" s="8" t="s">
        <v>16</v>
      </c>
      <c r="B59" s="21">
        <v>274</v>
      </c>
      <c r="C59" s="6">
        <v>253</v>
      </c>
      <c r="D59" s="5">
        <v>527</v>
      </c>
    </row>
    <row r="60" spans="1:4" ht="18" customHeight="1" x14ac:dyDescent="0.15">
      <c r="A60" s="8">
        <v>45</v>
      </c>
      <c r="B60" s="21">
        <v>56</v>
      </c>
      <c r="C60" s="6">
        <v>50</v>
      </c>
      <c r="D60" s="5">
        <v>106</v>
      </c>
    </row>
    <row r="61" spans="1:4" ht="18" customHeight="1" x14ac:dyDescent="0.15">
      <c r="A61" s="8">
        <v>46</v>
      </c>
      <c r="B61" s="21">
        <v>68</v>
      </c>
      <c r="C61" s="6">
        <v>59</v>
      </c>
      <c r="D61" s="5">
        <v>127</v>
      </c>
    </row>
    <row r="62" spans="1:4" ht="18" customHeight="1" x14ac:dyDescent="0.15">
      <c r="A62" s="8">
        <v>47</v>
      </c>
      <c r="B62" s="21">
        <v>65</v>
      </c>
      <c r="C62" s="6">
        <v>54</v>
      </c>
      <c r="D62" s="5">
        <v>119</v>
      </c>
    </row>
    <row r="63" spans="1:4" ht="18" customHeight="1" x14ac:dyDescent="0.15">
      <c r="A63" s="8">
        <v>48</v>
      </c>
      <c r="B63" s="21">
        <v>53</v>
      </c>
      <c r="C63" s="6">
        <v>60</v>
      </c>
      <c r="D63" s="5">
        <v>113</v>
      </c>
    </row>
    <row r="64" spans="1:4" ht="18" customHeight="1" x14ac:dyDescent="0.15">
      <c r="A64" s="8">
        <v>49</v>
      </c>
      <c r="B64" s="21">
        <v>69</v>
      </c>
      <c r="C64" s="6">
        <v>51</v>
      </c>
      <c r="D64" s="5">
        <v>120</v>
      </c>
    </row>
    <row r="65" spans="1:4" ht="18" customHeight="1" x14ac:dyDescent="0.15">
      <c r="A65" s="8" t="s">
        <v>15</v>
      </c>
      <c r="B65" s="21">
        <v>311</v>
      </c>
      <c r="C65" s="6">
        <v>274</v>
      </c>
      <c r="D65" s="5">
        <v>585</v>
      </c>
    </row>
    <row r="66" spans="1:4" ht="18" customHeight="1" x14ac:dyDescent="0.15">
      <c r="A66" s="8">
        <v>50</v>
      </c>
      <c r="B66" s="21">
        <v>76</v>
      </c>
      <c r="C66" s="6">
        <v>61</v>
      </c>
      <c r="D66" s="5">
        <v>137</v>
      </c>
    </row>
    <row r="67" spans="1:4" ht="18" customHeight="1" x14ac:dyDescent="0.15">
      <c r="A67" s="8">
        <v>51</v>
      </c>
      <c r="B67" s="21">
        <v>52</v>
      </c>
      <c r="C67" s="6">
        <v>61</v>
      </c>
      <c r="D67" s="5">
        <v>113</v>
      </c>
    </row>
    <row r="68" spans="1:4" ht="18" customHeight="1" x14ac:dyDescent="0.15">
      <c r="A68" s="8">
        <v>52</v>
      </c>
      <c r="B68" s="21">
        <v>74</v>
      </c>
      <c r="C68" s="6">
        <v>66</v>
      </c>
      <c r="D68" s="5">
        <v>140</v>
      </c>
    </row>
    <row r="69" spans="1:4" ht="18" customHeight="1" x14ac:dyDescent="0.15">
      <c r="A69" s="8">
        <v>53</v>
      </c>
      <c r="B69" s="21">
        <v>53</v>
      </c>
      <c r="C69" s="6">
        <v>54</v>
      </c>
      <c r="D69" s="5">
        <v>107</v>
      </c>
    </row>
    <row r="70" spans="1:4" ht="18" customHeight="1" x14ac:dyDescent="0.15">
      <c r="A70" s="8">
        <v>54</v>
      </c>
      <c r="B70" s="21">
        <v>61</v>
      </c>
      <c r="C70" s="6">
        <v>55</v>
      </c>
      <c r="D70" s="5">
        <v>116</v>
      </c>
    </row>
    <row r="71" spans="1:4" ht="18" customHeight="1" x14ac:dyDescent="0.15">
      <c r="A71" s="8" t="s">
        <v>14</v>
      </c>
      <c r="B71" s="21">
        <v>316</v>
      </c>
      <c r="C71" s="6">
        <v>297</v>
      </c>
      <c r="D71" s="5">
        <v>613</v>
      </c>
    </row>
    <row r="72" spans="1:4" ht="18" customHeight="1" x14ac:dyDescent="0.15">
      <c r="A72" s="8">
        <v>55</v>
      </c>
      <c r="B72" s="21">
        <v>44</v>
      </c>
      <c r="C72" s="6">
        <v>53</v>
      </c>
      <c r="D72" s="5">
        <v>97</v>
      </c>
    </row>
    <row r="73" spans="1:4" ht="18" customHeight="1" x14ac:dyDescent="0.15">
      <c r="A73" s="8">
        <v>56</v>
      </c>
      <c r="B73" s="21">
        <v>50</v>
      </c>
      <c r="C73" s="6">
        <v>48</v>
      </c>
      <c r="D73" s="5">
        <v>98</v>
      </c>
    </row>
    <row r="74" spans="1:4" ht="18" customHeight="1" x14ac:dyDescent="0.15">
      <c r="A74" s="8">
        <v>57</v>
      </c>
      <c r="B74" s="21">
        <v>64</v>
      </c>
      <c r="C74" s="6">
        <v>52</v>
      </c>
      <c r="D74" s="5">
        <v>116</v>
      </c>
    </row>
    <row r="75" spans="1:4" ht="18" customHeight="1" x14ac:dyDescent="0.15">
      <c r="A75" s="8">
        <v>58</v>
      </c>
      <c r="B75" s="21">
        <v>40</v>
      </c>
      <c r="C75" s="6">
        <v>55</v>
      </c>
      <c r="D75" s="5">
        <v>95</v>
      </c>
    </row>
    <row r="76" spans="1:4" ht="18" customHeight="1" x14ac:dyDescent="0.15">
      <c r="A76" s="8">
        <v>59</v>
      </c>
      <c r="B76" s="21">
        <v>31</v>
      </c>
      <c r="C76" s="6">
        <v>34</v>
      </c>
      <c r="D76" s="5">
        <v>65</v>
      </c>
    </row>
    <row r="77" spans="1:4" ht="18" customHeight="1" x14ac:dyDescent="0.15">
      <c r="A77" s="8" t="s">
        <v>13</v>
      </c>
      <c r="B77" s="21">
        <v>229</v>
      </c>
      <c r="C77" s="6">
        <v>242</v>
      </c>
      <c r="D77" s="5">
        <v>471</v>
      </c>
    </row>
    <row r="78" spans="1:4" ht="18" customHeight="1" x14ac:dyDescent="0.15">
      <c r="A78" s="8">
        <v>60</v>
      </c>
      <c r="B78" s="21">
        <v>55</v>
      </c>
      <c r="C78" s="6">
        <v>47</v>
      </c>
      <c r="D78" s="5">
        <v>102</v>
      </c>
    </row>
    <row r="79" spans="1:4" ht="18" customHeight="1" x14ac:dyDescent="0.15">
      <c r="A79" s="8">
        <v>61</v>
      </c>
      <c r="B79" s="21">
        <v>55</v>
      </c>
      <c r="C79" s="6">
        <v>53</v>
      </c>
      <c r="D79" s="5">
        <v>108</v>
      </c>
    </row>
    <row r="80" spans="1:4" ht="18" customHeight="1" x14ac:dyDescent="0.15">
      <c r="A80" s="8">
        <v>62</v>
      </c>
      <c r="B80" s="21">
        <v>48</v>
      </c>
      <c r="C80" s="6">
        <v>39</v>
      </c>
      <c r="D80" s="5">
        <v>87</v>
      </c>
    </row>
    <row r="81" spans="1:4" ht="18" customHeight="1" x14ac:dyDescent="0.15">
      <c r="A81" s="8">
        <v>63</v>
      </c>
      <c r="B81" s="21">
        <v>36</v>
      </c>
      <c r="C81" s="6">
        <v>35</v>
      </c>
      <c r="D81" s="5">
        <v>71</v>
      </c>
    </row>
    <row r="82" spans="1:4" ht="18" customHeight="1" x14ac:dyDescent="0.15">
      <c r="A82" s="8">
        <v>64</v>
      </c>
      <c r="B82" s="21">
        <v>31</v>
      </c>
      <c r="C82" s="6">
        <v>37</v>
      </c>
      <c r="D82" s="5">
        <v>68</v>
      </c>
    </row>
    <row r="83" spans="1:4" ht="18" customHeight="1" x14ac:dyDescent="0.15">
      <c r="A83" s="8" t="s">
        <v>12</v>
      </c>
      <c r="B83" s="21">
        <v>225</v>
      </c>
      <c r="C83" s="6">
        <v>211</v>
      </c>
      <c r="D83" s="5">
        <v>436</v>
      </c>
    </row>
    <row r="84" spans="1:4" ht="18" customHeight="1" x14ac:dyDescent="0.15">
      <c r="A84" s="8" t="s">
        <v>11</v>
      </c>
      <c r="B84" s="21">
        <v>2490</v>
      </c>
      <c r="C84" s="6">
        <v>2296</v>
      </c>
      <c r="D84" s="5">
        <v>4786</v>
      </c>
    </row>
    <row r="85" spans="1:4" ht="18" customHeight="1" x14ac:dyDescent="0.15">
      <c r="A85" s="8">
        <v>65</v>
      </c>
      <c r="B85" s="21">
        <v>35</v>
      </c>
      <c r="C85" s="6">
        <v>34</v>
      </c>
      <c r="D85" s="5">
        <v>69</v>
      </c>
    </row>
    <row r="86" spans="1:4" ht="18" customHeight="1" x14ac:dyDescent="0.15">
      <c r="A86" s="8">
        <v>66</v>
      </c>
      <c r="B86" s="21">
        <v>44</v>
      </c>
      <c r="C86" s="6">
        <v>43</v>
      </c>
      <c r="D86" s="5">
        <v>87</v>
      </c>
    </row>
    <row r="87" spans="1:4" ht="18" customHeight="1" x14ac:dyDescent="0.15">
      <c r="A87" s="8">
        <v>67</v>
      </c>
      <c r="B87" s="21">
        <v>43</v>
      </c>
      <c r="C87" s="6">
        <v>30</v>
      </c>
      <c r="D87" s="5">
        <v>73</v>
      </c>
    </row>
    <row r="88" spans="1:4" ht="18" customHeight="1" x14ac:dyDescent="0.15">
      <c r="A88" s="8">
        <v>68</v>
      </c>
      <c r="B88" s="21">
        <v>35</v>
      </c>
      <c r="C88" s="6">
        <v>49</v>
      </c>
      <c r="D88" s="5">
        <v>84</v>
      </c>
    </row>
    <row r="89" spans="1:4" ht="18" customHeight="1" x14ac:dyDescent="0.15">
      <c r="A89" s="8">
        <v>69</v>
      </c>
      <c r="B89" s="21">
        <v>35</v>
      </c>
      <c r="C89" s="6">
        <v>34</v>
      </c>
      <c r="D89" s="5">
        <v>69</v>
      </c>
    </row>
    <row r="90" spans="1:4" ht="18" customHeight="1" x14ac:dyDescent="0.15">
      <c r="A90" s="8" t="s">
        <v>10</v>
      </c>
      <c r="B90" s="21">
        <v>192</v>
      </c>
      <c r="C90" s="6">
        <v>190</v>
      </c>
      <c r="D90" s="5">
        <v>382</v>
      </c>
    </row>
    <row r="91" spans="1:4" ht="18" customHeight="1" x14ac:dyDescent="0.15">
      <c r="A91" s="8">
        <v>70</v>
      </c>
      <c r="B91" s="21">
        <v>35</v>
      </c>
      <c r="C91" s="6">
        <v>59</v>
      </c>
      <c r="D91" s="5">
        <v>94</v>
      </c>
    </row>
    <row r="92" spans="1:4" ht="18" customHeight="1" x14ac:dyDescent="0.15">
      <c r="A92" s="8">
        <v>71</v>
      </c>
      <c r="B92" s="21">
        <v>43</v>
      </c>
      <c r="C92" s="6">
        <v>58</v>
      </c>
      <c r="D92" s="5">
        <v>101</v>
      </c>
    </row>
    <row r="93" spans="1:4" ht="18" customHeight="1" x14ac:dyDescent="0.15">
      <c r="A93" s="8">
        <v>72</v>
      </c>
      <c r="B93" s="21">
        <v>28</v>
      </c>
      <c r="C93" s="6">
        <v>36</v>
      </c>
      <c r="D93" s="5">
        <v>64</v>
      </c>
    </row>
    <row r="94" spans="1:4" ht="18" customHeight="1" x14ac:dyDescent="0.15">
      <c r="A94" s="8">
        <v>73</v>
      </c>
      <c r="B94" s="21">
        <v>48</v>
      </c>
      <c r="C94" s="6">
        <v>47</v>
      </c>
      <c r="D94" s="5">
        <v>95</v>
      </c>
    </row>
    <row r="95" spans="1:4" ht="18" customHeight="1" x14ac:dyDescent="0.15">
      <c r="A95" s="8">
        <v>74</v>
      </c>
      <c r="B95" s="21">
        <v>44</v>
      </c>
      <c r="C95" s="6">
        <v>50</v>
      </c>
      <c r="D95" s="5">
        <v>94</v>
      </c>
    </row>
    <row r="96" spans="1:4" ht="18" customHeight="1" x14ac:dyDescent="0.15">
      <c r="A96" s="8" t="s">
        <v>9</v>
      </c>
      <c r="B96" s="21">
        <v>198</v>
      </c>
      <c r="C96" s="6">
        <v>250</v>
      </c>
      <c r="D96" s="5">
        <v>448</v>
      </c>
    </row>
    <row r="97" spans="1:4" ht="18" customHeight="1" x14ac:dyDescent="0.15">
      <c r="A97" s="8">
        <v>75</v>
      </c>
      <c r="B97" s="21">
        <v>57</v>
      </c>
      <c r="C97" s="6">
        <v>41</v>
      </c>
      <c r="D97" s="5">
        <v>98</v>
      </c>
    </row>
    <row r="98" spans="1:4" ht="18" customHeight="1" x14ac:dyDescent="0.15">
      <c r="A98" s="8">
        <v>76</v>
      </c>
      <c r="B98" s="21">
        <v>47</v>
      </c>
      <c r="C98" s="6">
        <v>68</v>
      </c>
      <c r="D98" s="5">
        <v>115</v>
      </c>
    </row>
    <row r="99" spans="1:4" ht="18" customHeight="1" x14ac:dyDescent="0.15">
      <c r="A99" s="8">
        <v>77</v>
      </c>
      <c r="B99" s="21">
        <v>41</v>
      </c>
      <c r="C99" s="6">
        <v>64</v>
      </c>
      <c r="D99" s="5">
        <v>105</v>
      </c>
    </row>
    <row r="100" spans="1:4" ht="18" customHeight="1" x14ac:dyDescent="0.15">
      <c r="A100" s="8">
        <v>78</v>
      </c>
      <c r="B100" s="21">
        <v>46</v>
      </c>
      <c r="C100" s="6">
        <v>48</v>
      </c>
      <c r="D100" s="5">
        <v>94</v>
      </c>
    </row>
    <row r="101" spans="1:4" ht="18" customHeight="1" x14ac:dyDescent="0.15">
      <c r="A101" s="8">
        <v>79</v>
      </c>
      <c r="B101" s="21">
        <v>25</v>
      </c>
      <c r="C101" s="6">
        <v>31</v>
      </c>
      <c r="D101" s="5">
        <v>56</v>
      </c>
    </row>
    <row r="102" spans="1:4" ht="18" customHeight="1" x14ac:dyDescent="0.15">
      <c r="A102" s="8" t="s">
        <v>8</v>
      </c>
      <c r="B102" s="21">
        <v>216</v>
      </c>
      <c r="C102" s="6">
        <v>252</v>
      </c>
      <c r="D102" s="5">
        <v>468</v>
      </c>
    </row>
    <row r="103" spans="1:4" ht="18" customHeight="1" x14ac:dyDescent="0.15">
      <c r="A103" s="8">
        <v>80</v>
      </c>
      <c r="B103" s="21">
        <v>24</v>
      </c>
      <c r="C103" s="6">
        <v>35</v>
      </c>
      <c r="D103" s="5">
        <v>59</v>
      </c>
    </row>
    <row r="104" spans="1:4" ht="18" customHeight="1" x14ac:dyDescent="0.15">
      <c r="A104" s="8">
        <v>81</v>
      </c>
      <c r="B104" s="21">
        <v>28</v>
      </c>
      <c r="C104" s="6">
        <v>46</v>
      </c>
      <c r="D104" s="5">
        <v>74</v>
      </c>
    </row>
    <row r="105" spans="1:4" ht="18" customHeight="1" x14ac:dyDescent="0.15">
      <c r="A105" s="8">
        <v>82</v>
      </c>
      <c r="B105" s="21">
        <v>30</v>
      </c>
      <c r="C105" s="6">
        <v>36</v>
      </c>
      <c r="D105" s="5">
        <v>66</v>
      </c>
    </row>
    <row r="106" spans="1:4" ht="18" customHeight="1" x14ac:dyDescent="0.15">
      <c r="A106" s="8">
        <v>83</v>
      </c>
      <c r="B106" s="21">
        <v>21</v>
      </c>
      <c r="C106" s="6">
        <v>43</v>
      </c>
      <c r="D106" s="5">
        <v>64</v>
      </c>
    </row>
    <row r="107" spans="1:4" ht="18" customHeight="1" x14ac:dyDescent="0.15">
      <c r="A107" s="8">
        <v>84</v>
      </c>
      <c r="B107" s="21">
        <v>23</v>
      </c>
      <c r="C107" s="6">
        <v>39</v>
      </c>
      <c r="D107" s="5">
        <v>62</v>
      </c>
    </row>
    <row r="108" spans="1:4" ht="18" customHeight="1" x14ac:dyDescent="0.15">
      <c r="A108" s="8" t="s">
        <v>7</v>
      </c>
      <c r="B108" s="21">
        <v>126</v>
      </c>
      <c r="C108" s="6">
        <v>199</v>
      </c>
      <c r="D108" s="5">
        <v>325</v>
      </c>
    </row>
    <row r="109" spans="1:4" ht="18" customHeight="1" x14ac:dyDescent="0.15">
      <c r="A109" s="8">
        <v>85</v>
      </c>
      <c r="B109" s="21">
        <v>27</v>
      </c>
      <c r="C109" s="6">
        <v>27</v>
      </c>
      <c r="D109" s="5">
        <v>54</v>
      </c>
    </row>
    <row r="110" spans="1:4" ht="18" customHeight="1" x14ac:dyDescent="0.15">
      <c r="A110" s="8">
        <v>86</v>
      </c>
      <c r="B110" s="21">
        <v>22</v>
      </c>
      <c r="C110" s="6">
        <v>19</v>
      </c>
      <c r="D110" s="5">
        <v>41</v>
      </c>
    </row>
    <row r="111" spans="1:4" ht="18" customHeight="1" x14ac:dyDescent="0.15">
      <c r="A111" s="8">
        <v>87</v>
      </c>
      <c r="B111" s="21">
        <v>18</v>
      </c>
      <c r="C111" s="6">
        <v>21</v>
      </c>
      <c r="D111" s="5">
        <v>39</v>
      </c>
    </row>
    <row r="112" spans="1:4" ht="18" customHeight="1" x14ac:dyDescent="0.15">
      <c r="A112" s="8">
        <v>88</v>
      </c>
      <c r="B112" s="21">
        <v>9</v>
      </c>
      <c r="C112" s="6">
        <v>27</v>
      </c>
      <c r="D112" s="5">
        <v>36</v>
      </c>
    </row>
    <row r="113" spans="1:4" ht="18" customHeight="1" x14ac:dyDescent="0.15">
      <c r="A113" s="8">
        <v>89</v>
      </c>
      <c r="B113" s="21">
        <v>13</v>
      </c>
      <c r="C113" s="6">
        <v>20</v>
      </c>
      <c r="D113" s="5">
        <v>33</v>
      </c>
    </row>
    <row r="114" spans="1:4" ht="18" customHeight="1" x14ac:dyDescent="0.15">
      <c r="A114" s="8" t="s">
        <v>6</v>
      </c>
      <c r="B114" s="21">
        <v>89</v>
      </c>
      <c r="C114" s="6">
        <v>114</v>
      </c>
      <c r="D114" s="5">
        <v>203</v>
      </c>
    </row>
    <row r="115" spans="1:4" ht="18" customHeight="1" x14ac:dyDescent="0.15">
      <c r="A115" s="8">
        <v>90</v>
      </c>
      <c r="B115" s="21">
        <v>9</v>
      </c>
      <c r="C115" s="6">
        <v>28</v>
      </c>
      <c r="D115" s="5">
        <v>37</v>
      </c>
    </row>
    <row r="116" spans="1:4" ht="18" customHeight="1" x14ac:dyDescent="0.15">
      <c r="A116" s="8">
        <v>91</v>
      </c>
      <c r="B116" s="21">
        <v>8</v>
      </c>
      <c r="C116" s="6">
        <v>16</v>
      </c>
      <c r="D116" s="5">
        <v>24</v>
      </c>
    </row>
    <row r="117" spans="1:4" ht="18" customHeight="1" x14ac:dyDescent="0.15">
      <c r="A117" s="8">
        <v>92</v>
      </c>
      <c r="B117" s="21">
        <v>2</v>
      </c>
      <c r="C117" s="6">
        <v>13</v>
      </c>
      <c r="D117" s="5">
        <v>15</v>
      </c>
    </row>
    <row r="118" spans="1:4" ht="18" customHeight="1" x14ac:dyDescent="0.15">
      <c r="A118" s="8">
        <v>93</v>
      </c>
      <c r="B118" s="21">
        <v>3</v>
      </c>
      <c r="C118" s="6">
        <v>15</v>
      </c>
      <c r="D118" s="5">
        <v>18</v>
      </c>
    </row>
    <row r="119" spans="1:4" ht="18" customHeight="1" x14ac:dyDescent="0.15">
      <c r="A119" s="8">
        <v>94</v>
      </c>
      <c r="B119" s="21">
        <v>1</v>
      </c>
      <c r="C119" s="6">
        <v>7</v>
      </c>
      <c r="D119" s="5">
        <v>8</v>
      </c>
    </row>
    <row r="120" spans="1:4" ht="18" customHeight="1" x14ac:dyDescent="0.15">
      <c r="A120" s="8" t="s">
        <v>5</v>
      </c>
      <c r="B120" s="21">
        <v>23</v>
      </c>
      <c r="C120" s="6">
        <v>79</v>
      </c>
      <c r="D120" s="5">
        <v>102</v>
      </c>
    </row>
    <row r="121" spans="1:4" ht="18" customHeight="1" x14ac:dyDescent="0.15">
      <c r="A121" s="8">
        <v>95</v>
      </c>
      <c r="B121" s="21">
        <v>1</v>
      </c>
      <c r="C121" s="6">
        <v>12</v>
      </c>
      <c r="D121" s="5">
        <v>13</v>
      </c>
    </row>
    <row r="122" spans="1:4" ht="18" customHeight="1" x14ac:dyDescent="0.15">
      <c r="A122" s="8">
        <v>96</v>
      </c>
      <c r="B122" s="21">
        <v>1</v>
      </c>
      <c r="C122" s="6">
        <v>9</v>
      </c>
      <c r="D122" s="5">
        <v>10</v>
      </c>
    </row>
    <row r="123" spans="1:4" ht="18" customHeight="1" x14ac:dyDescent="0.15">
      <c r="A123" s="8">
        <v>97</v>
      </c>
      <c r="B123" s="21">
        <v>1</v>
      </c>
      <c r="C123" s="6">
        <v>8</v>
      </c>
      <c r="D123" s="5">
        <v>9</v>
      </c>
    </row>
    <row r="124" spans="1:4" ht="18" customHeight="1" x14ac:dyDescent="0.15">
      <c r="A124" s="8">
        <v>98</v>
      </c>
      <c r="B124" s="21">
        <v>0</v>
      </c>
      <c r="C124" s="6">
        <v>6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3</v>
      </c>
      <c r="C126" s="6">
        <v>36</v>
      </c>
      <c r="D126" s="5">
        <v>39</v>
      </c>
    </row>
    <row r="127" spans="1:4" ht="18" customHeight="1" x14ac:dyDescent="0.15">
      <c r="A127" s="8">
        <v>100</v>
      </c>
      <c r="B127" s="21">
        <v>1</v>
      </c>
      <c r="C127" s="6">
        <v>4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5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9</v>
      </c>
      <c r="D129" s="5">
        <v>10</v>
      </c>
    </row>
    <row r="130" spans="1:4" ht="18" customHeight="1" x14ac:dyDescent="0.15">
      <c r="A130" s="8" t="s">
        <v>1</v>
      </c>
      <c r="B130" s="21">
        <v>848</v>
      </c>
      <c r="C130" s="6">
        <v>1129</v>
      </c>
      <c r="D130" s="5">
        <v>1977</v>
      </c>
    </row>
    <row r="131" spans="1:4" ht="18" customHeight="1" x14ac:dyDescent="0.15">
      <c r="A131" s="4" t="s">
        <v>0</v>
      </c>
      <c r="B131" s="20">
        <v>3967</v>
      </c>
      <c r="C131" s="2">
        <v>4005</v>
      </c>
      <c r="D131" s="1">
        <v>797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B5D1C1-2784-4424-8E2D-0BD1174DDFE1}">
  <sheetPr codeName="Sheet6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54</v>
      </c>
      <c r="C5" s="31">
        <v>57</v>
      </c>
      <c r="D5" s="30">
        <v>111</v>
      </c>
    </row>
    <row r="6" spans="1:4" ht="18" customHeight="1" x14ac:dyDescent="0.15">
      <c r="A6" s="8">
        <v>1</v>
      </c>
      <c r="B6" s="26">
        <v>61</v>
      </c>
      <c r="C6" s="6">
        <v>60</v>
      </c>
      <c r="D6" s="5">
        <v>121</v>
      </c>
    </row>
    <row r="7" spans="1:4" ht="18" customHeight="1" x14ac:dyDescent="0.15">
      <c r="A7" s="8">
        <v>2</v>
      </c>
      <c r="B7" s="26">
        <v>64</v>
      </c>
      <c r="C7" s="6">
        <v>79</v>
      </c>
      <c r="D7" s="5">
        <v>143</v>
      </c>
    </row>
    <row r="8" spans="1:4" ht="18" customHeight="1" x14ac:dyDescent="0.15">
      <c r="A8" s="8">
        <v>3</v>
      </c>
      <c r="B8" s="26">
        <v>69</v>
      </c>
      <c r="C8" s="6">
        <v>61</v>
      </c>
      <c r="D8" s="5">
        <v>130</v>
      </c>
    </row>
    <row r="9" spans="1:4" ht="18" customHeight="1" x14ac:dyDescent="0.15">
      <c r="A9" s="8">
        <v>4</v>
      </c>
      <c r="B9" s="29">
        <v>77</v>
      </c>
      <c r="C9" s="28">
        <v>66</v>
      </c>
      <c r="D9" s="27">
        <v>143</v>
      </c>
    </row>
    <row r="10" spans="1:4" ht="18" customHeight="1" x14ac:dyDescent="0.15">
      <c r="A10" s="8" t="s">
        <v>25</v>
      </c>
      <c r="B10" s="21">
        <v>325</v>
      </c>
      <c r="C10" s="6">
        <v>323</v>
      </c>
      <c r="D10" s="5">
        <v>648</v>
      </c>
    </row>
    <row r="11" spans="1:4" ht="18" customHeight="1" x14ac:dyDescent="0.15">
      <c r="A11" s="8">
        <v>5</v>
      </c>
      <c r="B11" s="26">
        <v>78</v>
      </c>
      <c r="C11" s="6">
        <v>71</v>
      </c>
      <c r="D11" s="5">
        <v>149</v>
      </c>
    </row>
    <row r="12" spans="1:4" ht="18" customHeight="1" x14ac:dyDescent="0.15">
      <c r="A12" s="8">
        <v>6</v>
      </c>
      <c r="B12" s="26">
        <v>87</v>
      </c>
      <c r="C12" s="6">
        <v>60</v>
      </c>
      <c r="D12" s="5">
        <v>147</v>
      </c>
    </row>
    <row r="13" spans="1:4" ht="18" customHeight="1" x14ac:dyDescent="0.15">
      <c r="A13" s="8">
        <v>7</v>
      </c>
      <c r="B13" s="26">
        <v>73</v>
      </c>
      <c r="C13" s="6">
        <v>97</v>
      </c>
      <c r="D13" s="5">
        <v>170</v>
      </c>
    </row>
    <row r="14" spans="1:4" ht="18" customHeight="1" x14ac:dyDescent="0.15">
      <c r="A14" s="8">
        <v>8</v>
      </c>
      <c r="B14" s="26">
        <v>94</v>
      </c>
      <c r="C14" s="6">
        <v>63</v>
      </c>
      <c r="D14" s="5">
        <v>157</v>
      </c>
    </row>
    <row r="15" spans="1:4" ht="18" customHeight="1" x14ac:dyDescent="0.15">
      <c r="A15" s="8">
        <v>9</v>
      </c>
      <c r="B15" s="26">
        <v>84</v>
      </c>
      <c r="C15" s="6">
        <v>83</v>
      </c>
      <c r="D15" s="5">
        <v>167</v>
      </c>
    </row>
    <row r="16" spans="1:4" ht="18" customHeight="1" x14ac:dyDescent="0.15">
      <c r="A16" s="8" t="s">
        <v>24</v>
      </c>
      <c r="B16" s="21">
        <v>416</v>
      </c>
      <c r="C16" s="6">
        <v>374</v>
      </c>
      <c r="D16" s="5">
        <v>790</v>
      </c>
    </row>
    <row r="17" spans="1:4" ht="18" customHeight="1" x14ac:dyDescent="0.15">
      <c r="A17" s="8">
        <v>10</v>
      </c>
      <c r="B17" s="21">
        <v>86</v>
      </c>
      <c r="C17" s="6">
        <v>85</v>
      </c>
      <c r="D17" s="5">
        <v>171</v>
      </c>
    </row>
    <row r="18" spans="1:4" ht="18" customHeight="1" x14ac:dyDescent="0.15">
      <c r="A18" s="8">
        <v>11</v>
      </c>
      <c r="B18" s="21">
        <v>77</v>
      </c>
      <c r="C18" s="6">
        <v>66</v>
      </c>
      <c r="D18" s="5">
        <v>143</v>
      </c>
    </row>
    <row r="19" spans="1:4" ht="18" customHeight="1" x14ac:dyDescent="0.15">
      <c r="A19" s="8">
        <v>12</v>
      </c>
      <c r="B19" s="21">
        <v>67</v>
      </c>
      <c r="C19" s="6">
        <v>80</v>
      </c>
      <c r="D19" s="5">
        <v>147</v>
      </c>
    </row>
    <row r="20" spans="1:4" ht="18" customHeight="1" x14ac:dyDescent="0.15">
      <c r="A20" s="8">
        <v>13</v>
      </c>
      <c r="B20" s="21">
        <v>88</v>
      </c>
      <c r="C20" s="6">
        <v>72</v>
      </c>
      <c r="D20" s="5">
        <v>160</v>
      </c>
    </row>
    <row r="21" spans="1:4" ht="18" customHeight="1" x14ac:dyDescent="0.15">
      <c r="A21" s="8">
        <v>14</v>
      </c>
      <c r="B21" s="21">
        <v>87</v>
      </c>
      <c r="C21" s="6">
        <v>69</v>
      </c>
      <c r="D21" s="5">
        <v>156</v>
      </c>
    </row>
    <row r="22" spans="1:4" ht="18" customHeight="1" x14ac:dyDescent="0.15">
      <c r="A22" s="8" t="s">
        <v>23</v>
      </c>
      <c r="B22" s="21">
        <v>405</v>
      </c>
      <c r="C22" s="6">
        <v>372</v>
      </c>
      <c r="D22" s="5">
        <v>777</v>
      </c>
    </row>
    <row r="23" spans="1:4" ht="18" customHeight="1" x14ac:dyDescent="0.15">
      <c r="A23" s="8" t="s">
        <v>22</v>
      </c>
      <c r="B23" s="21">
        <v>1146</v>
      </c>
      <c r="C23" s="6">
        <v>1069</v>
      </c>
      <c r="D23" s="5">
        <v>2215</v>
      </c>
    </row>
    <row r="24" spans="1:4" ht="18" customHeight="1" x14ac:dyDescent="0.15">
      <c r="A24" s="8">
        <v>15</v>
      </c>
      <c r="B24" s="21">
        <v>106</v>
      </c>
      <c r="C24" s="6">
        <v>86</v>
      </c>
      <c r="D24" s="5">
        <v>192</v>
      </c>
    </row>
    <row r="25" spans="1:4" ht="18" customHeight="1" x14ac:dyDescent="0.15">
      <c r="A25" s="8">
        <v>16</v>
      </c>
      <c r="B25" s="21">
        <v>85</v>
      </c>
      <c r="C25" s="6">
        <v>83</v>
      </c>
      <c r="D25" s="5">
        <v>168</v>
      </c>
    </row>
    <row r="26" spans="1:4" ht="18" customHeight="1" x14ac:dyDescent="0.15">
      <c r="A26" s="8">
        <v>17</v>
      </c>
      <c r="B26" s="21">
        <v>88</v>
      </c>
      <c r="C26" s="6">
        <v>85</v>
      </c>
      <c r="D26" s="5">
        <v>173</v>
      </c>
    </row>
    <row r="27" spans="1:4" ht="18" customHeight="1" x14ac:dyDescent="0.15">
      <c r="A27" s="8">
        <v>18</v>
      </c>
      <c r="B27" s="21">
        <v>87</v>
      </c>
      <c r="C27" s="6">
        <v>70</v>
      </c>
      <c r="D27" s="5">
        <v>157</v>
      </c>
    </row>
    <row r="28" spans="1:4" ht="18" customHeight="1" x14ac:dyDescent="0.15">
      <c r="A28" s="8">
        <v>19</v>
      </c>
      <c r="B28" s="21">
        <v>69</v>
      </c>
      <c r="C28" s="6">
        <v>88</v>
      </c>
      <c r="D28" s="5">
        <v>157</v>
      </c>
    </row>
    <row r="29" spans="1:4" ht="18" customHeight="1" x14ac:dyDescent="0.15">
      <c r="A29" s="8" t="s">
        <v>21</v>
      </c>
      <c r="B29" s="21">
        <v>435</v>
      </c>
      <c r="C29" s="6">
        <v>412</v>
      </c>
      <c r="D29" s="5">
        <v>847</v>
      </c>
    </row>
    <row r="30" spans="1:4" ht="18" customHeight="1" x14ac:dyDescent="0.15">
      <c r="A30" s="8">
        <v>20</v>
      </c>
      <c r="B30" s="21">
        <v>95</v>
      </c>
      <c r="C30" s="6">
        <v>73</v>
      </c>
      <c r="D30" s="5">
        <v>168</v>
      </c>
    </row>
    <row r="31" spans="1:4" ht="18" customHeight="1" x14ac:dyDescent="0.15">
      <c r="A31" s="8">
        <v>21</v>
      </c>
      <c r="B31" s="21">
        <v>99</v>
      </c>
      <c r="C31" s="6">
        <v>86</v>
      </c>
      <c r="D31" s="5">
        <v>185</v>
      </c>
    </row>
    <row r="32" spans="1:4" ht="18" customHeight="1" x14ac:dyDescent="0.15">
      <c r="A32" s="8">
        <v>22</v>
      </c>
      <c r="B32" s="21">
        <v>100</v>
      </c>
      <c r="C32" s="6">
        <v>79</v>
      </c>
      <c r="D32" s="5">
        <v>179</v>
      </c>
    </row>
    <row r="33" spans="1:4" ht="18" customHeight="1" x14ac:dyDescent="0.15">
      <c r="A33" s="8">
        <v>23</v>
      </c>
      <c r="B33" s="21">
        <v>125</v>
      </c>
      <c r="C33" s="6">
        <v>84</v>
      </c>
      <c r="D33" s="5">
        <v>209</v>
      </c>
    </row>
    <row r="34" spans="1:4" ht="18" customHeight="1" x14ac:dyDescent="0.15">
      <c r="A34" s="8">
        <v>24</v>
      </c>
      <c r="B34" s="21">
        <v>98</v>
      </c>
      <c r="C34" s="6">
        <v>99</v>
      </c>
      <c r="D34" s="5">
        <v>197</v>
      </c>
    </row>
    <row r="35" spans="1:4" ht="18" customHeight="1" x14ac:dyDescent="0.15">
      <c r="A35" s="8" t="s">
        <v>20</v>
      </c>
      <c r="B35" s="21">
        <v>517</v>
      </c>
      <c r="C35" s="6">
        <v>421</v>
      </c>
      <c r="D35" s="5">
        <v>938</v>
      </c>
    </row>
    <row r="36" spans="1:4" ht="18" customHeight="1" x14ac:dyDescent="0.15">
      <c r="A36" s="8">
        <v>25</v>
      </c>
      <c r="B36" s="21">
        <v>118</v>
      </c>
      <c r="C36" s="6">
        <v>83</v>
      </c>
      <c r="D36" s="5">
        <v>201</v>
      </c>
    </row>
    <row r="37" spans="1:4" ht="18" customHeight="1" x14ac:dyDescent="0.15">
      <c r="A37" s="8">
        <v>26</v>
      </c>
      <c r="B37" s="21">
        <v>96</v>
      </c>
      <c r="C37" s="6">
        <v>94</v>
      </c>
      <c r="D37" s="5">
        <v>190</v>
      </c>
    </row>
    <row r="38" spans="1:4" ht="18" customHeight="1" x14ac:dyDescent="0.15">
      <c r="A38" s="8">
        <v>27</v>
      </c>
      <c r="B38" s="21">
        <v>110</v>
      </c>
      <c r="C38" s="6">
        <v>84</v>
      </c>
      <c r="D38" s="5">
        <v>194</v>
      </c>
    </row>
    <row r="39" spans="1:4" ht="18" customHeight="1" x14ac:dyDescent="0.15">
      <c r="A39" s="8">
        <v>28</v>
      </c>
      <c r="B39" s="21">
        <v>99</v>
      </c>
      <c r="C39" s="6">
        <v>91</v>
      </c>
      <c r="D39" s="5">
        <v>190</v>
      </c>
    </row>
    <row r="40" spans="1:4" ht="18" customHeight="1" x14ac:dyDescent="0.15">
      <c r="A40" s="8">
        <v>29</v>
      </c>
      <c r="B40" s="21">
        <v>97</v>
      </c>
      <c r="C40" s="6">
        <v>72</v>
      </c>
      <c r="D40" s="5">
        <v>169</v>
      </c>
    </row>
    <row r="41" spans="1:4" ht="18" customHeight="1" x14ac:dyDescent="0.15">
      <c r="A41" s="8" t="s">
        <v>19</v>
      </c>
      <c r="B41" s="21">
        <v>520</v>
      </c>
      <c r="C41" s="6">
        <v>424</v>
      </c>
      <c r="D41" s="5">
        <v>944</v>
      </c>
    </row>
    <row r="42" spans="1:4" ht="18" customHeight="1" x14ac:dyDescent="0.15">
      <c r="A42" s="8">
        <v>30</v>
      </c>
      <c r="B42" s="21">
        <v>111</v>
      </c>
      <c r="C42" s="6">
        <v>88</v>
      </c>
      <c r="D42" s="5">
        <v>199</v>
      </c>
    </row>
    <row r="43" spans="1:4" ht="18" customHeight="1" x14ac:dyDescent="0.15">
      <c r="A43" s="8">
        <v>31</v>
      </c>
      <c r="B43" s="21">
        <v>115</v>
      </c>
      <c r="C43" s="6">
        <v>88</v>
      </c>
      <c r="D43" s="5">
        <v>203</v>
      </c>
    </row>
    <row r="44" spans="1:4" ht="18" customHeight="1" x14ac:dyDescent="0.15">
      <c r="A44" s="8">
        <v>32</v>
      </c>
      <c r="B44" s="21">
        <v>106</v>
      </c>
      <c r="C44" s="6">
        <v>96</v>
      </c>
      <c r="D44" s="5">
        <v>202</v>
      </c>
    </row>
    <row r="45" spans="1:4" ht="18" customHeight="1" x14ac:dyDescent="0.15">
      <c r="A45" s="8">
        <v>33</v>
      </c>
      <c r="B45" s="21">
        <v>118</v>
      </c>
      <c r="C45" s="6">
        <v>94</v>
      </c>
      <c r="D45" s="5">
        <v>212</v>
      </c>
    </row>
    <row r="46" spans="1:4" ht="18" customHeight="1" x14ac:dyDescent="0.15">
      <c r="A46" s="8">
        <v>34</v>
      </c>
      <c r="B46" s="21">
        <v>108</v>
      </c>
      <c r="C46" s="6">
        <v>98</v>
      </c>
      <c r="D46" s="5">
        <v>206</v>
      </c>
    </row>
    <row r="47" spans="1:4" ht="18" customHeight="1" x14ac:dyDescent="0.15">
      <c r="A47" s="8" t="s">
        <v>18</v>
      </c>
      <c r="B47" s="21">
        <v>558</v>
      </c>
      <c r="C47" s="6">
        <v>464</v>
      </c>
      <c r="D47" s="5">
        <v>1022</v>
      </c>
    </row>
    <row r="48" spans="1:4" ht="18" customHeight="1" x14ac:dyDescent="0.15">
      <c r="A48" s="8">
        <v>35</v>
      </c>
      <c r="B48" s="21">
        <v>110</v>
      </c>
      <c r="C48" s="6">
        <v>96</v>
      </c>
      <c r="D48" s="5">
        <v>206</v>
      </c>
    </row>
    <row r="49" spans="1:4" ht="18" customHeight="1" x14ac:dyDescent="0.15">
      <c r="A49" s="8">
        <v>36</v>
      </c>
      <c r="B49" s="21">
        <v>120</v>
      </c>
      <c r="C49" s="6">
        <v>98</v>
      </c>
      <c r="D49" s="5">
        <v>218</v>
      </c>
    </row>
    <row r="50" spans="1:4" ht="18" customHeight="1" x14ac:dyDescent="0.15">
      <c r="A50" s="8">
        <v>37</v>
      </c>
      <c r="B50" s="21">
        <v>121</v>
      </c>
      <c r="C50" s="6">
        <v>106</v>
      </c>
      <c r="D50" s="5">
        <v>227</v>
      </c>
    </row>
    <row r="51" spans="1:4" ht="18" customHeight="1" x14ac:dyDescent="0.15">
      <c r="A51" s="8">
        <v>38</v>
      </c>
      <c r="B51" s="21">
        <v>121</v>
      </c>
      <c r="C51" s="6">
        <v>104</v>
      </c>
      <c r="D51" s="5">
        <v>225</v>
      </c>
    </row>
    <row r="52" spans="1:4" ht="18" customHeight="1" x14ac:dyDescent="0.15">
      <c r="A52" s="8">
        <v>39</v>
      </c>
      <c r="B52" s="21">
        <v>124</v>
      </c>
      <c r="C52" s="6">
        <v>131</v>
      </c>
      <c r="D52" s="5">
        <v>255</v>
      </c>
    </row>
    <row r="53" spans="1:4" ht="18" customHeight="1" x14ac:dyDescent="0.15">
      <c r="A53" s="8" t="s">
        <v>17</v>
      </c>
      <c r="B53" s="21">
        <v>596</v>
      </c>
      <c r="C53" s="6">
        <v>535</v>
      </c>
      <c r="D53" s="5">
        <v>1131</v>
      </c>
    </row>
    <row r="54" spans="1:4" ht="18" customHeight="1" x14ac:dyDescent="0.15">
      <c r="A54" s="8">
        <v>40</v>
      </c>
      <c r="B54" s="21">
        <v>130</v>
      </c>
      <c r="C54" s="6">
        <v>126</v>
      </c>
      <c r="D54" s="5">
        <v>256</v>
      </c>
    </row>
    <row r="55" spans="1:4" ht="18" customHeight="1" x14ac:dyDescent="0.15">
      <c r="A55" s="8">
        <v>41</v>
      </c>
      <c r="B55" s="21">
        <v>143</v>
      </c>
      <c r="C55" s="6">
        <v>102</v>
      </c>
      <c r="D55" s="5">
        <v>245</v>
      </c>
    </row>
    <row r="56" spans="1:4" ht="18" customHeight="1" x14ac:dyDescent="0.15">
      <c r="A56" s="8">
        <v>42</v>
      </c>
      <c r="B56" s="21">
        <v>135</v>
      </c>
      <c r="C56" s="6">
        <v>88</v>
      </c>
      <c r="D56" s="5">
        <v>223</v>
      </c>
    </row>
    <row r="57" spans="1:4" ht="18" customHeight="1" x14ac:dyDescent="0.15">
      <c r="A57" s="8">
        <v>43</v>
      </c>
      <c r="B57" s="21">
        <v>127</v>
      </c>
      <c r="C57" s="6">
        <v>127</v>
      </c>
      <c r="D57" s="5">
        <v>254</v>
      </c>
    </row>
    <row r="58" spans="1:4" ht="18" customHeight="1" x14ac:dyDescent="0.15">
      <c r="A58" s="8">
        <v>44</v>
      </c>
      <c r="B58" s="21">
        <v>118</v>
      </c>
      <c r="C58" s="6">
        <v>132</v>
      </c>
      <c r="D58" s="5">
        <v>250</v>
      </c>
    </row>
    <row r="59" spans="1:4" ht="18" customHeight="1" x14ac:dyDescent="0.15">
      <c r="A59" s="8" t="s">
        <v>16</v>
      </c>
      <c r="B59" s="21">
        <v>653</v>
      </c>
      <c r="C59" s="6">
        <v>575</v>
      </c>
      <c r="D59" s="5">
        <v>1228</v>
      </c>
    </row>
    <row r="60" spans="1:4" ht="18" customHeight="1" x14ac:dyDescent="0.15">
      <c r="A60" s="8">
        <v>45</v>
      </c>
      <c r="B60" s="21">
        <v>128</v>
      </c>
      <c r="C60" s="6">
        <v>107</v>
      </c>
      <c r="D60" s="5">
        <v>235</v>
      </c>
    </row>
    <row r="61" spans="1:4" ht="18" customHeight="1" x14ac:dyDescent="0.15">
      <c r="A61" s="8">
        <v>46</v>
      </c>
      <c r="B61" s="21">
        <v>145</v>
      </c>
      <c r="C61" s="6">
        <v>125</v>
      </c>
      <c r="D61" s="5">
        <v>270</v>
      </c>
    </row>
    <row r="62" spans="1:4" ht="18" customHeight="1" x14ac:dyDescent="0.15">
      <c r="A62" s="8">
        <v>47</v>
      </c>
      <c r="B62" s="21">
        <v>150</v>
      </c>
      <c r="C62" s="6">
        <v>137</v>
      </c>
      <c r="D62" s="5">
        <v>287</v>
      </c>
    </row>
    <row r="63" spans="1:4" ht="18" customHeight="1" x14ac:dyDescent="0.15">
      <c r="A63" s="8">
        <v>48</v>
      </c>
      <c r="B63" s="21">
        <v>139</v>
      </c>
      <c r="C63" s="6">
        <v>127</v>
      </c>
      <c r="D63" s="5">
        <v>266</v>
      </c>
    </row>
    <row r="64" spans="1:4" ht="18" customHeight="1" x14ac:dyDescent="0.15">
      <c r="A64" s="8">
        <v>49</v>
      </c>
      <c r="B64" s="21">
        <v>167</v>
      </c>
      <c r="C64" s="6">
        <v>132</v>
      </c>
      <c r="D64" s="5">
        <v>299</v>
      </c>
    </row>
    <row r="65" spans="1:4" ht="18" customHeight="1" x14ac:dyDescent="0.15">
      <c r="A65" s="8" t="s">
        <v>15</v>
      </c>
      <c r="B65" s="21">
        <v>729</v>
      </c>
      <c r="C65" s="6">
        <v>628</v>
      </c>
      <c r="D65" s="5">
        <v>1357</v>
      </c>
    </row>
    <row r="66" spans="1:4" ht="18" customHeight="1" x14ac:dyDescent="0.15">
      <c r="A66" s="8">
        <v>50</v>
      </c>
      <c r="B66" s="21">
        <v>166</v>
      </c>
      <c r="C66" s="6">
        <v>161</v>
      </c>
      <c r="D66" s="5">
        <v>327</v>
      </c>
    </row>
    <row r="67" spans="1:4" ht="18" customHeight="1" x14ac:dyDescent="0.15">
      <c r="A67" s="8">
        <v>51</v>
      </c>
      <c r="B67" s="21">
        <v>160</v>
      </c>
      <c r="C67" s="6">
        <v>156</v>
      </c>
      <c r="D67" s="5">
        <v>316</v>
      </c>
    </row>
    <row r="68" spans="1:4" ht="18" customHeight="1" x14ac:dyDescent="0.15">
      <c r="A68" s="8">
        <v>52</v>
      </c>
      <c r="B68" s="21">
        <v>165</v>
      </c>
      <c r="C68" s="6">
        <v>143</v>
      </c>
      <c r="D68" s="5">
        <v>308</v>
      </c>
    </row>
    <row r="69" spans="1:4" ht="18" customHeight="1" x14ac:dyDescent="0.15">
      <c r="A69" s="8">
        <v>53</v>
      </c>
      <c r="B69" s="21">
        <v>169</v>
      </c>
      <c r="C69" s="6">
        <v>156</v>
      </c>
      <c r="D69" s="5">
        <v>325</v>
      </c>
    </row>
    <row r="70" spans="1:4" ht="18" customHeight="1" x14ac:dyDescent="0.15">
      <c r="A70" s="8">
        <v>54</v>
      </c>
      <c r="B70" s="21">
        <v>165</v>
      </c>
      <c r="C70" s="6">
        <v>170</v>
      </c>
      <c r="D70" s="5">
        <v>335</v>
      </c>
    </row>
    <row r="71" spans="1:4" ht="18" customHeight="1" x14ac:dyDescent="0.15">
      <c r="A71" s="8" t="s">
        <v>14</v>
      </c>
      <c r="B71" s="21">
        <v>825</v>
      </c>
      <c r="C71" s="6">
        <v>786</v>
      </c>
      <c r="D71" s="5">
        <v>1611</v>
      </c>
    </row>
    <row r="72" spans="1:4" ht="18" customHeight="1" x14ac:dyDescent="0.15">
      <c r="A72" s="8">
        <v>55</v>
      </c>
      <c r="B72" s="21">
        <v>134</v>
      </c>
      <c r="C72" s="6">
        <v>151</v>
      </c>
      <c r="D72" s="5">
        <v>285</v>
      </c>
    </row>
    <row r="73" spans="1:4" ht="18" customHeight="1" x14ac:dyDescent="0.15">
      <c r="A73" s="8">
        <v>56</v>
      </c>
      <c r="B73" s="21">
        <v>152</v>
      </c>
      <c r="C73" s="6">
        <v>140</v>
      </c>
      <c r="D73" s="5">
        <v>292</v>
      </c>
    </row>
    <row r="74" spans="1:4" ht="18" customHeight="1" x14ac:dyDescent="0.15">
      <c r="A74" s="8">
        <v>57</v>
      </c>
      <c r="B74" s="21">
        <v>159</v>
      </c>
      <c r="C74" s="6">
        <v>144</v>
      </c>
      <c r="D74" s="5">
        <v>303</v>
      </c>
    </row>
    <row r="75" spans="1:4" ht="18" customHeight="1" x14ac:dyDescent="0.15">
      <c r="A75" s="8">
        <v>58</v>
      </c>
      <c r="B75" s="21">
        <v>154</v>
      </c>
      <c r="C75" s="6">
        <v>154</v>
      </c>
      <c r="D75" s="5">
        <v>308</v>
      </c>
    </row>
    <row r="76" spans="1:4" ht="18" customHeight="1" x14ac:dyDescent="0.15">
      <c r="A76" s="8">
        <v>59</v>
      </c>
      <c r="B76" s="21">
        <v>104</v>
      </c>
      <c r="C76" s="6">
        <v>121</v>
      </c>
      <c r="D76" s="5">
        <v>225</v>
      </c>
    </row>
    <row r="77" spans="1:4" ht="18" customHeight="1" x14ac:dyDescent="0.15">
      <c r="A77" s="8" t="s">
        <v>13</v>
      </c>
      <c r="B77" s="21">
        <v>703</v>
      </c>
      <c r="C77" s="6">
        <v>710</v>
      </c>
      <c r="D77" s="5">
        <v>1413</v>
      </c>
    </row>
    <row r="78" spans="1:4" ht="18" customHeight="1" x14ac:dyDescent="0.15">
      <c r="A78" s="8">
        <v>60</v>
      </c>
      <c r="B78" s="21">
        <v>146</v>
      </c>
      <c r="C78" s="6">
        <v>129</v>
      </c>
      <c r="D78" s="5">
        <v>275</v>
      </c>
    </row>
    <row r="79" spans="1:4" ht="18" customHeight="1" x14ac:dyDescent="0.15">
      <c r="A79" s="8">
        <v>61</v>
      </c>
      <c r="B79" s="21">
        <v>150</v>
      </c>
      <c r="C79" s="6">
        <v>153</v>
      </c>
      <c r="D79" s="5">
        <v>303</v>
      </c>
    </row>
    <row r="80" spans="1:4" ht="18" customHeight="1" x14ac:dyDescent="0.15">
      <c r="A80" s="8">
        <v>62</v>
      </c>
      <c r="B80" s="21">
        <v>147</v>
      </c>
      <c r="C80" s="6">
        <v>127</v>
      </c>
      <c r="D80" s="5">
        <v>274</v>
      </c>
    </row>
    <row r="81" spans="1:4" ht="18" customHeight="1" x14ac:dyDescent="0.15">
      <c r="A81" s="8">
        <v>63</v>
      </c>
      <c r="B81" s="21">
        <v>137</v>
      </c>
      <c r="C81" s="6">
        <v>108</v>
      </c>
      <c r="D81" s="5">
        <v>245</v>
      </c>
    </row>
    <row r="82" spans="1:4" ht="18" customHeight="1" x14ac:dyDescent="0.15">
      <c r="A82" s="8">
        <v>64</v>
      </c>
      <c r="B82" s="21">
        <v>117</v>
      </c>
      <c r="C82" s="6">
        <v>156</v>
      </c>
      <c r="D82" s="5">
        <v>273</v>
      </c>
    </row>
    <row r="83" spans="1:4" ht="18" customHeight="1" x14ac:dyDescent="0.15">
      <c r="A83" s="8" t="s">
        <v>12</v>
      </c>
      <c r="B83" s="21">
        <v>697</v>
      </c>
      <c r="C83" s="6">
        <v>673</v>
      </c>
      <c r="D83" s="5">
        <v>1370</v>
      </c>
    </row>
    <row r="84" spans="1:4" ht="18" customHeight="1" x14ac:dyDescent="0.15">
      <c r="A84" s="8" t="s">
        <v>11</v>
      </c>
      <c r="B84" s="21">
        <v>6233</v>
      </c>
      <c r="C84" s="6">
        <v>5628</v>
      </c>
      <c r="D84" s="5">
        <v>11861</v>
      </c>
    </row>
    <row r="85" spans="1:4" ht="18" customHeight="1" x14ac:dyDescent="0.15">
      <c r="A85" s="8">
        <v>65</v>
      </c>
      <c r="B85" s="21">
        <v>129</v>
      </c>
      <c r="C85" s="6">
        <v>131</v>
      </c>
      <c r="D85" s="5">
        <v>260</v>
      </c>
    </row>
    <row r="86" spans="1:4" ht="18" customHeight="1" x14ac:dyDescent="0.15">
      <c r="A86" s="8">
        <v>66</v>
      </c>
      <c r="B86" s="21">
        <v>135</v>
      </c>
      <c r="C86" s="6">
        <v>151</v>
      </c>
      <c r="D86" s="5">
        <v>286</v>
      </c>
    </row>
    <row r="87" spans="1:4" ht="18" customHeight="1" x14ac:dyDescent="0.15">
      <c r="A87" s="8">
        <v>67</v>
      </c>
      <c r="B87" s="21">
        <v>146</v>
      </c>
      <c r="C87" s="6">
        <v>137</v>
      </c>
      <c r="D87" s="5">
        <v>283</v>
      </c>
    </row>
    <row r="88" spans="1:4" ht="18" customHeight="1" x14ac:dyDescent="0.15">
      <c r="A88" s="8">
        <v>68</v>
      </c>
      <c r="B88" s="21">
        <v>126</v>
      </c>
      <c r="C88" s="6">
        <v>141</v>
      </c>
      <c r="D88" s="5">
        <v>267</v>
      </c>
    </row>
    <row r="89" spans="1:4" ht="18" customHeight="1" x14ac:dyDescent="0.15">
      <c r="A89" s="8">
        <v>69</v>
      </c>
      <c r="B89" s="21">
        <v>135</v>
      </c>
      <c r="C89" s="6">
        <v>120</v>
      </c>
      <c r="D89" s="5">
        <v>255</v>
      </c>
    </row>
    <row r="90" spans="1:4" ht="18" customHeight="1" x14ac:dyDescent="0.15">
      <c r="A90" s="8" t="s">
        <v>10</v>
      </c>
      <c r="B90" s="21">
        <v>671</v>
      </c>
      <c r="C90" s="6">
        <v>680</v>
      </c>
      <c r="D90" s="5">
        <v>1351</v>
      </c>
    </row>
    <row r="91" spans="1:4" ht="18" customHeight="1" x14ac:dyDescent="0.15">
      <c r="A91" s="8">
        <v>70</v>
      </c>
      <c r="B91" s="21">
        <v>134</v>
      </c>
      <c r="C91" s="6">
        <v>166</v>
      </c>
      <c r="D91" s="5">
        <v>300</v>
      </c>
    </row>
    <row r="92" spans="1:4" ht="18" customHeight="1" x14ac:dyDescent="0.15">
      <c r="A92" s="8">
        <v>71</v>
      </c>
      <c r="B92" s="21">
        <v>148</v>
      </c>
      <c r="C92" s="6">
        <v>158</v>
      </c>
      <c r="D92" s="5">
        <v>306</v>
      </c>
    </row>
    <row r="93" spans="1:4" ht="18" customHeight="1" x14ac:dyDescent="0.15">
      <c r="A93" s="8">
        <v>72</v>
      </c>
      <c r="B93" s="21">
        <v>130</v>
      </c>
      <c r="C93" s="6">
        <v>140</v>
      </c>
      <c r="D93" s="5">
        <v>270</v>
      </c>
    </row>
    <row r="94" spans="1:4" ht="18" customHeight="1" x14ac:dyDescent="0.15">
      <c r="A94" s="8">
        <v>73</v>
      </c>
      <c r="B94" s="21">
        <v>137</v>
      </c>
      <c r="C94" s="6">
        <v>147</v>
      </c>
      <c r="D94" s="5">
        <v>284</v>
      </c>
    </row>
    <row r="95" spans="1:4" ht="18" customHeight="1" x14ac:dyDescent="0.15">
      <c r="A95" s="8">
        <v>74</v>
      </c>
      <c r="B95" s="21">
        <v>141</v>
      </c>
      <c r="C95" s="6">
        <v>145</v>
      </c>
      <c r="D95" s="5">
        <v>286</v>
      </c>
    </row>
    <row r="96" spans="1:4" ht="18" customHeight="1" x14ac:dyDescent="0.15">
      <c r="A96" s="8" t="s">
        <v>9</v>
      </c>
      <c r="B96" s="21">
        <v>690</v>
      </c>
      <c r="C96" s="6">
        <v>756</v>
      </c>
      <c r="D96" s="5">
        <v>1446</v>
      </c>
    </row>
    <row r="97" spans="1:4" ht="18" customHeight="1" x14ac:dyDescent="0.15">
      <c r="A97" s="8">
        <v>75</v>
      </c>
      <c r="B97" s="21">
        <v>156</v>
      </c>
      <c r="C97" s="6">
        <v>140</v>
      </c>
      <c r="D97" s="5">
        <v>296</v>
      </c>
    </row>
    <row r="98" spans="1:4" ht="18" customHeight="1" x14ac:dyDescent="0.15">
      <c r="A98" s="8">
        <v>76</v>
      </c>
      <c r="B98" s="21">
        <v>150</v>
      </c>
      <c r="C98" s="6">
        <v>191</v>
      </c>
      <c r="D98" s="5">
        <v>341</v>
      </c>
    </row>
    <row r="99" spans="1:4" ht="18" customHeight="1" x14ac:dyDescent="0.15">
      <c r="A99" s="8">
        <v>77</v>
      </c>
      <c r="B99" s="21">
        <v>152</v>
      </c>
      <c r="C99" s="6">
        <v>180</v>
      </c>
      <c r="D99" s="5">
        <v>332</v>
      </c>
    </row>
    <row r="100" spans="1:4" ht="18" customHeight="1" x14ac:dyDescent="0.15">
      <c r="A100" s="8">
        <v>78</v>
      </c>
      <c r="B100" s="21">
        <v>160</v>
      </c>
      <c r="C100" s="6">
        <v>200</v>
      </c>
      <c r="D100" s="5">
        <v>360</v>
      </c>
    </row>
    <row r="101" spans="1:4" ht="18" customHeight="1" x14ac:dyDescent="0.15">
      <c r="A101" s="8">
        <v>79</v>
      </c>
      <c r="B101" s="21">
        <v>82</v>
      </c>
      <c r="C101" s="6">
        <v>108</v>
      </c>
      <c r="D101" s="5">
        <v>190</v>
      </c>
    </row>
    <row r="102" spans="1:4" ht="18" customHeight="1" x14ac:dyDescent="0.15">
      <c r="A102" s="8" t="s">
        <v>8</v>
      </c>
      <c r="B102" s="21">
        <v>700</v>
      </c>
      <c r="C102" s="6">
        <v>819</v>
      </c>
      <c r="D102" s="5">
        <v>1519</v>
      </c>
    </row>
    <row r="103" spans="1:4" ht="18" customHeight="1" x14ac:dyDescent="0.15">
      <c r="A103" s="8">
        <v>80</v>
      </c>
      <c r="B103" s="21">
        <v>77</v>
      </c>
      <c r="C103" s="6">
        <v>115</v>
      </c>
      <c r="D103" s="5">
        <v>192</v>
      </c>
    </row>
    <row r="104" spans="1:4" ht="18" customHeight="1" x14ac:dyDescent="0.15">
      <c r="A104" s="8">
        <v>81</v>
      </c>
      <c r="B104" s="21">
        <v>96</v>
      </c>
      <c r="C104" s="6">
        <v>144</v>
      </c>
      <c r="D104" s="5">
        <v>240</v>
      </c>
    </row>
    <row r="105" spans="1:4" ht="18" customHeight="1" x14ac:dyDescent="0.15">
      <c r="A105" s="8">
        <v>82</v>
      </c>
      <c r="B105" s="21">
        <v>82</v>
      </c>
      <c r="C105" s="6">
        <v>147</v>
      </c>
      <c r="D105" s="5">
        <v>229</v>
      </c>
    </row>
    <row r="106" spans="1:4" ht="18" customHeight="1" x14ac:dyDescent="0.15">
      <c r="A106" s="8">
        <v>83</v>
      </c>
      <c r="B106" s="21">
        <v>93</v>
      </c>
      <c r="C106" s="6">
        <v>152</v>
      </c>
      <c r="D106" s="5">
        <v>245</v>
      </c>
    </row>
    <row r="107" spans="1:4" ht="18" customHeight="1" x14ac:dyDescent="0.15">
      <c r="A107" s="8">
        <v>84</v>
      </c>
      <c r="B107" s="21">
        <v>83</v>
      </c>
      <c r="C107" s="6">
        <v>138</v>
      </c>
      <c r="D107" s="5">
        <v>221</v>
      </c>
    </row>
    <row r="108" spans="1:4" ht="18" customHeight="1" x14ac:dyDescent="0.15">
      <c r="A108" s="8" t="s">
        <v>7</v>
      </c>
      <c r="B108" s="21">
        <v>431</v>
      </c>
      <c r="C108" s="6">
        <v>696</v>
      </c>
      <c r="D108" s="5">
        <v>1127</v>
      </c>
    </row>
    <row r="109" spans="1:4" ht="18" customHeight="1" x14ac:dyDescent="0.15">
      <c r="A109" s="8">
        <v>85</v>
      </c>
      <c r="B109" s="21">
        <v>74</v>
      </c>
      <c r="C109" s="6">
        <v>115</v>
      </c>
      <c r="D109" s="5">
        <v>189</v>
      </c>
    </row>
    <row r="110" spans="1:4" ht="18" customHeight="1" x14ac:dyDescent="0.15">
      <c r="A110" s="8">
        <v>86</v>
      </c>
      <c r="B110" s="21">
        <v>66</v>
      </c>
      <c r="C110" s="6">
        <v>91</v>
      </c>
      <c r="D110" s="5">
        <v>157</v>
      </c>
    </row>
    <row r="111" spans="1:4" ht="18" customHeight="1" x14ac:dyDescent="0.15">
      <c r="A111" s="8">
        <v>87</v>
      </c>
      <c r="B111" s="21">
        <v>56</v>
      </c>
      <c r="C111" s="6">
        <v>81</v>
      </c>
      <c r="D111" s="5">
        <v>137</v>
      </c>
    </row>
    <row r="112" spans="1:4" ht="18" customHeight="1" x14ac:dyDescent="0.15">
      <c r="A112" s="8">
        <v>88</v>
      </c>
      <c r="B112" s="21">
        <v>36</v>
      </c>
      <c r="C112" s="6">
        <v>86</v>
      </c>
      <c r="D112" s="5">
        <v>122</v>
      </c>
    </row>
    <row r="113" spans="1:4" ht="18" customHeight="1" x14ac:dyDescent="0.15">
      <c r="A113" s="8">
        <v>89</v>
      </c>
      <c r="B113" s="21">
        <v>48</v>
      </c>
      <c r="C113" s="6">
        <v>90</v>
      </c>
      <c r="D113" s="5">
        <v>138</v>
      </c>
    </row>
    <row r="114" spans="1:4" ht="18" customHeight="1" x14ac:dyDescent="0.15">
      <c r="A114" s="8" t="s">
        <v>6</v>
      </c>
      <c r="B114" s="21">
        <v>280</v>
      </c>
      <c r="C114" s="6">
        <v>463</v>
      </c>
      <c r="D114" s="5">
        <v>743</v>
      </c>
    </row>
    <row r="115" spans="1:4" ht="18" customHeight="1" x14ac:dyDescent="0.15">
      <c r="A115" s="8">
        <v>90</v>
      </c>
      <c r="B115" s="21">
        <v>29</v>
      </c>
      <c r="C115" s="6">
        <v>88</v>
      </c>
      <c r="D115" s="5">
        <v>117</v>
      </c>
    </row>
    <row r="116" spans="1:4" ht="18" customHeight="1" x14ac:dyDescent="0.15">
      <c r="A116" s="8">
        <v>91</v>
      </c>
      <c r="B116" s="21">
        <v>33</v>
      </c>
      <c r="C116" s="6">
        <v>77</v>
      </c>
      <c r="D116" s="5">
        <v>110</v>
      </c>
    </row>
    <row r="117" spans="1:4" ht="18" customHeight="1" x14ac:dyDescent="0.15">
      <c r="A117" s="8">
        <v>92</v>
      </c>
      <c r="B117" s="21">
        <v>14</v>
      </c>
      <c r="C117" s="6">
        <v>54</v>
      </c>
      <c r="D117" s="5">
        <v>68</v>
      </c>
    </row>
    <row r="118" spans="1:4" ht="18" customHeight="1" x14ac:dyDescent="0.15">
      <c r="A118" s="8">
        <v>93</v>
      </c>
      <c r="B118" s="21">
        <v>17</v>
      </c>
      <c r="C118" s="6">
        <v>50</v>
      </c>
      <c r="D118" s="5">
        <v>67</v>
      </c>
    </row>
    <row r="119" spans="1:4" ht="18" customHeight="1" x14ac:dyDescent="0.15">
      <c r="A119" s="8">
        <v>94</v>
      </c>
      <c r="B119" s="21">
        <v>10</v>
      </c>
      <c r="C119" s="6">
        <v>49</v>
      </c>
      <c r="D119" s="5">
        <v>59</v>
      </c>
    </row>
    <row r="120" spans="1:4" ht="18" customHeight="1" x14ac:dyDescent="0.15">
      <c r="A120" s="8" t="s">
        <v>5</v>
      </c>
      <c r="B120" s="21">
        <v>103</v>
      </c>
      <c r="C120" s="6">
        <v>318</v>
      </c>
      <c r="D120" s="5">
        <v>421</v>
      </c>
    </row>
    <row r="121" spans="1:4" ht="18" customHeight="1" x14ac:dyDescent="0.15">
      <c r="A121" s="8">
        <v>95</v>
      </c>
      <c r="B121" s="21">
        <v>10</v>
      </c>
      <c r="C121" s="6">
        <v>46</v>
      </c>
      <c r="D121" s="5">
        <v>56</v>
      </c>
    </row>
    <row r="122" spans="1:4" ht="18" customHeight="1" x14ac:dyDescent="0.15">
      <c r="A122" s="8">
        <v>96</v>
      </c>
      <c r="B122" s="21">
        <v>4</v>
      </c>
      <c r="C122" s="6">
        <v>31</v>
      </c>
      <c r="D122" s="5">
        <v>35</v>
      </c>
    </row>
    <row r="123" spans="1:4" ht="18" customHeight="1" x14ac:dyDescent="0.15">
      <c r="A123" s="8">
        <v>97</v>
      </c>
      <c r="B123" s="21">
        <v>5</v>
      </c>
      <c r="C123" s="6">
        <v>25</v>
      </c>
      <c r="D123" s="5">
        <v>30</v>
      </c>
    </row>
    <row r="124" spans="1:4" ht="18" customHeight="1" x14ac:dyDescent="0.15">
      <c r="A124" s="8">
        <v>98</v>
      </c>
      <c r="B124" s="21">
        <v>1</v>
      </c>
      <c r="C124" s="6">
        <v>12</v>
      </c>
      <c r="D124" s="5">
        <v>13</v>
      </c>
    </row>
    <row r="125" spans="1:4" ht="18" customHeight="1" x14ac:dyDescent="0.15">
      <c r="A125" s="8">
        <v>99</v>
      </c>
      <c r="B125" s="21">
        <v>2</v>
      </c>
      <c r="C125" s="6">
        <v>8</v>
      </c>
      <c r="D125" s="5">
        <v>10</v>
      </c>
    </row>
    <row r="126" spans="1:4" ht="18" customHeight="1" x14ac:dyDescent="0.15">
      <c r="A126" s="8" t="s">
        <v>4</v>
      </c>
      <c r="B126" s="21">
        <v>22</v>
      </c>
      <c r="C126" s="6">
        <v>122</v>
      </c>
      <c r="D126" s="5">
        <v>144</v>
      </c>
    </row>
    <row r="127" spans="1:4" ht="18" customHeight="1" x14ac:dyDescent="0.15">
      <c r="A127" s="8">
        <v>100</v>
      </c>
      <c r="B127" s="21">
        <v>1</v>
      </c>
      <c r="C127" s="6">
        <v>9</v>
      </c>
      <c r="D127" s="5">
        <v>10</v>
      </c>
    </row>
    <row r="128" spans="1:4" ht="18" customHeight="1" x14ac:dyDescent="0.15">
      <c r="A128" s="9" t="s">
        <v>3</v>
      </c>
      <c r="B128" s="21">
        <v>1</v>
      </c>
      <c r="C128" s="6">
        <v>10</v>
      </c>
      <c r="D128" s="5">
        <v>11</v>
      </c>
    </row>
    <row r="129" spans="1:4" ht="18" customHeight="1" x14ac:dyDescent="0.15">
      <c r="A129" s="8" t="s">
        <v>2</v>
      </c>
      <c r="B129" s="21">
        <v>2</v>
      </c>
      <c r="C129" s="6">
        <v>19</v>
      </c>
      <c r="D129" s="5">
        <v>21</v>
      </c>
    </row>
    <row r="130" spans="1:4" ht="18" customHeight="1" x14ac:dyDescent="0.15">
      <c r="A130" s="8" t="s">
        <v>1</v>
      </c>
      <c r="B130" s="21">
        <v>2899</v>
      </c>
      <c r="C130" s="6">
        <v>3873</v>
      </c>
      <c r="D130" s="5">
        <v>6772</v>
      </c>
    </row>
    <row r="131" spans="1:4" ht="18" customHeight="1" x14ac:dyDescent="0.15">
      <c r="A131" s="4" t="s">
        <v>0</v>
      </c>
      <c r="B131" s="20">
        <v>10278</v>
      </c>
      <c r="C131" s="2">
        <v>10570</v>
      </c>
      <c r="D131" s="1">
        <v>2084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0D77EA-5053-47B8-BFB0-A9E6D4C2C233}">
  <sheetPr codeName="Sheet6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3</v>
      </c>
      <c r="C5" s="31">
        <v>3</v>
      </c>
      <c r="D5" s="30">
        <v>6</v>
      </c>
    </row>
    <row r="6" spans="1:4" ht="18" customHeight="1" x14ac:dyDescent="0.15">
      <c r="A6" s="8">
        <v>1</v>
      </c>
      <c r="B6" s="26">
        <v>4</v>
      </c>
      <c r="C6" s="6">
        <v>1</v>
      </c>
      <c r="D6" s="5">
        <v>5</v>
      </c>
    </row>
    <row r="7" spans="1:4" ht="18" customHeight="1" x14ac:dyDescent="0.15">
      <c r="A7" s="8">
        <v>2</v>
      </c>
      <c r="B7" s="26">
        <v>2</v>
      </c>
      <c r="C7" s="6">
        <v>6</v>
      </c>
      <c r="D7" s="5">
        <v>8</v>
      </c>
    </row>
    <row r="8" spans="1:4" ht="18" customHeight="1" x14ac:dyDescent="0.15">
      <c r="A8" s="8">
        <v>3</v>
      </c>
      <c r="B8" s="26">
        <v>3</v>
      </c>
      <c r="C8" s="6">
        <v>7</v>
      </c>
      <c r="D8" s="5">
        <v>10</v>
      </c>
    </row>
    <row r="9" spans="1:4" ht="18" customHeight="1" x14ac:dyDescent="0.15">
      <c r="A9" s="8">
        <v>4</v>
      </c>
      <c r="B9" s="29">
        <v>5</v>
      </c>
      <c r="C9" s="28">
        <v>6</v>
      </c>
      <c r="D9" s="27">
        <v>11</v>
      </c>
    </row>
    <row r="10" spans="1:4" ht="18" customHeight="1" x14ac:dyDescent="0.15">
      <c r="A10" s="8" t="s">
        <v>25</v>
      </c>
      <c r="B10" s="21">
        <v>17</v>
      </c>
      <c r="C10" s="6">
        <v>23</v>
      </c>
      <c r="D10" s="5">
        <v>40</v>
      </c>
    </row>
    <row r="11" spans="1:4" ht="18" customHeight="1" x14ac:dyDescent="0.15">
      <c r="A11" s="8">
        <v>5</v>
      </c>
      <c r="B11" s="26">
        <v>2</v>
      </c>
      <c r="C11" s="6">
        <v>5</v>
      </c>
      <c r="D11" s="5">
        <v>7</v>
      </c>
    </row>
    <row r="12" spans="1:4" ht="18" customHeight="1" x14ac:dyDescent="0.15">
      <c r="A12" s="8">
        <v>6</v>
      </c>
      <c r="B12" s="26">
        <v>4</v>
      </c>
      <c r="C12" s="6">
        <v>7</v>
      </c>
      <c r="D12" s="5">
        <v>11</v>
      </c>
    </row>
    <row r="13" spans="1:4" ht="18" customHeight="1" x14ac:dyDescent="0.15">
      <c r="A13" s="8">
        <v>7</v>
      </c>
      <c r="B13" s="26">
        <v>5</v>
      </c>
      <c r="C13" s="6">
        <v>3</v>
      </c>
      <c r="D13" s="5">
        <v>8</v>
      </c>
    </row>
    <row r="14" spans="1:4" ht="18" customHeight="1" x14ac:dyDescent="0.15">
      <c r="A14" s="8">
        <v>8</v>
      </c>
      <c r="B14" s="26">
        <v>6</v>
      </c>
      <c r="C14" s="6">
        <v>7</v>
      </c>
      <c r="D14" s="5">
        <v>13</v>
      </c>
    </row>
    <row r="15" spans="1:4" ht="18" customHeight="1" x14ac:dyDescent="0.15">
      <c r="A15" s="8">
        <v>9</v>
      </c>
      <c r="B15" s="26">
        <v>6</v>
      </c>
      <c r="C15" s="6">
        <v>7</v>
      </c>
      <c r="D15" s="5">
        <v>13</v>
      </c>
    </row>
    <row r="16" spans="1:4" ht="18" customHeight="1" x14ac:dyDescent="0.15">
      <c r="A16" s="8" t="s">
        <v>24</v>
      </c>
      <c r="B16" s="21">
        <v>23</v>
      </c>
      <c r="C16" s="6">
        <v>29</v>
      </c>
      <c r="D16" s="5">
        <v>52</v>
      </c>
    </row>
    <row r="17" spans="1:4" ht="18" customHeight="1" x14ac:dyDescent="0.15">
      <c r="A17" s="8">
        <v>10</v>
      </c>
      <c r="B17" s="21">
        <v>12</v>
      </c>
      <c r="C17" s="6">
        <v>5</v>
      </c>
      <c r="D17" s="5">
        <v>17</v>
      </c>
    </row>
    <row r="18" spans="1:4" ht="18" customHeight="1" x14ac:dyDescent="0.15">
      <c r="A18" s="8">
        <v>11</v>
      </c>
      <c r="B18" s="21">
        <v>12</v>
      </c>
      <c r="C18" s="6">
        <v>4</v>
      </c>
      <c r="D18" s="5">
        <v>16</v>
      </c>
    </row>
    <row r="19" spans="1:4" ht="18" customHeight="1" x14ac:dyDescent="0.15">
      <c r="A19" s="8">
        <v>12</v>
      </c>
      <c r="B19" s="21">
        <v>3</v>
      </c>
      <c r="C19" s="6">
        <v>5</v>
      </c>
      <c r="D19" s="5">
        <v>8</v>
      </c>
    </row>
    <row r="20" spans="1:4" ht="18" customHeight="1" x14ac:dyDescent="0.15">
      <c r="A20" s="8">
        <v>13</v>
      </c>
      <c r="B20" s="21">
        <v>10</v>
      </c>
      <c r="C20" s="6">
        <v>6</v>
      </c>
      <c r="D20" s="5">
        <v>16</v>
      </c>
    </row>
    <row r="21" spans="1:4" ht="18" customHeight="1" x14ac:dyDescent="0.15">
      <c r="A21" s="8">
        <v>14</v>
      </c>
      <c r="B21" s="21">
        <v>7</v>
      </c>
      <c r="C21" s="6">
        <v>9</v>
      </c>
      <c r="D21" s="5">
        <v>16</v>
      </c>
    </row>
    <row r="22" spans="1:4" ht="18" customHeight="1" x14ac:dyDescent="0.15">
      <c r="A22" s="8" t="s">
        <v>23</v>
      </c>
      <c r="B22" s="21">
        <v>44</v>
      </c>
      <c r="C22" s="6">
        <v>29</v>
      </c>
      <c r="D22" s="5">
        <v>73</v>
      </c>
    </row>
    <row r="23" spans="1:4" ht="18" customHeight="1" x14ac:dyDescent="0.15">
      <c r="A23" s="8" t="s">
        <v>22</v>
      </c>
      <c r="B23" s="21">
        <v>84</v>
      </c>
      <c r="C23" s="6">
        <v>81</v>
      </c>
      <c r="D23" s="5">
        <v>165</v>
      </c>
    </row>
    <row r="24" spans="1:4" ht="18" customHeight="1" x14ac:dyDescent="0.15">
      <c r="A24" s="8">
        <v>15</v>
      </c>
      <c r="B24" s="21">
        <v>8</v>
      </c>
      <c r="C24" s="6">
        <v>5</v>
      </c>
      <c r="D24" s="5">
        <v>13</v>
      </c>
    </row>
    <row r="25" spans="1:4" ht="18" customHeight="1" x14ac:dyDescent="0.15">
      <c r="A25" s="8">
        <v>16</v>
      </c>
      <c r="B25" s="21">
        <v>5</v>
      </c>
      <c r="C25" s="6">
        <v>4</v>
      </c>
      <c r="D25" s="5">
        <v>9</v>
      </c>
    </row>
    <row r="26" spans="1:4" ht="18" customHeight="1" x14ac:dyDescent="0.15">
      <c r="A26" s="8">
        <v>17</v>
      </c>
      <c r="B26" s="21">
        <v>8</v>
      </c>
      <c r="C26" s="6">
        <v>7</v>
      </c>
      <c r="D26" s="5">
        <v>15</v>
      </c>
    </row>
    <row r="27" spans="1:4" ht="18" customHeight="1" x14ac:dyDescent="0.15">
      <c r="A27" s="8">
        <v>18</v>
      </c>
      <c r="B27" s="21">
        <v>5</v>
      </c>
      <c r="C27" s="6">
        <v>7</v>
      </c>
      <c r="D27" s="5">
        <v>12</v>
      </c>
    </row>
    <row r="28" spans="1:4" ht="18" customHeight="1" x14ac:dyDescent="0.15">
      <c r="A28" s="8">
        <v>19</v>
      </c>
      <c r="B28" s="21">
        <v>13</v>
      </c>
      <c r="C28" s="6">
        <v>9</v>
      </c>
      <c r="D28" s="5">
        <v>22</v>
      </c>
    </row>
    <row r="29" spans="1:4" ht="18" customHeight="1" x14ac:dyDescent="0.15">
      <c r="A29" s="8" t="s">
        <v>21</v>
      </c>
      <c r="B29" s="21">
        <v>39</v>
      </c>
      <c r="C29" s="6">
        <v>32</v>
      </c>
      <c r="D29" s="5">
        <v>71</v>
      </c>
    </row>
    <row r="30" spans="1:4" ht="18" customHeight="1" x14ac:dyDescent="0.15">
      <c r="A30" s="8">
        <v>20</v>
      </c>
      <c r="B30" s="21">
        <v>8</v>
      </c>
      <c r="C30" s="6">
        <v>7</v>
      </c>
      <c r="D30" s="5">
        <v>15</v>
      </c>
    </row>
    <row r="31" spans="1:4" ht="18" customHeight="1" x14ac:dyDescent="0.15">
      <c r="A31" s="8">
        <v>21</v>
      </c>
      <c r="B31" s="21">
        <v>10</v>
      </c>
      <c r="C31" s="6">
        <v>9</v>
      </c>
      <c r="D31" s="5">
        <v>19</v>
      </c>
    </row>
    <row r="32" spans="1:4" ht="18" customHeight="1" x14ac:dyDescent="0.15">
      <c r="A32" s="8">
        <v>22</v>
      </c>
      <c r="B32" s="21">
        <v>9</v>
      </c>
      <c r="C32" s="6">
        <v>12</v>
      </c>
      <c r="D32" s="5">
        <v>21</v>
      </c>
    </row>
    <row r="33" spans="1:4" ht="18" customHeight="1" x14ac:dyDescent="0.15">
      <c r="A33" s="8">
        <v>23</v>
      </c>
      <c r="B33" s="21">
        <v>8</v>
      </c>
      <c r="C33" s="6">
        <v>7</v>
      </c>
      <c r="D33" s="5">
        <v>15</v>
      </c>
    </row>
    <row r="34" spans="1:4" ht="18" customHeight="1" x14ac:dyDescent="0.15">
      <c r="A34" s="8">
        <v>24</v>
      </c>
      <c r="B34" s="21">
        <v>15</v>
      </c>
      <c r="C34" s="6">
        <v>5</v>
      </c>
      <c r="D34" s="5">
        <v>20</v>
      </c>
    </row>
    <row r="35" spans="1:4" ht="18" customHeight="1" x14ac:dyDescent="0.15">
      <c r="A35" s="8" t="s">
        <v>20</v>
      </c>
      <c r="B35" s="21">
        <v>50</v>
      </c>
      <c r="C35" s="6">
        <v>40</v>
      </c>
      <c r="D35" s="5">
        <v>90</v>
      </c>
    </row>
    <row r="36" spans="1:4" ht="18" customHeight="1" x14ac:dyDescent="0.15">
      <c r="A36" s="8">
        <v>25</v>
      </c>
      <c r="B36" s="21">
        <v>7</v>
      </c>
      <c r="C36" s="6">
        <v>9</v>
      </c>
      <c r="D36" s="5">
        <v>16</v>
      </c>
    </row>
    <row r="37" spans="1:4" ht="18" customHeight="1" x14ac:dyDescent="0.15">
      <c r="A37" s="8">
        <v>26</v>
      </c>
      <c r="B37" s="21">
        <v>16</v>
      </c>
      <c r="C37" s="6">
        <v>9</v>
      </c>
      <c r="D37" s="5">
        <v>25</v>
      </c>
    </row>
    <row r="38" spans="1:4" ht="18" customHeight="1" x14ac:dyDescent="0.15">
      <c r="A38" s="8">
        <v>27</v>
      </c>
      <c r="B38" s="21">
        <v>6</v>
      </c>
      <c r="C38" s="6">
        <v>7</v>
      </c>
      <c r="D38" s="5">
        <v>13</v>
      </c>
    </row>
    <row r="39" spans="1:4" ht="18" customHeight="1" x14ac:dyDescent="0.15">
      <c r="A39" s="8">
        <v>28</v>
      </c>
      <c r="B39" s="21">
        <v>14</v>
      </c>
      <c r="C39" s="6">
        <v>7</v>
      </c>
      <c r="D39" s="5">
        <v>21</v>
      </c>
    </row>
    <row r="40" spans="1:4" ht="18" customHeight="1" x14ac:dyDescent="0.15">
      <c r="A40" s="8">
        <v>29</v>
      </c>
      <c r="B40" s="21">
        <v>4</v>
      </c>
      <c r="C40" s="6">
        <v>7</v>
      </c>
      <c r="D40" s="5">
        <v>11</v>
      </c>
    </row>
    <row r="41" spans="1:4" ht="18" customHeight="1" x14ac:dyDescent="0.15">
      <c r="A41" s="8" t="s">
        <v>19</v>
      </c>
      <c r="B41" s="21">
        <v>47</v>
      </c>
      <c r="C41" s="6">
        <v>39</v>
      </c>
      <c r="D41" s="5">
        <v>86</v>
      </c>
    </row>
    <row r="42" spans="1:4" ht="18" customHeight="1" x14ac:dyDescent="0.15">
      <c r="A42" s="8">
        <v>30</v>
      </c>
      <c r="B42" s="21">
        <v>6</v>
      </c>
      <c r="C42" s="6">
        <v>9</v>
      </c>
      <c r="D42" s="5">
        <v>15</v>
      </c>
    </row>
    <row r="43" spans="1:4" ht="18" customHeight="1" x14ac:dyDescent="0.15">
      <c r="A43" s="8">
        <v>31</v>
      </c>
      <c r="B43" s="21">
        <v>10</v>
      </c>
      <c r="C43" s="6">
        <v>6</v>
      </c>
      <c r="D43" s="5">
        <v>16</v>
      </c>
    </row>
    <row r="44" spans="1:4" ht="18" customHeight="1" x14ac:dyDescent="0.15">
      <c r="A44" s="8">
        <v>32</v>
      </c>
      <c r="B44" s="21">
        <v>5</v>
      </c>
      <c r="C44" s="6">
        <v>8</v>
      </c>
      <c r="D44" s="5">
        <v>13</v>
      </c>
    </row>
    <row r="45" spans="1:4" ht="18" customHeight="1" x14ac:dyDescent="0.15">
      <c r="A45" s="8">
        <v>33</v>
      </c>
      <c r="B45" s="21">
        <v>8</v>
      </c>
      <c r="C45" s="6">
        <v>9</v>
      </c>
      <c r="D45" s="5">
        <v>17</v>
      </c>
    </row>
    <row r="46" spans="1:4" ht="18" customHeight="1" x14ac:dyDescent="0.15">
      <c r="A46" s="8">
        <v>34</v>
      </c>
      <c r="B46" s="21">
        <v>6</v>
      </c>
      <c r="C46" s="6">
        <v>6</v>
      </c>
      <c r="D46" s="5">
        <v>12</v>
      </c>
    </row>
    <row r="47" spans="1:4" ht="18" customHeight="1" x14ac:dyDescent="0.15">
      <c r="A47" s="8" t="s">
        <v>18</v>
      </c>
      <c r="B47" s="21">
        <v>35</v>
      </c>
      <c r="C47" s="6">
        <v>38</v>
      </c>
      <c r="D47" s="5">
        <v>73</v>
      </c>
    </row>
    <row r="48" spans="1:4" ht="18" customHeight="1" x14ac:dyDescent="0.15">
      <c r="A48" s="8">
        <v>35</v>
      </c>
      <c r="B48" s="21">
        <v>5</v>
      </c>
      <c r="C48" s="6">
        <v>5</v>
      </c>
      <c r="D48" s="5">
        <v>10</v>
      </c>
    </row>
    <row r="49" spans="1:4" ht="18" customHeight="1" x14ac:dyDescent="0.15">
      <c r="A49" s="8">
        <v>36</v>
      </c>
      <c r="B49" s="21">
        <v>8</v>
      </c>
      <c r="C49" s="6">
        <v>7</v>
      </c>
      <c r="D49" s="5">
        <v>15</v>
      </c>
    </row>
    <row r="50" spans="1:4" ht="18" customHeight="1" x14ac:dyDescent="0.15">
      <c r="A50" s="8">
        <v>37</v>
      </c>
      <c r="B50" s="21">
        <v>5</v>
      </c>
      <c r="C50" s="6">
        <v>5</v>
      </c>
      <c r="D50" s="5">
        <v>10</v>
      </c>
    </row>
    <row r="51" spans="1:4" ht="18" customHeight="1" x14ac:dyDescent="0.15">
      <c r="A51" s="8">
        <v>38</v>
      </c>
      <c r="B51" s="21">
        <v>13</v>
      </c>
      <c r="C51" s="6">
        <v>8</v>
      </c>
      <c r="D51" s="5">
        <v>21</v>
      </c>
    </row>
    <row r="52" spans="1:4" ht="18" customHeight="1" x14ac:dyDescent="0.15">
      <c r="A52" s="8">
        <v>39</v>
      </c>
      <c r="B52" s="21">
        <v>11</v>
      </c>
      <c r="C52" s="6">
        <v>7</v>
      </c>
      <c r="D52" s="5">
        <v>18</v>
      </c>
    </row>
    <row r="53" spans="1:4" ht="18" customHeight="1" x14ac:dyDescent="0.15">
      <c r="A53" s="8" t="s">
        <v>17</v>
      </c>
      <c r="B53" s="21">
        <v>42</v>
      </c>
      <c r="C53" s="6">
        <v>32</v>
      </c>
      <c r="D53" s="5">
        <v>74</v>
      </c>
    </row>
    <row r="54" spans="1:4" ht="18" customHeight="1" x14ac:dyDescent="0.15">
      <c r="A54" s="8">
        <v>40</v>
      </c>
      <c r="B54" s="21">
        <v>7</v>
      </c>
      <c r="C54" s="6">
        <v>11</v>
      </c>
      <c r="D54" s="5">
        <v>18</v>
      </c>
    </row>
    <row r="55" spans="1:4" ht="18" customHeight="1" x14ac:dyDescent="0.15">
      <c r="A55" s="8">
        <v>41</v>
      </c>
      <c r="B55" s="21">
        <v>23</v>
      </c>
      <c r="C55" s="6">
        <v>9</v>
      </c>
      <c r="D55" s="5">
        <v>32</v>
      </c>
    </row>
    <row r="56" spans="1:4" ht="18" customHeight="1" x14ac:dyDescent="0.15">
      <c r="A56" s="8">
        <v>42</v>
      </c>
      <c r="B56" s="21">
        <v>12</v>
      </c>
      <c r="C56" s="6">
        <v>15</v>
      </c>
      <c r="D56" s="5">
        <v>27</v>
      </c>
    </row>
    <row r="57" spans="1:4" ht="18" customHeight="1" x14ac:dyDescent="0.15">
      <c r="A57" s="8">
        <v>43</v>
      </c>
      <c r="B57" s="21">
        <v>14</v>
      </c>
      <c r="C57" s="6">
        <v>9</v>
      </c>
      <c r="D57" s="5">
        <v>23</v>
      </c>
    </row>
    <row r="58" spans="1:4" ht="18" customHeight="1" x14ac:dyDescent="0.15">
      <c r="A58" s="8">
        <v>44</v>
      </c>
      <c r="B58" s="21">
        <v>10</v>
      </c>
      <c r="C58" s="6">
        <v>9</v>
      </c>
      <c r="D58" s="5">
        <v>19</v>
      </c>
    </row>
    <row r="59" spans="1:4" ht="18" customHeight="1" x14ac:dyDescent="0.15">
      <c r="A59" s="8" t="s">
        <v>16</v>
      </c>
      <c r="B59" s="21">
        <v>66</v>
      </c>
      <c r="C59" s="6">
        <v>53</v>
      </c>
      <c r="D59" s="5">
        <v>119</v>
      </c>
    </row>
    <row r="60" spans="1:4" ht="18" customHeight="1" x14ac:dyDescent="0.15">
      <c r="A60" s="8">
        <v>45</v>
      </c>
      <c r="B60" s="21">
        <v>7</v>
      </c>
      <c r="C60" s="6">
        <v>11</v>
      </c>
      <c r="D60" s="5">
        <v>18</v>
      </c>
    </row>
    <row r="61" spans="1:4" ht="18" customHeight="1" x14ac:dyDescent="0.15">
      <c r="A61" s="8">
        <v>46</v>
      </c>
      <c r="B61" s="21">
        <v>9</v>
      </c>
      <c r="C61" s="6">
        <v>9</v>
      </c>
      <c r="D61" s="5">
        <v>18</v>
      </c>
    </row>
    <row r="62" spans="1:4" ht="18" customHeight="1" x14ac:dyDescent="0.15">
      <c r="A62" s="8">
        <v>47</v>
      </c>
      <c r="B62" s="21">
        <v>12</v>
      </c>
      <c r="C62" s="6">
        <v>12</v>
      </c>
      <c r="D62" s="5">
        <v>24</v>
      </c>
    </row>
    <row r="63" spans="1:4" ht="18" customHeight="1" x14ac:dyDescent="0.15">
      <c r="A63" s="8">
        <v>48</v>
      </c>
      <c r="B63" s="21">
        <v>16</v>
      </c>
      <c r="C63" s="6">
        <v>15</v>
      </c>
      <c r="D63" s="5">
        <v>31</v>
      </c>
    </row>
    <row r="64" spans="1:4" ht="18" customHeight="1" x14ac:dyDescent="0.15">
      <c r="A64" s="8">
        <v>49</v>
      </c>
      <c r="B64" s="21">
        <v>19</v>
      </c>
      <c r="C64" s="6">
        <v>14</v>
      </c>
      <c r="D64" s="5">
        <v>33</v>
      </c>
    </row>
    <row r="65" spans="1:4" ht="18" customHeight="1" x14ac:dyDescent="0.15">
      <c r="A65" s="8" t="s">
        <v>15</v>
      </c>
      <c r="B65" s="21">
        <v>63</v>
      </c>
      <c r="C65" s="6">
        <v>61</v>
      </c>
      <c r="D65" s="5">
        <v>124</v>
      </c>
    </row>
    <row r="66" spans="1:4" ht="18" customHeight="1" x14ac:dyDescent="0.15">
      <c r="A66" s="8">
        <v>50</v>
      </c>
      <c r="B66" s="21">
        <v>15</v>
      </c>
      <c r="C66" s="6">
        <v>16</v>
      </c>
      <c r="D66" s="5">
        <v>31</v>
      </c>
    </row>
    <row r="67" spans="1:4" ht="18" customHeight="1" x14ac:dyDescent="0.15">
      <c r="A67" s="8">
        <v>51</v>
      </c>
      <c r="B67" s="21">
        <v>13</v>
      </c>
      <c r="C67" s="6">
        <v>17</v>
      </c>
      <c r="D67" s="5">
        <v>30</v>
      </c>
    </row>
    <row r="68" spans="1:4" ht="18" customHeight="1" x14ac:dyDescent="0.15">
      <c r="A68" s="8">
        <v>52</v>
      </c>
      <c r="B68" s="21">
        <v>14</v>
      </c>
      <c r="C68" s="6">
        <v>18</v>
      </c>
      <c r="D68" s="5">
        <v>32</v>
      </c>
    </row>
    <row r="69" spans="1:4" ht="18" customHeight="1" x14ac:dyDescent="0.15">
      <c r="A69" s="8">
        <v>53</v>
      </c>
      <c r="B69" s="21">
        <v>22</v>
      </c>
      <c r="C69" s="6">
        <v>19</v>
      </c>
      <c r="D69" s="5">
        <v>41</v>
      </c>
    </row>
    <row r="70" spans="1:4" ht="18" customHeight="1" x14ac:dyDescent="0.15">
      <c r="A70" s="8">
        <v>54</v>
      </c>
      <c r="B70" s="21">
        <v>26</v>
      </c>
      <c r="C70" s="6">
        <v>21</v>
      </c>
      <c r="D70" s="5">
        <v>47</v>
      </c>
    </row>
    <row r="71" spans="1:4" ht="18" customHeight="1" x14ac:dyDescent="0.15">
      <c r="A71" s="8" t="s">
        <v>14</v>
      </c>
      <c r="B71" s="21">
        <v>90</v>
      </c>
      <c r="C71" s="6">
        <v>91</v>
      </c>
      <c r="D71" s="5">
        <v>181</v>
      </c>
    </row>
    <row r="72" spans="1:4" ht="18" customHeight="1" x14ac:dyDescent="0.15">
      <c r="A72" s="8">
        <v>55</v>
      </c>
      <c r="B72" s="21">
        <v>25</v>
      </c>
      <c r="C72" s="6">
        <v>19</v>
      </c>
      <c r="D72" s="5">
        <v>44</v>
      </c>
    </row>
    <row r="73" spans="1:4" ht="18" customHeight="1" x14ac:dyDescent="0.15">
      <c r="A73" s="8">
        <v>56</v>
      </c>
      <c r="B73" s="21">
        <v>15</v>
      </c>
      <c r="C73" s="6">
        <v>19</v>
      </c>
      <c r="D73" s="5">
        <v>34</v>
      </c>
    </row>
    <row r="74" spans="1:4" ht="18" customHeight="1" x14ac:dyDescent="0.15">
      <c r="A74" s="8">
        <v>57</v>
      </c>
      <c r="B74" s="21">
        <v>17</v>
      </c>
      <c r="C74" s="6">
        <v>21</v>
      </c>
      <c r="D74" s="5">
        <v>38</v>
      </c>
    </row>
    <row r="75" spans="1:4" ht="18" customHeight="1" x14ac:dyDescent="0.15">
      <c r="A75" s="8">
        <v>58</v>
      </c>
      <c r="B75" s="21">
        <v>13</v>
      </c>
      <c r="C75" s="6">
        <v>21</v>
      </c>
      <c r="D75" s="5">
        <v>34</v>
      </c>
    </row>
    <row r="76" spans="1:4" ht="18" customHeight="1" x14ac:dyDescent="0.15">
      <c r="A76" s="8">
        <v>59</v>
      </c>
      <c r="B76" s="21">
        <v>16</v>
      </c>
      <c r="C76" s="6">
        <v>9</v>
      </c>
      <c r="D76" s="5">
        <v>25</v>
      </c>
    </row>
    <row r="77" spans="1:4" ht="18" customHeight="1" x14ac:dyDescent="0.15">
      <c r="A77" s="8" t="s">
        <v>13</v>
      </c>
      <c r="B77" s="21">
        <v>86</v>
      </c>
      <c r="C77" s="6">
        <v>89</v>
      </c>
      <c r="D77" s="5">
        <v>175</v>
      </c>
    </row>
    <row r="78" spans="1:4" ht="18" customHeight="1" x14ac:dyDescent="0.15">
      <c r="A78" s="8">
        <v>60</v>
      </c>
      <c r="B78" s="21">
        <v>16</v>
      </c>
      <c r="C78" s="6">
        <v>16</v>
      </c>
      <c r="D78" s="5">
        <v>32</v>
      </c>
    </row>
    <row r="79" spans="1:4" ht="18" customHeight="1" x14ac:dyDescent="0.15">
      <c r="A79" s="8">
        <v>61</v>
      </c>
      <c r="B79" s="21">
        <v>17</v>
      </c>
      <c r="C79" s="6">
        <v>16</v>
      </c>
      <c r="D79" s="5">
        <v>33</v>
      </c>
    </row>
    <row r="80" spans="1:4" ht="18" customHeight="1" x14ac:dyDescent="0.15">
      <c r="A80" s="8">
        <v>62</v>
      </c>
      <c r="B80" s="21">
        <v>13</v>
      </c>
      <c r="C80" s="6">
        <v>18</v>
      </c>
      <c r="D80" s="5">
        <v>31</v>
      </c>
    </row>
    <row r="81" spans="1:4" ht="18" customHeight="1" x14ac:dyDescent="0.15">
      <c r="A81" s="8">
        <v>63</v>
      </c>
      <c r="B81" s="21">
        <v>14</v>
      </c>
      <c r="C81" s="6">
        <v>7</v>
      </c>
      <c r="D81" s="5">
        <v>21</v>
      </c>
    </row>
    <row r="82" spans="1:4" ht="18" customHeight="1" x14ac:dyDescent="0.15">
      <c r="A82" s="8">
        <v>64</v>
      </c>
      <c r="B82" s="21">
        <v>20</v>
      </c>
      <c r="C82" s="6">
        <v>15</v>
      </c>
      <c r="D82" s="5">
        <v>35</v>
      </c>
    </row>
    <row r="83" spans="1:4" ht="18" customHeight="1" x14ac:dyDescent="0.15">
      <c r="A83" s="8" t="s">
        <v>12</v>
      </c>
      <c r="B83" s="21">
        <v>80</v>
      </c>
      <c r="C83" s="6">
        <v>72</v>
      </c>
      <c r="D83" s="5">
        <v>152</v>
      </c>
    </row>
    <row r="84" spans="1:4" ht="18" customHeight="1" x14ac:dyDescent="0.15">
      <c r="A84" s="8" t="s">
        <v>11</v>
      </c>
      <c r="B84" s="21">
        <v>598</v>
      </c>
      <c r="C84" s="6">
        <v>547</v>
      </c>
      <c r="D84" s="5">
        <v>1145</v>
      </c>
    </row>
    <row r="85" spans="1:4" ht="18" customHeight="1" x14ac:dyDescent="0.15">
      <c r="A85" s="8">
        <v>65</v>
      </c>
      <c r="B85" s="21">
        <v>20</v>
      </c>
      <c r="C85" s="6">
        <v>9</v>
      </c>
      <c r="D85" s="5">
        <v>29</v>
      </c>
    </row>
    <row r="86" spans="1:4" ht="18" customHeight="1" x14ac:dyDescent="0.15">
      <c r="A86" s="8">
        <v>66</v>
      </c>
      <c r="B86" s="21">
        <v>13</v>
      </c>
      <c r="C86" s="6">
        <v>22</v>
      </c>
      <c r="D86" s="5">
        <v>35</v>
      </c>
    </row>
    <row r="87" spans="1:4" ht="18" customHeight="1" x14ac:dyDescent="0.15">
      <c r="A87" s="8">
        <v>67</v>
      </c>
      <c r="B87" s="21">
        <v>18</v>
      </c>
      <c r="C87" s="6">
        <v>21</v>
      </c>
      <c r="D87" s="5">
        <v>39</v>
      </c>
    </row>
    <row r="88" spans="1:4" ht="18" customHeight="1" x14ac:dyDescent="0.15">
      <c r="A88" s="8">
        <v>68</v>
      </c>
      <c r="B88" s="21">
        <v>20</v>
      </c>
      <c r="C88" s="6">
        <v>16</v>
      </c>
      <c r="D88" s="5">
        <v>36</v>
      </c>
    </row>
    <row r="89" spans="1:4" ht="18" customHeight="1" x14ac:dyDescent="0.15">
      <c r="A89" s="8">
        <v>69</v>
      </c>
      <c r="B89" s="21">
        <v>15</v>
      </c>
      <c r="C89" s="6">
        <v>24</v>
      </c>
      <c r="D89" s="5">
        <v>39</v>
      </c>
    </row>
    <row r="90" spans="1:4" ht="18" customHeight="1" x14ac:dyDescent="0.15">
      <c r="A90" s="8" t="s">
        <v>10</v>
      </c>
      <c r="B90" s="21">
        <v>86</v>
      </c>
      <c r="C90" s="6">
        <v>92</v>
      </c>
      <c r="D90" s="5">
        <v>178</v>
      </c>
    </row>
    <row r="91" spans="1:4" ht="18" customHeight="1" x14ac:dyDescent="0.15">
      <c r="A91" s="8">
        <v>70</v>
      </c>
      <c r="B91" s="21">
        <v>8</v>
      </c>
      <c r="C91" s="6">
        <v>16</v>
      </c>
      <c r="D91" s="5">
        <v>24</v>
      </c>
    </row>
    <row r="92" spans="1:4" ht="18" customHeight="1" x14ac:dyDescent="0.15">
      <c r="A92" s="8">
        <v>71</v>
      </c>
      <c r="B92" s="21">
        <v>11</v>
      </c>
      <c r="C92" s="6">
        <v>22</v>
      </c>
      <c r="D92" s="5">
        <v>33</v>
      </c>
    </row>
    <row r="93" spans="1:4" ht="18" customHeight="1" x14ac:dyDescent="0.15">
      <c r="A93" s="8">
        <v>72</v>
      </c>
      <c r="B93" s="21">
        <v>16</v>
      </c>
      <c r="C93" s="6">
        <v>23</v>
      </c>
      <c r="D93" s="5">
        <v>39</v>
      </c>
    </row>
    <row r="94" spans="1:4" ht="18" customHeight="1" x14ac:dyDescent="0.15">
      <c r="A94" s="8">
        <v>73</v>
      </c>
      <c r="B94" s="21">
        <v>19</v>
      </c>
      <c r="C94" s="6">
        <v>22</v>
      </c>
      <c r="D94" s="5">
        <v>41</v>
      </c>
    </row>
    <row r="95" spans="1:4" ht="18" customHeight="1" x14ac:dyDescent="0.15">
      <c r="A95" s="8">
        <v>74</v>
      </c>
      <c r="B95" s="21">
        <v>23</v>
      </c>
      <c r="C95" s="6">
        <v>28</v>
      </c>
      <c r="D95" s="5">
        <v>51</v>
      </c>
    </row>
    <row r="96" spans="1:4" ht="18" customHeight="1" x14ac:dyDescent="0.15">
      <c r="A96" s="8" t="s">
        <v>9</v>
      </c>
      <c r="B96" s="21">
        <v>77</v>
      </c>
      <c r="C96" s="6">
        <v>111</v>
      </c>
      <c r="D96" s="5">
        <v>188</v>
      </c>
    </row>
    <row r="97" spans="1:4" ht="18" customHeight="1" x14ac:dyDescent="0.15">
      <c r="A97" s="8">
        <v>75</v>
      </c>
      <c r="B97" s="21">
        <v>25</v>
      </c>
      <c r="C97" s="6">
        <v>27</v>
      </c>
      <c r="D97" s="5">
        <v>52</v>
      </c>
    </row>
    <row r="98" spans="1:4" ht="18" customHeight="1" x14ac:dyDescent="0.15">
      <c r="A98" s="8">
        <v>76</v>
      </c>
      <c r="B98" s="21">
        <v>25</v>
      </c>
      <c r="C98" s="6">
        <v>28</v>
      </c>
      <c r="D98" s="5">
        <v>53</v>
      </c>
    </row>
    <row r="99" spans="1:4" ht="18" customHeight="1" x14ac:dyDescent="0.15">
      <c r="A99" s="8">
        <v>77</v>
      </c>
      <c r="B99" s="21">
        <v>25</v>
      </c>
      <c r="C99" s="6">
        <v>29</v>
      </c>
      <c r="D99" s="5">
        <v>54</v>
      </c>
    </row>
    <row r="100" spans="1:4" ht="18" customHeight="1" x14ac:dyDescent="0.15">
      <c r="A100" s="8">
        <v>78</v>
      </c>
      <c r="B100" s="21">
        <v>43</v>
      </c>
      <c r="C100" s="6">
        <v>31</v>
      </c>
      <c r="D100" s="5">
        <v>74</v>
      </c>
    </row>
    <row r="101" spans="1:4" ht="18" customHeight="1" x14ac:dyDescent="0.15">
      <c r="A101" s="8">
        <v>79</v>
      </c>
      <c r="B101" s="21">
        <v>9</v>
      </c>
      <c r="C101" s="6">
        <v>16</v>
      </c>
      <c r="D101" s="5">
        <v>25</v>
      </c>
    </row>
    <row r="102" spans="1:4" ht="18" customHeight="1" x14ac:dyDescent="0.15">
      <c r="A102" s="8" t="s">
        <v>8</v>
      </c>
      <c r="B102" s="21">
        <v>127</v>
      </c>
      <c r="C102" s="6">
        <v>131</v>
      </c>
      <c r="D102" s="5">
        <v>258</v>
      </c>
    </row>
    <row r="103" spans="1:4" ht="18" customHeight="1" x14ac:dyDescent="0.15">
      <c r="A103" s="8">
        <v>80</v>
      </c>
      <c r="B103" s="21">
        <v>10</v>
      </c>
      <c r="C103" s="6">
        <v>13</v>
      </c>
      <c r="D103" s="5">
        <v>23</v>
      </c>
    </row>
    <row r="104" spans="1:4" ht="18" customHeight="1" x14ac:dyDescent="0.15">
      <c r="A104" s="8">
        <v>81</v>
      </c>
      <c r="B104" s="21">
        <v>18</v>
      </c>
      <c r="C104" s="6">
        <v>30</v>
      </c>
      <c r="D104" s="5">
        <v>48</v>
      </c>
    </row>
    <row r="105" spans="1:4" ht="18" customHeight="1" x14ac:dyDescent="0.15">
      <c r="A105" s="8">
        <v>82</v>
      </c>
      <c r="B105" s="21">
        <v>17</v>
      </c>
      <c r="C105" s="6">
        <v>20</v>
      </c>
      <c r="D105" s="5">
        <v>37</v>
      </c>
    </row>
    <row r="106" spans="1:4" ht="18" customHeight="1" x14ac:dyDescent="0.15">
      <c r="A106" s="8">
        <v>83</v>
      </c>
      <c r="B106" s="21">
        <v>12</v>
      </c>
      <c r="C106" s="6">
        <v>28</v>
      </c>
      <c r="D106" s="5">
        <v>40</v>
      </c>
    </row>
    <row r="107" spans="1:4" ht="18" customHeight="1" x14ac:dyDescent="0.15">
      <c r="A107" s="8">
        <v>84</v>
      </c>
      <c r="B107" s="21">
        <v>11</v>
      </c>
      <c r="C107" s="6">
        <v>23</v>
      </c>
      <c r="D107" s="5">
        <v>34</v>
      </c>
    </row>
    <row r="108" spans="1:4" ht="18" customHeight="1" x14ac:dyDescent="0.15">
      <c r="A108" s="8" t="s">
        <v>7</v>
      </c>
      <c r="B108" s="21">
        <v>68</v>
      </c>
      <c r="C108" s="6">
        <v>114</v>
      </c>
      <c r="D108" s="5">
        <v>182</v>
      </c>
    </row>
    <row r="109" spans="1:4" ht="18" customHeight="1" x14ac:dyDescent="0.15">
      <c r="A109" s="8">
        <v>85</v>
      </c>
      <c r="B109" s="21">
        <v>9</v>
      </c>
      <c r="C109" s="6">
        <v>14</v>
      </c>
      <c r="D109" s="5">
        <v>23</v>
      </c>
    </row>
    <row r="110" spans="1:4" ht="18" customHeight="1" x14ac:dyDescent="0.15">
      <c r="A110" s="8">
        <v>86</v>
      </c>
      <c r="B110" s="21">
        <v>11</v>
      </c>
      <c r="C110" s="6">
        <v>14</v>
      </c>
      <c r="D110" s="5">
        <v>25</v>
      </c>
    </row>
    <row r="111" spans="1:4" ht="18" customHeight="1" x14ac:dyDescent="0.15">
      <c r="A111" s="8">
        <v>87</v>
      </c>
      <c r="B111" s="21">
        <v>4</v>
      </c>
      <c r="C111" s="6">
        <v>16</v>
      </c>
      <c r="D111" s="5">
        <v>20</v>
      </c>
    </row>
    <row r="112" spans="1:4" ht="18" customHeight="1" x14ac:dyDescent="0.15">
      <c r="A112" s="8">
        <v>88</v>
      </c>
      <c r="B112" s="21">
        <v>10</v>
      </c>
      <c r="C112" s="6">
        <v>22</v>
      </c>
      <c r="D112" s="5">
        <v>32</v>
      </c>
    </row>
    <row r="113" spans="1:4" ht="18" customHeight="1" x14ac:dyDescent="0.15">
      <c r="A113" s="8">
        <v>89</v>
      </c>
      <c r="B113" s="21">
        <v>7</v>
      </c>
      <c r="C113" s="6">
        <v>13</v>
      </c>
      <c r="D113" s="5">
        <v>20</v>
      </c>
    </row>
    <row r="114" spans="1:4" ht="18" customHeight="1" x14ac:dyDescent="0.15">
      <c r="A114" s="8" t="s">
        <v>6</v>
      </c>
      <c r="B114" s="21">
        <v>41</v>
      </c>
      <c r="C114" s="6">
        <v>79</v>
      </c>
      <c r="D114" s="5">
        <v>120</v>
      </c>
    </row>
    <row r="115" spans="1:4" ht="18" customHeight="1" x14ac:dyDescent="0.15">
      <c r="A115" s="8">
        <v>90</v>
      </c>
      <c r="B115" s="21">
        <v>4</v>
      </c>
      <c r="C115" s="6">
        <v>11</v>
      </c>
      <c r="D115" s="5">
        <v>15</v>
      </c>
    </row>
    <row r="116" spans="1:4" ht="18" customHeight="1" x14ac:dyDescent="0.15">
      <c r="A116" s="8">
        <v>91</v>
      </c>
      <c r="B116" s="21">
        <v>7</v>
      </c>
      <c r="C116" s="6">
        <v>13</v>
      </c>
      <c r="D116" s="5">
        <v>20</v>
      </c>
    </row>
    <row r="117" spans="1:4" ht="18" customHeight="1" x14ac:dyDescent="0.15">
      <c r="A117" s="8">
        <v>92</v>
      </c>
      <c r="B117" s="21">
        <v>6</v>
      </c>
      <c r="C117" s="6">
        <v>11</v>
      </c>
      <c r="D117" s="5">
        <v>17</v>
      </c>
    </row>
    <row r="118" spans="1:4" ht="18" customHeight="1" x14ac:dyDescent="0.15">
      <c r="A118" s="8">
        <v>93</v>
      </c>
      <c r="B118" s="21">
        <v>1</v>
      </c>
      <c r="C118" s="6">
        <v>6</v>
      </c>
      <c r="D118" s="5">
        <v>7</v>
      </c>
    </row>
    <row r="119" spans="1:4" ht="18" customHeight="1" x14ac:dyDescent="0.15">
      <c r="A119" s="8">
        <v>94</v>
      </c>
      <c r="B119" s="21">
        <v>1</v>
      </c>
      <c r="C119" s="6">
        <v>7</v>
      </c>
      <c r="D119" s="5">
        <v>8</v>
      </c>
    </row>
    <row r="120" spans="1:4" ht="18" customHeight="1" x14ac:dyDescent="0.15">
      <c r="A120" s="8" t="s">
        <v>5</v>
      </c>
      <c r="B120" s="21">
        <v>19</v>
      </c>
      <c r="C120" s="6">
        <v>48</v>
      </c>
      <c r="D120" s="5">
        <v>67</v>
      </c>
    </row>
    <row r="121" spans="1:4" ht="18" customHeight="1" x14ac:dyDescent="0.15">
      <c r="A121" s="8">
        <v>95</v>
      </c>
      <c r="B121" s="21">
        <v>3</v>
      </c>
      <c r="C121" s="6">
        <v>7</v>
      </c>
      <c r="D121" s="5">
        <v>10</v>
      </c>
    </row>
    <row r="122" spans="1:4" ht="18" customHeight="1" x14ac:dyDescent="0.15">
      <c r="A122" s="8">
        <v>96</v>
      </c>
      <c r="B122" s="21">
        <v>0</v>
      </c>
      <c r="C122" s="6">
        <v>4</v>
      </c>
      <c r="D122" s="5">
        <v>4</v>
      </c>
    </row>
    <row r="123" spans="1:4" ht="18" customHeight="1" x14ac:dyDescent="0.15">
      <c r="A123" s="8">
        <v>97</v>
      </c>
      <c r="B123" s="21">
        <v>1</v>
      </c>
      <c r="C123" s="6">
        <v>4</v>
      </c>
      <c r="D123" s="5">
        <v>5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4</v>
      </c>
      <c r="C126" s="6">
        <v>20</v>
      </c>
      <c r="D126" s="5">
        <v>24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422</v>
      </c>
      <c r="C130" s="6">
        <v>599</v>
      </c>
      <c r="D130" s="5">
        <v>1021</v>
      </c>
    </row>
    <row r="131" spans="1:4" ht="18" customHeight="1" x14ac:dyDescent="0.15">
      <c r="A131" s="4" t="s">
        <v>0</v>
      </c>
      <c r="B131" s="20">
        <v>1104</v>
      </c>
      <c r="C131" s="2">
        <v>1227</v>
      </c>
      <c r="D131" s="1">
        <v>233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2E532D-BDC4-4F34-94DC-B440342B8555}">
  <sheetPr codeName="Sheet1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7</v>
      </c>
      <c r="C5" s="11">
        <v>7</v>
      </c>
      <c r="D5" s="10">
        <v>14</v>
      </c>
    </row>
    <row r="6" spans="1:4" ht="18" customHeight="1" x14ac:dyDescent="0.15">
      <c r="A6" s="8">
        <v>1</v>
      </c>
      <c r="B6" s="21">
        <v>5</v>
      </c>
      <c r="C6" s="6">
        <v>13</v>
      </c>
      <c r="D6" s="5">
        <v>18</v>
      </c>
    </row>
    <row r="7" spans="1:4" ht="18" customHeight="1" x14ac:dyDescent="0.15">
      <c r="A7" s="8">
        <v>2</v>
      </c>
      <c r="B7" s="21">
        <v>11</v>
      </c>
      <c r="C7" s="6">
        <v>10</v>
      </c>
      <c r="D7" s="5">
        <v>21</v>
      </c>
    </row>
    <row r="8" spans="1:4" ht="18" customHeight="1" x14ac:dyDescent="0.15">
      <c r="A8" s="8">
        <v>3</v>
      </c>
      <c r="B8" s="21">
        <v>9</v>
      </c>
      <c r="C8" s="6">
        <v>11</v>
      </c>
      <c r="D8" s="5">
        <v>20</v>
      </c>
    </row>
    <row r="9" spans="1:4" ht="18" customHeight="1" x14ac:dyDescent="0.15">
      <c r="A9" s="8">
        <v>4</v>
      </c>
      <c r="B9" s="21">
        <v>6</v>
      </c>
      <c r="C9" s="6">
        <v>8</v>
      </c>
      <c r="D9" s="5">
        <v>14</v>
      </c>
    </row>
    <row r="10" spans="1:4" ht="18" customHeight="1" x14ac:dyDescent="0.15">
      <c r="A10" s="8" t="s">
        <v>25</v>
      </c>
      <c r="B10" s="21">
        <v>38</v>
      </c>
      <c r="C10" s="6">
        <v>49</v>
      </c>
      <c r="D10" s="5">
        <v>87</v>
      </c>
    </row>
    <row r="11" spans="1:4" ht="18" customHeight="1" x14ac:dyDescent="0.15">
      <c r="A11" s="8">
        <v>5</v>
      </c>
      <c r="B11" s="21">
        <v>10</v>
      </c>
      <c r="C11" s="6">
        <v>8</v>
      </c>
      <c r="D11" s="5">
        <v>18</v>
      </c>
    </row>
    <row r="12" spans="1:4" ht="18" customHeight="1" x14ac:dyDescent="0.15">
      <c r="A12" s="8">
        <v>6</v>
      </c>
      <c r="B12" s="21">
        <v>16</v>
      </c>
      <c r="C12" s="6">
        <v>16</v>
      </c>
      <c r="D12" s="5">
        <v>32</v>
      </c>
    </row>
    <row r="13" spans="1:4" ht="18" customHeight="1" x14ac:dyDescent="0.15">
      <c r="A13" s="8">
        <v>7</v>
      </c>
      <c r="B13" s="21">
        <v>11</v>
      </c>
      <c r="C13" s="6">
        <v>14</v>
      </c>
      <c r="D13" s="5">
        <v>25</v>
      </c>
    </row>
    <row r="14" spans="1:4" ht="18" customHeight="1" x14ac:dyDescent="0.15">
      <c r="A14" s="8">
        <v>8</v>
      </c>
      <c r="B14" s="21">
        <v>14</v>
      </c>
      <c r="C14" s="6">
        <v>14</v>
      </c>
      <c r="D14" s="5">
        <v>28</v>
      </c>
    </row>
    <row r="15" spans="1:4" ht="18" customHeight="1" x14ac:dyDescent="0.15">
      <c r="A15" s="8">
        <v>9</v>
      </c>
      <c r="B15" s="21">
        <v>12</v>
      </c>
      <c r="C15" s="6">
        <v>16</v>
      </c>
      <c r="D15" s="5">
        <v>28</v>
      </c>
    </row>
    <row r="16" spans="1:4" ht="18" customHeight="1" x14ac:dyDescent="0.15">
      <c r="A16" s="8" t="s">
        <v>24</v>
      </c>
      <c r="B16" s="21">
        <v>63</v>
      </c>
      <c r="C16" s="6">
        <v>68</v>
      </c>
      <c r="D16" s="5">
        <v>131</v>
      </c>
    </row>
    <row r="17" spans="1:4" ht="18" customHeight="1" x14ac:dyDescent="0.15">
      <c r="A17" s="8">
        <v>10</v>
      </c>
      <c r="B17" s="21">
        <v>10</v>
      </c>
      <c r="C17" s="6">
        <v>11</v>
      </c>
      <c r="D17" s="5">
        <v>21</v>
      </c>
    </row>
    <row r="18" spans="1:4" ht="18" customHeight="1" x14ac:dyDescent="0.15">
      <c r="A18" s="8">
        <v>11</v>
      </c>
      <c r="B18" s="21">
        <v>8</v>
      </c>
      <c r="C18" s="6">
        <v>11</v>
      </c>
      <c r="D18" s="5">
        <v>19</v>
      </c>
    </row>
    <row r="19" spans="1:4" ht="18" customHeight="1" x14ac:dyDescent="0.15">
      <c r="A19" s="8">
        <v>12</v>
      </c>
      <c r="B19" s="21">
        <v>10</v>
      </c>
      <c r="C19" s="6">
        <v>8</v>
      </c>
      <c r="D19" s="5">
        <v>18</v>
      </c>
    </row>
    <row r="20" spans="1:4" ht="18" customHeight="1" x14ac:dyDescent="0.15">
      <c r="A20" s="8">
        <v>13</v>
      </c>
      <c r="B20" s="21">
        <v>12</v>
      </c>
      <c r="C20" s="6">
        <v>4</v>
      </c>
      <c r="D20" s="5">
        <v>16</v>
      </c>
    </row>
    <row r="21" spans="1:4" ht="18" customHeight="1" x14ac:dyDescent="0.15">
      <c r="A21" s="8">
        <v>14</v>
      </c>
      <c r="B21" s="21">
        <v>15</v>
      </c>
      <c r="C21" s="6">
        <v>12</v>
      </c>
      <c r="D21" s="5">
        <v>27</v>
      </c>
    </row>
    <row r="22" spans="1:4" ht="18" customHeight="1" x14ac:dyDescent="0.15">
      <c r="A22" s="8" t="s">
        <v>23</v>
      </c>
      <c r="B22" s="21">
        <v>55</v>
      </c>
      <c r="C22" s="6">
        <v>46</v>
      </c>
      <c r="D22" s="5">
        <v>101</v>
      </c>
    </row>
    <row r="23" spans="1:4" ht="18" customHeight="1" x14ac:dyDescent="0.15">
      <c r="A23" s="8" t="s">
        <v>22</v>
      </c>
      <c r="B23" s="21">
        <v>156</v>
      </c>
      <c r="C23" s="6">
        <v>163</v>
      </c>
      <c r="D23" s="5">
        <v>319</v>
      </c>
    </row>
    <row r="24" spans="1:4" ht="18" customHeight="1" x14ac:dyDescent="0.15">
      <c r="A24" s="8">
        <v>15</v>
      </c>
      <c r="B24" s="21">
        <v>12</v>
      </c>
      <c r="C24" s="6">
        <v>10</v>
      </c>
      <c r="D24" s="5">
        <v>22</v>
      </c>
    </row>
    <row r="25" spans="1:4" ht="18" customHeight="1" x14ac:dyDescent="0.15">
      <c r="A25" s="8">
        <v>16</v>
      </c>
      <c r="B25" s="21">
        <v>7</v>
      </c>
      <c r="C25" s="6">
        <v>8</v>
      </c>
      <c r="D25" s="5">
        <v>15</v>
      </c>
    </row>
    <row r="26" spans="1:4" ht="18" customHeight="1" x14ac:dyDescent="0.15">
      <c r="A26" s="8">
        <v>17</v>
      </c>
      <c r="B26" s="21">
        <v>10</v>
      </c>
      <c r="C26" s="6">
        <v>20</v>
      </c>
      <c r="D26" s="5">
        <v>30</v>
      </c>
    </row>
    <row r="27" spans="1:4" ht="18" customHeight="1" x14ac:dyDescent="0.15">
      <c r="A27" s="8">
        <v>18</v>
      </c>
      <c r="B27" s="21">
        <v>12</v>
      </c>
      <c r="C27" s="6">
        <v>7</v>
      </c>
      <c r="D27" s="5">
        <v>19</v>
      </c>
    </row>
    <row r="28" spans="1:4" ht="18" customHeight="1" x14ac:dyDescent="0.15">
      <c r="A28" s="8">
        <v>19</v>
      </c>
      <c r="B28" s="21">
        <v>11</v>
      </c>
      <c r="C28" s="6">
        <v>9</v>
      </c>
      <c r="D28" s="5">
        <v>20</v>
      </c>
    </row>
    <row r="29" spans="1:4" ht="18" customHeight="1" x14ac:dyDescent="0.15">
      <c r="A29" s="8" t="s">
        <v>21</v>
      </c>
      <c r="B29" s="21">
        <v>52</v>
      </c>
      <c r="C29" s="6">
        <v>54</v>
      </c>
      <c r="D29" s="5">
        <v>106</v>
      </c>
    </row>
    <row r="30" spans="1:4" ht="18" customHeight="1" x14ac:dyDescent="0.15">
      <c r="A30" s="8">
        <v>20</v>
      </c>
      <c r="B30" s="21">
        <v>6</v>
      </c>
      <c r="C30" s="6">
        <v>10</v>
      </c>
      <c r="D30" s="5">
        <v>16</v>
      </c>
    </row>
    <row r="31" spans="1:4" ht="18" customHeight="1" x14ac:dyDescent="0.15">
      <c r="A31" s="8">
        <v>21</v>
      </c>
      <c r="B31" s="21">
        <v>11</v>
      </c>
      <c r="C31" s="6">
        <v>13</v>
      </c>
      <c r="D31" s="5">
        <v>24</v>
      </c>
    </row>
    <row r="32" spans="1:4" ht="18" customHeight="1" x14ac:dyDescent="0.15">
      <c r="A32" s="8">
        <v>22</v>
      </c>
      <c r="B32" s="21">
        <v>9</v>
      </c>
      <c r="C32" s="6">
        <v>14</v>
      </c>
      <c r="D32" s="5">
        <v>23</v>
      </c>
    </row>
    <row r="33" spans="1:4" ht="18" customHeight="1" x14ac:dyDescent="0.15">
      <c r="A33" s="8">
        <v>23</v>
      </c>
      <c r="B33" s="21">
        <v>16</v>
      </c>
      <c r="C33" s="6">
        <v>8</v>
      </c>
      <c r="D33" s="5">
        <v>24</v>
      </c>
    </row>
    <row r="34" spans="1:4" ht="18" customHeight="1" x14ac:dyDescent="0.15">
      <c r="A34" s="8">
        <v>24</v>
      </c>
      <c r="B34" s="21">
        <v>11</v>
      </c>
      <c r="C34" s="6">
        <v>10</v>
      </c>
      <c r="D34" s="5">
        <v>21</v>
      </c>
    </row>
    <row r="35" spans="1:4" ht="18" customHeight="1" x14ac:dyDescent="0.15">
      <c r="A35" s="8" t="s">
        <v>20</v>
      </c>
      <c r="B35" s="21">
        <v>53</v>
      </c>
      <c r="C35" s="6">
        <v>55</v>
      </c>
      <c r="D35" s="5">
        <v>108</v>
      </c>
    </row>
    <row r="36" spans="1:4" ht="18" customHeight="1" x14ac:dyDescent="0.15">
      <c r="A36" s="8">
        <v>25</v>
      </c>
      <c r="B36" s="21">
        <v>14</v>
      </c>
      <c r="C36" s="6">
        <v>7</v>
      </c>
      <c r="D36" s="5">
        <v>21</v>
      </c>
    </row>
    <row r="37" spans="1:4" ht="18" customHeight="1" x14ac:dyDescent="0.15">
      <c r="A37" s="8">
        <v>26</v>
      </c>
      <c r="B37" s="21">
        <v>17</v>
      </c>
      <c r="C37" s="6">
        <v>9</v>
      </c>
      <c r="D37" s="5">
        <v>26</v>
      </c>
    </row>
    <row r="38" spans="1:4" ht="18" customHeight="1" x14ac:dyDescent="0.15">
      <c r="A38" s="8">
        <v>27</v>
      </c>
      <c r="B38" s="21">
        <v>9</v>
      </c>
      <c r="C38" s="6">
        <v>7</v>
      </c>
      <c r="D38" s="5">
        <v>16</v>
      </c>
    </row>
    <row r="39" spans="1:4" ht="18" customHeight="1" x14ac:dyDescent="0.15">
      <c r="A39" s="8">
        <v>28</v>
      </c>
      <c r="B39" s="21">
        <v>12</v>
      </c>
      <c r="C39" s="6">
        <v>9</v>
      </c>
      <c r="D39" s="5">
        <v>21</v>
      </c>
    </row>
    <row r="40" spans="1:4" ht="18" customHeight="1" x14ac:dyDescent="0.15">
      <c r="A40" s="8">
        <v>29</v>
      </c>
      <c r="B40" s="21">
        <v>10</v>
      </c>
      <c r="C40" s="6">
        <v>13</v>
      </c>
      <c r="D40" s="5">
        <v>23</v>
      </c>
    </row>
    <row r="41" spans="1:4" ht="18" customHeight="1" x14ac:dyDescent="0.15">
      <c r="A41" s="8" t="s">
        <v>19</v>
      </c>
      <c r="B41" s="21">
        <v>62</v>
      </c>
      <c r="C41" s="6">
        <v>45</v>
      </c>
      <c r="D41" s="5">
        <v>107</v>
      </c>
    </row>
    <row r="42" spans="1:4" ht="18" customHeight="1" x14ac:dyDescent="0.15">
      <c r="A42" s="8">
        <v>30</v>
      </c>
      <c r="B42" s="21">
        <v>17</v>
      </c>
      <c r="C42" s="6">
        <v>13</v>
      </c>
      <c r="D42" s="5">
        <v>30</v>
      </c>
    </row>
    <row r="43" spans="1:4" ht="18" customHeight="1" x14ac:dyDescent="0.15">
      <c r="A43" s="8">
        <v>31</v>
      </c>
      <c r="B43" s="21">
        <v>13</v>
      </c>
      <c r="C43" s="6">
        <v>7</v>
      </c>
      <c r="D43" s="5">
        <v>20</v>
      </c>
    </row>
    <row r="44" spans="1:4" ht="18" customHeight="1" x14ac:dyDescent="0.15">
      <c r="A44" s="8">
        <v>32</v>
      </c>
      <c r="B44" s="21">
        <v>15</v>
      </c>
      <c r="C44" s="6">
        <v>16</v>
      </c>
      <c r="D44" s="5">
        <v>31</v>
      </c>
    </row>
    <row r="45" spans="1:4" ht="18" customHeight="1" x14ac:dyDescent="0.15">
      <c r="A45" s="8">
        <v>33</v>
      </c>
      <c r="B45" s="21">
        <v>15</v>
      </c>
      <c r="C45" s="6">
        <v>17</v>
      </c>
      <c r="D45" s="5">
        <v>32</v>
      </c>
    </row>
    <row r="46" spans="1:4" ht="18" customHeight="1" x14ac:dyDescent="0.15">
      <c r="A46" s="8">
        <v>34</v>
      </c>
      <c r="B46" s="21">
        <v>8</v>
      </c>
      <c r="C46" s="6">
        <v>10</v>
      </c>
      <c r="D46" s="5">
        <v>18</v>
      </c>
    </row>
    <row r="47" spans="1:4" ht="18" customHeight="1" x14ac:dyDescent="0.15">
      <c r="A47" s="8" t="s">
        <v>18</v>
      </c>
      <c r="B47" s="21">
        <v>68</v>
      </c>
      <c r="C47" s="6">
        <v>63</v>
      </c>
      <c r="D47" s="5">
        <v>131</v>
      </c>
    </row>
    <row r="48" spans="1:4" ht="18" customHeight="1" x14ac:dyDescent="0.15">
      <c r="A48" s="8">
        <v>35</v>
      </c>
      <c r="B48" s="21">
        <v>10</v>
      </c>
      <c r="C48" s="6">
        <v>18</v>
      </c>
      <c r="D48" s="5">
        <v>28</v>
      </c>
    </row>
    <row r="49" spans="1:4" ht="18" customHeight="1" x14ac:dyDescent="0.15">
      <c r="A49" s="8">
        <v>36</v>
      </c>
      <c r="B49" s="21">
        <v>18</v>
      </c>
      <c r="C49" s="6">
        <v>14</v>
      </c>
      <c r="D49" s="5">
        <v>32</v>
      </c>
    </row>
    <row r="50" spans="1:4" ht="18" customHeight="1" x14ac:dyDescent="0.15">
      <c r="A50" s="8">
        <v>37</v>
      </c>
      <c r="B50" s="21">
        <v>17</v>
      </c>
      <c r="C50" s="6">
        <v>19</v>
      </c>
      <c r="D50" s="5">
        <v>36</v>
      </c>
    </row>
    <row r="51" spans="1:4" ht="18" customHeight="1" x14ac:dyDescent="0.15">
      <c r="A51" s="8">
        <v>38</v>
      </c>
      <c r="B51" s="21">
        <v>13</v>
      </c>
      <c r="C51" s="6">
        <v>18</v>
      </c>
      <c r="D51" s="5">
        <v>31</v>
      </c>
    </row>
    <row r="52" spans="1:4" ht="18" customHeight="1" x14ac:dyDescent="0.15">
      <c r="A52" s="8">
        <v>39</v>
      </c>
      <c r="B52" s="21">
        <v>24</v>
      </c>
      <c r="C52" s="6">
        <v>15</v>
      </c>
      <c r="D52" s="5">
        <v>39</v>
      </c>
    </row>
    <row r="53" spans="1:4" ht="18" customHeight="1" x14ac:dyDescent="0.15">
      <c r="A53" s="8" t="s">
        <v>17</v>
      </c>
      <c r="B53" s="21">
        <v>82</v>
      </c>
      <c r="C53" s="6">
        <v>84</v>
      </c>
      <c r="D53" s="5">
        <v>166</v>
      </c>
    </row>
    <row r="54" spans="1:4" ht="18" customHeight="1" x14ac:dyDescent="0.15">
      <c r="A54" s="8">
        <v>40</v>
      </c>
      <c r="B54" s="21">
        <v>16</v>
      </c>
      <c r="C54" s="6">
        <v>19</v>
      </c>
      <c r="D54" s="5">
        <v>35</v>
      </c>
    </row>
    <row r="55" spans="1:4" ht="18" customHeight="1" x14ac:dyDescent="0.15">
      <c r="A55" s="8">
        <v>41</v>
      </c>
      <c r="B55" s="21">
        <v>24</v>
      </c>
      <c r="C55" s="6">
        <v>16</v>
      </c>
      <c r="D55" s="5">
        <v>40</v>
      </c>
    </row>
    <row r="56" spans="1:4" ht="18" customHeight="1" x14ac:dyDescent="0.15">
      <c r="A56" s="8">
        <v>42</v>
      </c>
      <c r="B56" s="21">
        <v>24</v>
      </c>
      <c r="C56" s="6">
        <v>16</v>
      </c>
      <c r="D56" s="5">
        <v>40</v>
      </c>
    </row>
    <row r="57" spans="1:4" ht="18" customHeight="1" x14ac:dyDescent="0.15">
      <c r="A57" s="8">
        <v>43</v>
      </c>
      <c r="B57" s="21">
        <v>24</v>
      </c>
      <c r="C57" s="6">
        <v>31</v>
      </c>
      <c r="D57" s="5">
        <v>55</v>
      </c>
    </row>
    <row r="58" spans="1:4" ht="18" customHeight="1" x14ac:dyDescent="0.15">
      <c r="A58" s="8">
        <v>44</v>
      </c>
      <c r="B58" s="21">
        <v>10</v>
      </c>
      <c r="C58" s="6">
        <v>19</v>
      </c>
      <c r="D58" s="5">
        <v>29</v>
      </c>
    </row>
    <row r="59" spans="1:4" ht="18" customHeight="1" x14ac:dyDescent="0.15">
      <c r="A59" s="8" t="s">
        <v>16</v>
      </c>
      <c r="B59" s="21">
        <v>98</v>
      </c>
      <c r="C59" s="6">
        <v>101</v>
      </c>
      <c r="D59" s="5">
        <v>199</v>
      </c>
    </row>
    <row r="60" spans="1:4" ht="18" customHeight="1" x14ac:dyDescent="0.15">
      <c r="A60" s="8">
        <v>45</v>
      </c>
      <c r="B60" s="21">
        <v>22</v>
      </c>
      <c r="C60" s="6">
        <v>20</v>
      </c>
      <c r="D60" s="5">
        <v>42</v>
      </c>
    </row>
    <row r="61" spans="1:4" ht="18" customHeight="1" x14ac:dyDescent="0.15">
      <c r="A61" s="8">
        <v>46</v>
      </c>
      <c r="B61" s="21">
        <v>24</v>
      </c>
      <c r="C61" s="6">
        <v>15</v>
      </c>
      <c r="D61" s="5">
        <v>39</v>
      </c>
    </row>
    <row r="62" spans="1:4" ht="18" customHeight="1" x14ac:dyDescent="0.15">
      <c r="A62" s="8">
        <v>47</v>
      </c>
      <c r="B62" s="21">
        <v>20</v>
      </c>
      <c r="C62" s="6">
        <v>23</v>
      </c>
      <c r="D62" s="5">
        <v>43</v>
      </c>
    </row>
    <row r="63" spans="1:4" ht="18" customHeight="1" x14ac:dyDescent="0.15">
      <c r="A63" s="8">
        <v>48</v>
      </c>
      <c r="B63" s="21">
        <v>22</v>
      </c>
      <c r="C63" s="6">
        <v>26</v>
      </c>
      <c r="D63" s="5">
        <v>48</v>
      </c>
    </row>
    <row r="64" spans="1:4" ht="18" customHeight="1" x14ac:dyDescent="0.15">
      <c r="A64" s="8">
        <v>49</v>
      </c>
      <c r="B64" s="21">
        <v>36</v>
      </c>
      <c r="C64" s="6">
        <v>32</v>
      </c>
      <c r="D64" s="5">
        <v>68</v>
      </c>
    </row>
    <row r="65" spans="1:4" ht="18" customHeight="1" x14ac:dyDescent="0.15">
      <c r="A65" s="8" t="s">
        <v>15</v>
      </c>
      <c r="B65" s="21">
        <v>124</v>
      </c>
      <c r="C65" s="6">
        <v>116</v>
      </c>
      <c r="D65" s="5">
        <v>240</v>
      </c>
    </row>
    <row r="66" spans="1:4" ht="18" customHeight="1" x14ac:dyDescent="0.15">
      <c r="A66" s="8">
        <v>50</v>
      </c>
      <c r="B66" s="21">
        <v>18</v>
      </c>
      <c r="C66" s="6">
        <v>23</v>
      </c>
      <c r="D66" s="5">
        <v>41</v>
      </c>
    </row>
    <row r="67" spans="1:4" ht="18" customHeight="1" x14ac:dyDescent="0.15">
      <c r="A67" s="8">
        <v>51</v>
      </c>
      <c r="B67" s="21">
        <v>28</v>
      </c>
      <c r="C67" s="6">
        <v>36</v>
      </c>
      <c r="D67" s="5">
        <v>64</v>
      </c>
    </row>
    <row r="68" spans="1:4" ht="18" customHeight="1" x14ac:dyDescent="0.15">
      <c r="A68" s="8">
        <v>52</v>
      </c>
      <c r="B68" s="21">
        <v>25</v>
      </c>
      <c r="C68" s="6">
        <v>23</v>
      </c>
      <c r="D68" s="5">
        <v>48</v>
      </c>
    </row>
    <row r="69" spans="1:4" ht="18" customHeight="1" x14ac:dyDescent="0.15">
      <c r="A69" s="8">
        <v>53</v>
      </c>
      <c r="B69" s="21">
        <v>27</v>
      </c>
      <c r="C69" s="6">
        <v>43</v>
      </c>
      <c r="D69" s="5">
        <v>70</v>
      </c>
    </row>
    <row r="70" spans="1:4" ht="18" customHeight="1" x14ac:dyDescent="0.15">
      <c r="A70" s="8">
        <v>54</v>
      </c>
      <c r="B70" s="21">
        <v>23</v>
      </c>
      <c r="C70" s="6">
        <v>33</v>
      </c>
      <c r="D70" s="5">
        <v>56</v>
      </c>
    </row>
    <row r="71" spans="1:4" ht="18" customHeight="1" x14ac:dyDescent="0.15">
      <c r="A71" s="8" t="s">
        <v>14</v>
      </c>
      <c r="B71" s="21">
        <v>121</v>
      </c>
      <c r="C71" s="6">
        <v>158</v>
      </c>
      <c r="D71" s="5">
        <v>279</v>
      </c>
    </row>
    <row r="72" spans="1:4" ht="18" customHeight="1" x14ac:dyDescent="0.15">
      <c r="A72" s="8">
        <v>55</v>
      </c>
      <c r="B72" s="21">
        <v>28</v>
      </c>
      <c r="C72" s="6">
        <v>26</v>
      </c>
      <c r="D72" s="5">
        <v>54</v>
      </c>
    </row>
    <row r="73" spans="1:4" ht="18" customHeight="1" x14ac:dyDescent="0.15">
      <c r="A73" s="8">
        <v>56</v>
      </c>
      <c r="B73" s="21">
        <v>30</v>
      </c>
      <c r="C73" s="6">
        <v>24</v>
      </c>
      <c r="D73" s="5">
        <v>54</v>
      </c>
    </row>
    <row r="74" spans="1:4" ht="18" customHeight="1" x14ac:dyDescent="0.15">
      <c r="A74" s="8">
        <v>57</v>
      </c>
      <c r="B74" s="21">
        <v>24</v>
      </c>
      <c r="C74" s="6">
        <v>30</v>
      </c>
      <c r="D74" s="5">
        <v>54</v>
      </c>
    </row>
    <row r="75" spans="1:4" ht="18" customHeight="1" x14ac:dyDescent="0.15">
      <c r="A75" s="8">
        <v>58</v>
      </c>
      <c r="B75" s="21">
        <v>34</v>
      </c>
      <c r="C75" s="6">
        <v>33</v>
      </c>
      <c r="D75" s="5">
        <v>67</v>
      </c>
    </row>
    <row r="76" spans="1:4" ht="18" customHeight="1" x14ac:dyDescent="0.15">
      <c r="A76" s="8">
        <v>59</v>
      </c>
      <c r="B76" s="21">
        <v>18</v>
      </c>
      <c r="C76" s="6">
        <v>21</v>
      </c>
      <c r="D76" s="5">
        <v>39</v>
      </c>
    </row>
    <row r="77" spans="1:4" ht="18" customHeight="1" x14ac:dyDescent="0.15">
      <c r="A77" s="8" t="s">
        <v>13</v>
      </c>
      <c r="B77" s="21">
        <v>134</v>
      </c>
      <c r="C77" s="6">
        <v>134</v>
      </c>
      <c r="D77" s="5">
        <v>268</v>
      </c>
    </row>
    <row r="78" spans="1:4" ht="18" customHeight="1" x14ac:dyDescent="0.15">
      <c r="A78" s="8">
        <v>60</v>
      </c>
      <c r="B78" s="21">
        <v>32</v>
      </c>
      <c r="C78" s="6">
        <v>37</v>
      </c>
      <c r="D78" s="5">
        <v>69</v>
      </c>
    </row>
    <row r="79" spans="1:4" ht="18" customHeight="1" x14ac:dyDescent="0.15">
      <c r="A79" s="8">
        <v>61</v>
      </c>
      <c r="B79" s="21">
        <v>33</v>
      </c>
      <c r="C79" s="6">
        <v>32</v>
      </c>
      <c r="D79" s="5">
        <v>65</v>
      </c>
    </row>
    <row r="80" spans="1:4" ht="18" customHeight="1" x14ac:dyDescent="0.15">
      <c r="A80" s="8">
        <v>62</v>
      </c>
      <c r="B80" s="21">
        <v>21</v>
      </c>
      <c r="C80" s="6">
        <v>35</v>
      </c>
      <c r="D80" s="5">
        <v>56</v>
      </c>
    </row>
    <row r="81" spans="1:4" ht="18" customHeight="1" x14ac:dyDescent="0.15">
      <c r="A81" s="8">
        <v>63</v>
      </c>
      <c r="B81" s="21">
        <v>18</v>
      </c>
      <c r="C81" s="6">
        <v>25</v>
      </c>
      <c r="D81" s="5">
        <v>43</v>
      </c>
    </row>
    <row r="82" spans="1:4" ht="18" customHeight="1" x14ac:dyDescent="0.15">
      <c r="A82" s="8">
        <v>64</v>
      </c>
      <c r="B82" s="21">
        <v>21</v>
      </c>
      <c r="C82" s="6">
        <v>26</v>
      </c>
      <c r="D82" s="5">
        <v>47</v>
      </c>
    </row>
    <row r="83" spans="1:4" ht="18" customHeight="1" x14ac:dyDescent="0.15">
      <c r="A83" s="8" t="s">
        <v>12</v>
      </c>
      <c r="B83" s="21">
        <v>125</v>
      </c>
      <c r="C83" s="6">
        <v>155</v>
      </c>
      <c r="D83" s="5">
        <v>280</v>
      </c>
    </row>
    <row r="84" spans="1:4" ht="18" customHeight="1" x14ac:dyDescent="0.15">
      <c r="A84" s="8" t="s">
        <v>11</v>
      </c>
      <c r="B84" s="21">
        <v>919</v>
      </c>
      <c r="C84" s="6">
        <v>965</v>
      </c>
      <c r="D84" s="5">
        <v>1884</v>
      </c>
    </row>
    <row r="85" spans="1:4" ht="18" customHeight="1" x14ac:dyDescent="0.15">
      <c r="A85" s="8">
        <v>65</v>
      </c>
      <c r="B85" s="21">
        <v>23</v>
      </c>
      <c r="C85" s="6">
        <v>33</v>
      </c>
      <c r="D85" s="5">
        <v>56</v>
      </c>
    </row>
    <row r="86" spans="1:4" ht="18" customHeight="1" x14ac:dyDescent="0.15">
      <c r="A86" s="8">
        <v>66</v>
      </c>
      <c r="B86" s="21">
        <v>25</v>
      </c>
      <c r="C86" s="6">
        <v>30</v>
      </c>
      <c r="D86" s="5">
        <v>55</v>
      </c>
    </row>
    <row r="87" spans="1:4" ht="18" customHeight="1" x14ac:dyDescent="0.15">
      <c r="A87" s="8">
        <v>67</v>
      </c>
      <c r="B87" s="21">
        <v>23</v>
      </c>
      <c r="C87" s="6">
        <v>30</v>
      </c>
      <c r="D87" s="5">
        <v>53</v>
      </c>
    </row>
    <row r="88" spans="1:4" ht="18" customHeight="1" x14ac:dyDescent="0.15">
      <c r="A88" s="8">
        <v>68</v>
      </c>
      <c r="B88" s="21">
        <v>26</v>
      </c>
      <c r="C88" s="6">
        <v>27</v>
      </c>
      <c r="D88" s="5">
        <v>53</v>
      </c>
    </row>
    <row r="89" spans="1:4" ht="18" customHeight="1" x14ac:dyDescent="0.15">
      <c r="A89" s="8">
        <v>69</v>
      </c>
      <c r="B89" s="21">
        <v>23</v>
      </c>
      <c r="C89" s="6">
        <v>18</v>
      </c>
      <c r="D89" s="5">
        <v>41</v>
      </c>
    </row>
    <row r="90" spans="1:4" ht="18" customHeight="1" x14ac:dyDescent="0.15">
      <c r="A90" s="8" t="s">
        <v>10</v>
      </c>
      <c r="B90" s="21">
        <v>120</v>
      </c>
      <c r="C90" s="6">
        <v>138</v>
      </c>
      <c r="D90" s="5">
        <v>258</v>
      </c>
    </row>
    <row r="91" spans="1:4" ht="18" customHeight="1" x14ac:dyDescent="0.15">
      <c r="A91" s="8">
        <v>70</v>
      </c>
      <c r="B91" s="21">
        <v>28</v>
      </c>
      <c r="C91" s="6">
        <v>20</v>
      </c>
      <c r="D91" s="5">
        <v>48</v>
      </c>
    </row>
    <row r="92" spans="1:4" ht="18" customHeight="1" x14ac:dyDescent="0.15">
      <c r="A92" s="8">
        <v>71</v>
      </c>
      <c r="B92" s="21">
        <v>18</v>
      </c>
      <c r="C92" s="6">
        <v>28</v>
      </c>
      <c r="D92" s="5">
        <v>46</v>
      </c>
    </row>
    <row r="93" spans="1:4" ht="18" customHeight="1" x14ac:dyDescent="0.15">
      <c r="A93" s="8">
        <v>72</v>
      </c>
      <c r="B93" s="21">
        <v>25</v>
      </c>
      <c r="C93" s="6">
        <v>24</v>
      </c>
      <c r="D93" s="5">
        <v>49</v>
      </c>
    </row>
    <row r="94" spans="1:4" ht="18" customHeight="1" x14ac:dyDescent="0.15">
      <c r="A94" s="8">
        <v>73</v>
      </c>
      <c r="B94" s="21">
        <v>22</v>
      </c>
      <c r="C94" s="6">
        <v>25</v>
      </c>
      <c r="D94" s="5">
        <v>47</v>
      </c>
    </row>
    <row r="95" spans="1:4" ht="18" customHeight="1" x14ac:dyDescent="0.15">
      <c r="A95" s="8">
        <v>74</v>
      </c>
      <c r="B95" s="21">
        <v>23</v>
      </c>
      <c r="C95" s="6">
        <v>25</v>
      </c>
      <c r="D95" s="5">
        <v>48</v>
      </c>
    </row>
    <row r="96" spans="1:4" ht="18" customHeight="1" x14ac:dyDescent="0.15">
      <c r="A96" s="8" t="s">
        <v>9</v>
      </c>
      <c r="B96" s="21">
        <v>116</v>
      </c>
      <c r="C96" s="6">
        <v>122</v>
      </c>
      <c r="D96" s="5">
        <v>238</v>
      </c>
    </row>
    <row r="97" spans="1:4" ht="18" customHeight="1" x14ac:dyDescent="0.15">
      <c r="A97" s="8">
        <v>75</v>
      </c>
      <c r="B97" s="21">
        <v>21</v>
      </c>
      <c r="C97" s="6">
        <v>36</v>
      </c>
      <c r="D97" s="5">
        <v>57</v>
      </c>
    </row>
    <row r="98" spans="1:4" ht="18" customHeight="1" x14ac:dyDescent="0.15">
      <c r="A98" s="8">
        <v>76</v>
      </c>
      <c r="B98" s="21">
        <v>31</v>
      </c>
      <c r="C98" s="6">
        <v>27</v>
      </c>
      <c r="D98" s="5">
        <v>58</v>
      </c>
    </row>
    <row r="99" spans="1:4" ht="18" customHeight="1" x14ac:dyDescent="0.15">
      <c r="A99" s="8">
        <v>77</v>
      </c>
      <c r="B99" s="21">
        <v>30</v>
      </c>
      <c r="C99" s="6">
        <v>38</v>
      </c>
      <c r="D99" s="5">
        <v>68</v>
      </c>
    </row>
    <row r="100" spans="1:4" ht="18" customHeight="1" x14ac:dyDescent="0.15">
      <c r="A100" s="8">
        <v>78</v>
      </c>
      <c r="B100" s="21">
        <v>17</v>
      </c>
      <c r="C100" s="6">
        <v>25</v>
      </c>
      <c r="D100" s="5">
        <v>42</v>
      </c>
    </row>
    <row r="101" spans="1:4" ht="18" customHeight="1" x14ac:dyDescent="0.15">
      <c r="A101" s="8">
        <v>79</v>
      </c>
      <c r="B101" s="21">
        <v>9</v>
      </c>
      <c r="C101" s="6">
        <v>32</v>
      </c>
      <c r="D101" s="5">
        <v>41</v>
      </c>
    </row>
    <row r="102" spans="1:4" ht="18" customHeight="1" x14ac:dyDescent="0.15">
      <c r="A102" s="8" t="s">
        <v>8</v>
      </c>
      <c r="B102" s="21">
        <v>108</v>
      </c>
      <c r="C102" s="6">
        <v>158</v>
      </c>
      <c r="D102" s="5">
        <v>266</v>
      </c>
    </row>
    <row r="103" spans="1:4" ht="18" customHeight="1" x14ac:dyDescent="0.15">
      <c r="A103" s="8">
        <v>80</v>
      </c>
      <c r="B103" s="21">
        <v>12</v>
      </c>
      <c r="C103" s="6">
        <v>17</v>
      </c>
      <c r="D103" s="5">
        <v>29</v>
      </c>
    </row>
    <row r="104" spans="1:4" ht="18" customHeight="1" x14ac:dyDescent="0.15">
      <c r="A104" s="8">
        <v>81</v>
      </c>
      <c r="B104" s="21">
        <v>12</v>
      </c>
      <c r="C104" s="6">
        <v>22</v>
      </c>
      <c r="D104" s="5">
        <v>34</v>
      </c>
    </row>
    <row r="105" spans="1:4" ht="18" customHeight="1" x14ac:dyDescent="0.15">
      <c r="A105" s="8">
        <v>82</v>
      </c>
      <c r="B105" s="21">
        <v>14</v>
      </c>
      <c r="C105" s="6">
        <v>27</v>
      </c>
      <c r="D105" s="5">
        <v>41</v>
      </c>
    </row>
    <row r="106" spans="1:4" ht="18" customHeight="1" x14ac:dyDescent="0.15">
      <c r="A106" s="8">
        <v>83</v>
      </c>
      <c r="B106" s="21">
        <v>16</v>
      </c>
      <c r="C106" s="6">
        <v>21</v>
      </c>
      <c r="D106" s="5">
        <v>37</v>
      </c>
    </row>
    <row r="107" spans="1:4" ht="18" customHeight="1" x14ac:dyDescent="0.15">
      <c r="A107" s="8">
        <v>84</v>
      </c>
      <c r="B107" s="21">
        <v>12</v>
      </c>
      <c r="C107" s="6">
        <v>21</v>
      </c>
      <c r="D107" s="5">
        <v>33</v>
      </c>
    </row>
    <row r="108" spans="1:4" ht="18" customHeight="1" x14ac:dyDescent="0.15">
      <c r="A108" s="8" t="s">
        <v>7</v>
      </c>
      <c r="B108" s="21">
        <v>66</v>
      </c>
      <c r="C108" s="6">
        <v>108</v>
      </c>
      <c r="D108" s="5">
        <v>174</v>
      </c>
    </row>
    <row r="109" spans="1:4" ht="18" customHeight="1" x14ac:dyDescent="0.15">
      <c r="A109" s="8">
        <v>85</v>
      </c>
      <c r="B109" s="21">
        <v>9</v>
      </c>
      <c r="C109" s="6">
        <v>25</v>
      </c>
      <c r="D109" s="5">
        <v>34</v>
      </c>
    </row>
    <row r="110" spans="1:4" ht="18" customHeight="1" x14ac:dyDescent="0.15">
      <c r="A110" s="8">
        <v>86</v>
      </c>
      <c r="B110" s="21">
        <v>10</v>
      </c>
      <c r="C110" s="6">
        <v>29</v>
      </c>
      <c r="D110" s="5">
        <v>39</v>
      </c>
    </row>
    <row r="111" spans="1:4" ht="18" customHeight="1" x14ac:dyDescent="0.15">
      <c r="A111" s="8">
        <v>87</v>
      </c>
      <c r="B111" s="21">
        <v>11</v>
      </c>
      <c r="C111" s="6">
        <v>18</v>
      </c>
      <c r="D111" s="5">
        <v>29</v>
      </c>
    </row>
    <row r="112" spans="1:4" ht="18" customHeight="1" x14ac:dyDescent="0.15">
      <c r="A112" s="8">
        <v>88</v>
      </c>
      <c r="B112" s="21">
        <v>7</v>
      </c>
      <c r="C112" s="6">
        <v>13</v>
      </c>
      <c r="D112" s="5">
        <v>20</v>
      </c>
    </row>
    <row r="113" spans="1:4" ht="18" customHeight="1" x14ac:dyDescent="0.15">
      <c r="A113" s="8">
        <v>89</v>
      </c>
      <c r="B113" s="21">
        <v>8</v>
      </c>
      <c r="C113" s="6">
        <v>17</v>
      </c>
      <c r="D113" s="5">
        <v>25</v>
      </c>
    </row>
    <row r="114" spans="1:4" ht="18" customHeight="1" x14ac:dyDescent="0.15">
      <c r="A114" s="8" t="s">
        <v>6</v>
      </c>
      <c r="B114" s="21">
        <v>45</v>
      </c>
      <c r="C114" s="6">
        <v>102</v>
      </c>
      <c r="D114" s="5">
        <v>147</v>
      </c>
    </row>
    <row r="115" spans="1:4" ht="18" customHeight="1" x14ac:dyDescent="0.15">
      <c r="A115" s="8">
        <v>90</v>
      </c>
      <c r="B115" s="21">
        <v>7</v>
      </c>
      <c r="C115" s="6">
        <v>25</v>
      </c>
      <c r="D115" s="5">
        <v>32</v>
      </c>
    </row>
    <row r="116" spans="1:4" ht="18" customHeight="1" x14ac:dyDescent="0.15">
      <c r="A116" s="8">
        <v>91</v>
      </c>
      <c r="B116" s="21">
        <v>4</v>
      </c>
      <c r="C116" s="6">
        <v>15</v>
      </c>
      <c r="D116" s="5">
        <v>19</v>
      </c>
    </row>
    <row r="117" spans="1:4" ht="18" customHeight="1" x14ac:dyDescent="0.15">
      <c r="A117" s="8">
        <v>92</v>
      </c>
      <c r="B117" s="21">
        <v>5</v>
      </c>
      <c r="C117" s="6">
        <v>14</v>
      </c>
      <c r="D117" s="5">
        <v>19</v>
      </c>
    </row>
    <row r="118" spans="1:4" ht="18" customHeight="1" x14ac:dyDescent="0.15">
      <c r="A118" s="8">
        <v>93</v>
      </c>
      <c r="B118" s="21">
        <v>5</v>
      </c>
      <c r="C118" s="6">
        <v>15</v>
      </c>
      <c r="D118" s="5">
        <v>20</v>
      </c>
    </row>
    <row r="119" spans="1:4" ht="18" customHeight="1" x14ac:dyDescent="0.15">
      <c r="A119" s="8">
        <v>94</v>
      </c>
      <c r="B119" s="21">
        <v>0</v>
      </c>
      <c r="C119" s="6">
        <v>12</v>
      </c>
      <c r="D119" s="5">
        <v>12</v>
      </c>
    </row>
    <row r="120" spans="1:4" ht="18" customHeight="1" x14ac:dyDescent="0.15">
      <c r="A120" s="8" t="s">
        <v>5</v>
      </c>
      <c r="B120" s="21">
        <v>21</v>
      </c>
      <c r="C120" s="6">
        <v>81</v>
      </c>
      <c r="D120" s="5">
        <v>102</v>
      </c>
    </row>
    <row r="121" spans="1:4" ht="18" customHeight="1" x14ac:dyDescent="0.15">
      <c r="A121" s="8">
        <v>95</v>
      </c>
      <c r="B121" s="21">
        <v>3</v>
      </c>
      <c r="C121" s="6">
        <v>4</v>
      </c>
      <c r="D121" s="5">
        <v>7</v>
      </c>
    </row>
    <row r="122" spans="1:4" ht="18" customHeight="1" x14ac:dyDescent="0.15">
      <c r="A122" s="8">
        <v>96</v>
      </c>
      <c r="B122" s="21">
        <v>2</v>
      </c>
      <c r="C122" s="6">
        <v>10</v>
      </c>
      <c r="D122" s="5">
        <v>12</v>
      </c>
    </row>
    <row r="123" spans="1:4" ht="18" customHeight="1" x14ac:dyDescent="0.15">
      <c r="A123" s="8">
        <v>97</v>
      </c>
      <c r="B123" s="21">
        <v>0</v>
      </c>
      <c r="C123" s="6">
        <v>7</v>
      </c>
      <c r="D123" s="5">
        <v>7</v>
      </c>
    </row>
    <row r="124" spans="1:4" ht="18" customHeight="1" x14ac:dyDescent="0.15">
      <c r="A124" s="8">
        <v>98</v>
      </c>
      <c r="B124" s="21">
        <v>1</v>
      </c>
      <c r="C124" s="6">
        <v>5</v>
      </c>
      <c r="D124" s="5">
        <v>6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6</v>
      </c>
      <c r="C126" s="6">
        <v>28</v>
      </c>
      <c r="D126" s="5">
        <v>34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482</v>
      </c>
      <c r="C130" s="6">
        <v>737</v>
      </c>
      <c r="D130" s="5">
        <v>1219</v>
      </c>
    </row>
    <row r="131" spans="1:4" ht="18" customHeight="1" x14ac:dyDescent="0.15">
      <c r="A131" s="4" t="s">
        <v>0</v>
      </c>
      <c r="B131" s="20">
        <v>1557</v>
      </c>
      <c r="C131" s="2">
        <v>1865</v>
      </c>
      <c r="D131" s="1">
        <v>342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C75DEE-66E8-44BE-82FC-0DEDB0553360}">
  <sheetPr codeName="Sheet7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8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0</v>
      </c>
      <c r="D5" s="30">
        <v>1</v>
      </c>
    </row>
    <row r="6" spans="1:4" ht="18" customHeight="1" x14ac:dyDescent="0.15">
      <c r="A6" s="8">
        <v>1</v>
      </c>
      <c r="B6" s="26">
        <v>1</v>
      </c>
      <c r="C6" s="6">
        <v>1</v>
      </c>
      <c r="D6" s="5">
        <v>2</v>
      </c>
    </row>
    <row r="7" spans="1:4" ht="18" customHeight="1" x14ac:dyDescent="0.15">
      <c r="A7" s="8">
        <v>2</v>
      </c>
      <c r="B7" s="26">
        <v>1</v>
      </c>
      <c r="C7" s="6">
        <v>0</v>
      </c>
      <c r="D7" s="5">
        <v>1</v>
      </c>
    </row>
    <row r="8" spans="1:4" ht="18" customHeight="1" x14ac:dyDescent="0.15">
      <c r="A8" s="8">
        <v>3</v>
      </c>
      <c r="B8" s="26">
        <v>1</v>
      </c>
      <c r="C8" s="6">
        <v>0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0</v>
      </c>
      <c r="D9" s="27">
        <v>1</v>
      </c>
    </row>
    <row r="10" spans="1:4" ht="18" customHeight="1" x14ac:dyDescent="0.15">
      <c r="A10" s="8" t="s">
        <v>25</v>
      </c>
      <c r="B10" s="21">
        <v>5</v>
      </c>
      <c r="C10" s="6">
        <v>1</v>
      </c>
      <c r="D10" s="5">
        <v>6</v>
      </c>
    </row>
    <row r="11" spans="1:4" ht="18" customHeight="1" x14ac:dyDescent="0.15">
      <c r="A11" s="8">
        <v>5</v>
      </c>
      <c r="B11" s="26">
        <v>1</v>
      </c>
      <c r="C11" s="6">
        <v>1</v>
      </c>
      <c r="D11" s="5">
        <v>2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1</v>
      </c>
      <c r="C13" s="6">
        <v>0</v>
      </c>
      <c r="D13" s="5">
        <v>1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2</v>
      </c>
      <c r="C15" s="6">
        <v>4</v>
      </c>
      <c r="D15" s="5">
        <v>6</v>
      </c>
    </row>
    <row r="16" spans="1:4" ht="18" customHeight="1" x14ac:dyDescent="0.15">
      <c r="A16" s="8" t="s">
        <v>24</v>
      </c>
      <c r="B16" s="21">
        <v>4</v>
      </c>
      <c r="C16" s="6">
        <v>7</v>
      </c>
      <c r="D16" s="5">
        <v>11</v>
      </c>
    </row>
    <row r="17" spans="1:4" ht="18" customHeight="1" x14ac:dyDescent="0.15">
      <c r="A17" s="8">
        <v>10</v>
      </c>
      <c r="B17" s="21">
        <v>0</v>
      </c>
      <c r="C17" s="6">
        <v>0</v>
      </c>
      <c r="D17" s="5">
        <v>0</v>
      </c>
    </row>
    <row r="18" spans="1:4" ht="18" customHeight="1" x14ac:dyDescent="0.15">
      <c r="A18" s="8">
        <v>11</v>
      </c>
      <c r="B18" s="21">
        <v>0</v>
      </c>
      <c r="C18" s="6">
        <v>3</v>
      </c>
      <c r="D18" s="5">
        <v>3</v>
      </c>
    </row>
    <row r="19" spans="1:4" ht="18" customHeight="1" x14ac:dyDescent="0.15">
      <c r="A19" s="8">
        <v>12</v>
      </c>
      <c r="B19" s="21">
        <v>2</v>
      </c>
      <c r="C19" s="6">
        <v>0</v>
      </c>
      <c r="D19" s="5">
        <v>2</v>
      </c>
    </row>
    <row r="20" spans="1:4" ht="18" customHeight="1" x14ac:dyDescent="0.15">
      <c r="A20" s="8">
        <v>13</v>
      </c>
      <c r="B20" s="21">
        <v>0</v>
      </c>
      <c r="C20" s="6">
        <v>2</v>
      </c>
      <c r="D20" s="5">
        <v>2</v>
      </c>
    </row>
    <row r="21" spans="1:4" ht="18" customHeight="1" x14ac:dyDescent="0.15">
      <c r="A21" s="8">
        <v>14</v>
      </c>
      <c r="B21" s="21">
        <v>1</v>
      </c>
      <c r="C21" s="6">
        <v>0</v>
      </c>
      <c r="D21" s="5">
        <v>1</v>
      </c>
    </row>
    <row r="22" spans="1:4" ht="18" customHeight="1" x14ac:dyDescent="0.15">
      <c r="A22" s="8" t="s">
        <v>23</v>
      </c>
      <c r="B22" s="21">
        <v>3</v>
      </c>
      <c r="C22" s="6">
        <v>5</v>
      </c>
      <c r="D22" s="5">
        <v>8</v>
      </c>
    </row>
    <row r="23" spans="1:4" ht="18" customHeight="1" x14ac:dyDescent="0.15">
      <c r="A23" s="8" t="s">
        <v>22</v>
      </c>
      <c r="B23" s="21">
        <v>12</v>
      </c>
      <c r="C23" s="6">
        <v>13</v>
      </c>
      <c r="D23" s="5">
        <v>25</v>
      </c>
    </row>
    <row r="24" spans="1:4" ht="18" customHeight="1" x14ac:dyDescent="0.15">
      <c r="A24" s="8">
        <v>15</v>
      </c>
      <c r="B24" s="21">
        <v>2</v>
      </c>
      <c r="C24" s="6">
        <v>2</v>
      </c>
      <c r="D24" s="5">
        <v>4</v>
      </c>
    </row>
    <row r="25" spans="1:4" ht="18" customHeight="1" x14ac:dyDescent="0.15">
      <c r="A25" s="8">
        <v>16</v>
      </c>
      <c r="B25" s="21">
        <v>1</v>
      </c>
      <c r="C25" s="6">
        <v>1</v>
      </c>
      <c r="D25" s="5">
        <v>2</v>
      </c>
    </row>
    <row r="26" spans="1:4" ht="18" customHeight="1" x14ac:dyDescent="0.15">
      <c r="A26" s="8">
        <v>17</v>
      </c>
      <c r="B26" s="21">
        <v>1</v>
      </c>
      <c r="C26" s="6">
        <v>0</v>
      </c>
      <c r="D26" s="5">
        <v>1</v>
      </c>
    </row>
    <row r="27" spans="1:4" ht="18" customHeight="1" x14ac:dyDescent="0.15">
      <c r="A27" s="8">
        <v>18</v>
      </c>
      <c r="B27" s="21">
        <v>0</v>
      </c>
      <c r="C27" s="6">
        <v>4</v>
      </c>
      <c r="D27" s="5">
        <v>4</v>
      </c>
    </row>
    <row r="28" spans="1:4" ht="18" customHeight="1" x14ac:dyDescent="0.15">
      <c r="A28" s="8">
        <v>19</v>
      </c>
      <c r="B28" s="21">
        <v>3</v>
      </c>
      <c r="C28" s="6">
        <v>3</v>
      </c>
      <c r="D28" s="5">
        <v>6</v>
      </c>
    </row>
    <row r="29" spans="1:4" ht="18" customHeight="1" x14ac:dyDescent="0.15">
      <c r="A29" s="8" t="s">
        <v>21</v>
      </c>
      <c r="B29" s="21">
        <v>7</v>
      </c>
      <c r="C29" s="6">
        <v>10</v>
      </c>
      <c r="D29" s="5">
        <v>17</v>
      </c>
    </row>
    <row r="30" spans="1:4" ht="18" customHeight="1" x14ac:dyDescent="0.15">
      <c r="A30" s="8">
        <v>20</v>
      </c>
      <c r="B30" s="21">
        <v>1</v>
      </c>
      <c r="C30" s="6">
        <v>3</v>
      </c>
      <c r="D30" s="5">
        <v>4</v>
      </c>
    </row>
    <row r="31" spans="1:4" ht="18" customHeight="1" x14ac:dyDescent="0.15">
      <c r="A31" s="8">
        <v>21</v>
      </c>
      <c r="B31" s="21">
        <v>2</v>
      </c>
      <c r="C31" s="6">
        <v>1</v>
      </c>
      <c r="D31" s="5">
        <v>3</v>
      </c>
    </row>
    <row r="32" spans="1:4" ht="18" customHeight="1" x14ac:dyDescent="0.15">
      <c r="A32" s="8">
        <v>22</v>
      </c>
      <c r="B32" s="21">
        <v>0</v>
      </c>
      <c r="C32" s="6">
        <v>3</v>
      </c>
      <c r="D32" s="5">
        <v>3</v>
      </c>
    </row>
    <row r="33" spans="1:4" ht="18" customHeight="1" x14ac:dyDescent="0.15">
      <c r="A33" s="8">
        <v>23</v>
      </c>
      <c r="B33" s="21">
        <v>5</v>
      </c>
      <c r="C33" s="6">
        <v>4</v>
      </c>
      <c r="D33" s="5">
        <v>9</v>
      </c>
    </row>
    <row r="34" spans="1:4" ht="18" customHeight="1" x14ac:dyDescent="0.15">
      <c r="A34" s="8">
        <v>24</v>
      </c>
      <c r="B34" s="21">
        <v>2</v>
      </c>
      <c r="C34" s="6">
        <v>1</v>
      </c>
      <c r="D34" s="5">
        <v>3</v>
      </c>
    </row>
    <row r="35" spans="1:4" ht="18" customHeight="1" x14ac:dyDescent="0.15">
      <c r="A35" s="8" t="s">
        <v>20</v>
      </c>
      <c r="B35" s="21">
        <v>10</v>
      </c>
      <c r="C35" s="6">
        <v>12</v>
      </c>
      <c r="D35" s="5">
        <v>22</v>
      </c>
    </row>
    <row r="36" spans="1:4" ht="18" customHeight="1" x14ac:dyDescent="0.15">
      <c r="A36" s="8">
        <v>25</v>
      </c>
      <c r="B36" s="21">
        <v>0</v>
      </c>
      <c r="C36" s="6">
        <v>1</v>
      </c>
      <c r="D36" s="5">
        <v>1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4</v>
      </c>
      <c r="D38" s="5">
        <v>4</v>
      </c>
    </row>
    <row r="39" spans="1:4" ht="18" customHeight="1" x14ac:dyDescent="0.15">
      <c r="A39" s="8">
        <v>28</v>
      </c>
      <c r="B39" s="21">
        <v>2</v>
      </c>
      <c r="C39" s="6">
        <v>1</v>
      </c>
      <c r="D39" s="5">
        <v>3</v>
      </c>
    </row>
    <row r="40" spans="1:4" ht="18" customHeight="1" x14ac:dyDescent="0.15">
      <c r="A40" s="8">
        <v>29</v>
      </c>
      <c r="B40" s="21">
        <v>3</v>
      </c>
      <c r="C40" s="6">
        <v>2</v>
      </c>
      <c r="D40" s="5">
        <v>5</v>
      </c>
    </row>
    <row r="41" spans="1:4" ht="18" customHeight="1" x14ac:dyDescent="0.15">
      <c r="A41" s="8" t="s">
        <v>19</v>
      </c>
      <c r="B41" s="21">
        <v>5</v>
      </c>
      <c r="C41" s="6">
        <v>8</v>
      </c>
      <c r="D41" s="5">
        <v>13</v>
      </c>
    </row>
    <row r="42" spans="1:4" ht="18" customHeight="1" x14ac:dyDescent="0.15">
      <c r="A42" s="8">
        <v>30</v>
      </c>
      <c r="B42" s="21">
        <v>3</v>
      </c>
      <c r="C42" s="6">
        <v>1</v>
      </c>
      <c r="D42" s="5">
        <v>4</v>
      </c>
    </row>
    <row r="43" spans="1:4" ht="18" customHeight="1" x14ac:dyDescent="0.15">
      <c r="A43" s="8">
        <v>31</v>
      </c>
      <c r="B43" s="21">
        <v>1</v>
      </c>
      <c r="C43" s="6">
        <v>2</v>
      </c>
      <c r="D43" s="5">
        <v>3</v>
      </c>
    </row>
    <row r="44" spans="1:4" ht="18" customHeight="1" x14ac:dyDescent="0.15">
      <c r="A44" s="8">
        <v>32</v>
      </c>
      <c r="B44" s="21">
        <v>6</v>
      </c>
      <c r="C44" s="6">
        <v>1</v>
      </c>
      <c r="D44" s="5">
        <v>7</v>
      </c>
    </row>
    <row r="45" spans="1:4" ht="18" customHeight="1" x14ac:dyDescent="0.15">
      <c r="A45" s="8">
        <v>33</v>
      </c>
      <c r="B45" s="21">
        <v>0</v>
      </c>
      <c r="C45" s="6">
        <v>3</v>
      </c>
      <c r="D45" s="5">
        <v>3</v>
      </c>
    </row>
    <row r="46" spans="1:4" ht="18" customHeight="1" x14ac:dyDescent="0.15">
      <c r="A46" s="8">
        <v>34</v>
      </c>
      <c r="B46" s="21">
        <v>1</v>
      </c>
      <c r="C46" s="6">
        <v>2</v>
      </c>
      <c r="D46" s="5">
        <v>3</v>
      </c>
    </row>
    <row r="47" spans="1:4" ht="18" customHeight="1" x14ac:dyDescent="0.15">
      <c r="A47" s="8" t="s">
        <v>18</v>
      </c>
      <c r="B47" s="21">
        <v>11</v>
      </c>
      <c r="C47" s="6">
        <v>9</v>
      </c>
      <c r="D47" s="5">
        <v>20</v>
      </c>
    </row>
    <row r="48" spans="1:4" ht="18" customHeight="1" x14ac:dyDescent="0.15">
      <c r="A48" s="8">
        <v>35</v>
      </c>
      <c r="B48" s="21">
        <v>3</v>
      </c>
      <c r="C48" s="6">
        <v>1</v>
      </c>
      <c r="D48" s="5">
        <v>4</v>
      </c>
    </row>
    <row r="49" spans="1:4" ht="18" customHeight="1" x14ac:dyDescent="0.15">
      <c r="A49" s="8">
        <v>36</v>
      </c>
      <c r="B49" s="21">
        <v>1</v>
      </c>
      <c r="C49" s="6">
        <v>4</v>
      </c>
      <c r="D49" s="5">
        <v>5</v>
      </c>
    </row>
    <row r="50" spans="1:4" ht="18" customHeight="1" x14ac:dyDescent="0.15">
      <c r="A50" s="8">
        <v>37</v>
      </c>
      <c r="B50" s="21">
        <v>2</v>
      </c>
      <c r="C50" s="6">
        <v>1</v>
      </c>
      <c r="D50" s="5">
        <v>3</v>
      </c>
    </row>
    <row r="51" spans="1:4" ht="18" customHeight="1" x14ac:dyDescent="0.15">
      <c r="A51" s="8">
        <v>38</v>
      </c>
      <c r="B51" s="21">
        <v>2</v>
      </c>
      <c r="C51" s="6">
        <v>1</v>
      </c>
      <c r="D51" s="5">
        <v>3</v>
      </c>
    </row>
    <row r="52" spans="1:4" ht="18" customHeight="1" x14ac:dyDescent="0.15">
      <c r="A52" s="8">
        <v>39</v>
      </c>
      <c r="B52" s="21">
        <v>4</v>
      </c>
      <c r="C52" s="6">
        <v>4</v>
      </c>
      <c r="D52" s="5">
        <v>8</v>
      </c>
    </row>
    <row r="53" spans="1:4" ht="18" customHeight="1" x14ac:dyDescent="0.15">
      <c r="A53" s="8" t="s">
        <v>17</v>
      </c>
      <c r="B53" s="21">
        <v>12</v>
      </c>
      <c r="C53" s="6">
        <v>11</v>
      </c>
      <c r="D53" s="5">
        <v>23</v>
      </c>
    </row>
    <row r="54" spans="1:4" ht="18" customHeight="1" x14ac:dyDescent="0.15">
      <c r="A54" s="8">
        <v>40</v>
      </c>
      <c r="B54" s="21">
        <v>2</v>
      </c>
      <c r="C54" s="6">
        <v>2</v>
      </c>
      <c r="D54" s="5">
        <v>4</v>
      </c>
    </row>
    <row r="55" spans="1:4" ht="18" customHeight="1" x14ac:dyDescent="0.15">
      <c r="A55" s="8">
        <v>41</v>
      </c>
      <c r="B55" s="21">
        <v>5</v>
      </c>
      <c r="C55" s="6">
        <v>2</v>
      </c>
      <c r="D55" s="5">
        <v>7</v>
      </c>
    </row>
    <row r="56" spans="1:4" ht="18" customHeight="1" x14ac:dyDescent="0.15">
      <c r="A56" s="8">
        <v>42</v>
      </c>
      <c r="B56" s="21">
        <v>6</v>
      </c>
      <c r="C56" s="6">
        <v>5</v>
      </c>
      <c r="D56" s="5">
        <v>11</v>
      </c>
    </row>
    <row r="57" spans="1:4" ht="18" customHeight="1" x14ac:dyDescent="0.15">
      <c r="A57" s="8">
        <v>43</v>
      </c>
      <c r="B57" s="21">
        <v>1</v>
      </c>
      <c r="C57" s="6">
        <v>5</v>
      </c>
      <c r="D57" s="5">
        <v>6</v>
      </c>
    </row>
    <row r="58" spans="1:4" ht="18" customHeight="1" x14ac:dyDescent="0.15">
      <c r="A58" s="8">
        <v>44</v>
      </c>
      <c r="B58" s="21">
        <v>0</v>
      </c>
      <c r="C58" s="6">
        <v>2</v>
      </c>
      <c r="D58" s="5">
        <v>2</v>
      </c>
    </row>
    <row r="59" spans="1:4" ht="18" customHeight="1" x14ac:dyDescent="0.15">
      <c r="A59" s="8" t="s">
        <v>16</v>
      </c>
      <c r="B59" s="21">
        <v>14</v>
      </c>
      <c r="C59" s="6">
        <v>16</v>
      </c>
      <c r="D59" s="5">
        <v>30</v>
      </c>
    </row>
    <row r="60" spans="1:4" ht="18" customHeight="1" x14ac:dyDescent="0.15">
      <c r="A60" s="8">
        <v>45</v>
      </c>
      <c r="B60" s="21">
        <v>1</v>
      </c>
      <c r="C60" s="6">
        <v>0</v>
      </c>
      <c r="D60" s="5">
        <v>1</v>
      </c>
    </row>
    <row r="61" spans="1:4" ht="18" customHeight="1" x14ac:dyDescent="0.15">
      <c r="A61" s="8">
        <v>46</v>
      </c>
      <c r="B61" s="21">
        <v>4</v>
      </c>
      <c r="C61" s="6">
        <v>3</v>
      </c>
      <c r="D61" s="5">
        <v>7</v>
      </c>
    </row>
    <row r="62" spans="1:4" ht="18" customHeight="1" x14ac:dyDescent="0.15">
      <c r="A62" s="8">
        <v>47</v>
      </c>
      <c r="B62" s="21">
        <v>2</v>
      </c>
      <c r="C62" s="6">
        <v>4</v>
      </c>
      <c r="D62" s="5">
        <v>6</v>
      </c>
    </row>
    <row r="63" spans="1:4" ht="18" customHeight="1" x14ac:dyDescent="0.15">
      <c r="A63" s="8">
        <v>48</v>
      </c>
      <c r="B63" s="21">
        <v>3</v>
      </c>
      <c r="C63" s="6">
        <v>5</v>
      </c>
      <c r="D63" s="5">
        <v>8</v>
      </c>
    </row>
    <row r="64" spans="1:4" ht="18" customHeight="1" x14ac:dyDescent="0.15">
      <c r="A64" s="8">
        <v>49</v>
      </c>
      <c r="B64" s="21">
        <v>2</v>
      </c>
      <c r="C64" s="6">
        <v>1</v>
      </c>
      <c r="D64" s="5">
        <v>3</v>
      </c>
    </row>
    <row r="65" spans="1:4" ht="18" customHeight="1" x14ac:dyDescent="0.15">
      <c r="A65" s="8" t="s">
        <v>15</v>
      </c>
      <c r="B65" s="21">
        <v>12</v>
      </c>
      <c r="C65" s="6">
        <v>13</v>
      </c>
      <c r="D65" s="5">
        <v>25</v>
      </c>
    </row>
    <row r="66" spans="1:4" ht="18" customHeight="1" x14ac:dyDescent="0.15">
      <c r="A66" s="8">
        <v>50</v>
      </c>
      <c r="B66" s="21">
        <v>9</v>
      </c>
      <c r="C66" s="6">
        <v>1</v>
      </c>
      <c r="D66" s="5">
        <v>10</v>
      </c>
    </row>
    <row r="67" spans="1:4" ht="18" customHeight="1" x14ac:dyDescent="0.15">
      <c r="A67" s="8">
        <v>51</v>
      </c>
      <c r="B67" s="21">
        <v>2</v>
      </c>
      <c r="C67" s="6">
        <v>4</v>
      </c>
      <c r="D67" s="5">
        <v>6</v>
      </c>
    </row>
    <row r="68" spans="1:4" ht="18" customHeight="1" x14ac:dyDescent="0.15">
      <c r="A68" s="8">
        <v>52</v>
      </c>
      <c r="B68" s="21">
        <v>9</v>
      </c>
      <c r="C68" s="6">
        <v>5</v>
      </c>
      <c r="D68" s="5">
        <v>14</v>
      </c>
    </row>
    <row r="69" spans="1:4" ht="18" customHeight="1" x14ac:dyDescent="0.15">
      <c r="A69" s="8">
        <v>53</v>
      </c>
      <c r="B69" s="21">
        <v>2</v>
      </c>
      <c r="C69" s="6">
        <v>8</v>
      </c>
      <c r="D69" s="5">
        <v>10</v>
      </c>
    </row>
    <row r="70" spans="1:4" ht="18" customHeight="1" x14ac:dyDescent="0.15">
      <c r="A70" s="8">
        <v>54</v>
      </c>
      <c r="B70" s="21">
        <v>8</v>
      </c>
      <c r="C70" s="6">
        <v>4</v>
      </c>
      <c r="D70" s="5">
        <v>12</v>
      </c>
    </row>
    <row r="71" spans="1:4" ht="18" customHeight="1" x14ac:dyDescent="0.15">
      <c r="A71" s="8" t="s">
        <v>14</v>
      </c>
      <c r="B71" s="21">
        <v>30</v>
      </c>
      <c r="C71" s="6">
        <v>22</v>
      </c>
      <c r="D71" s="5">
        <v>52</v>
      </c>
    </row>
    <row r="72" spans="1:4" ht="18" customHeight="1" x14ac:dyDescent="0.15">
      <c r="A72" s="8">
        <v>55</v>
      </c>
      <c r="B72" s="21">
        <v>5</v>
      </c>
      <c r="C72" s="6">
        <v>3</v>
      </c>
      <c r="D72" s="5">
        <v>8</v>
      </c>
    </row>
    <row r="73" spans="1:4" ht="18" customHeight="1" x14ac:dyDescent="0.15">
      <c r="A73" s="8">
        <v>56</v>
      </c>
      <c r="B73" s="21">
        <v>3</v>
      </c>
      <c r="C73" s="6">
        <v>6</v>
      </c>
      <c r="D73" s="5">
        <v>9</v>
      </c>
    </row>
    <row r="74" spans="1:4" ht="18" customHeight="1" x14ac:dyDescent="0.15">
      <c r="A74" s="8">
        <v>57</v>
      </c>
      <c r="B74" s="21">
        <v>8</v>
      </c>
      <c r="C74" s="6">
        <v>5</v>
      </c>
      <c r="D74" s="5">
        <v>13</v>
      </c>
    </row>
    <row r="75" spans="1:4" ht="18" customHeight="1" x14ac:dyDescent="0.15">
      <c r="A75" s="8">
        <v>58</v>
      </c>
      <c r="B75" s="21">
        <v>3</v>
      </c>
      <c r="C75" s="6">
        <v>3</v>
      </c>
      <c r="D75" s="5">
        <v>6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19</v>
      </c>
      <c r="C77" s="6">
        <v>19</v>
      </c>
      <c r="D77" s="5">
        <v>38</v>
      </c>
    </row>
    <row r="78" spans="1:4" ht="18" customHeight="1" x14ac:dyDescent="0.15">
      <c r="A78" s="8">
        <v>60</v>
      </c>
      <c r="B78" s="21">
        <v>0</v>
      </c>
      <c r="C78" s="6">
        <v>6</v>
      </c>
      <c r="D78" s="5">
        <v>6</v>
      </c>
    </row>
    <row r="79" spans="1:4" ht="18" customHeight="1" x14ac:dyDescent="0.15">
      <c r="A79" s="8">
        <v>61</v>
      </c>
      <c r="B79" s="21">
        <v>1</v>
      </c>
      <c r="C79" s="6">
        <v>5</v>
      </c>
      <c r="D79" s="5">
        <v>6</v>
      </c>
    </row>
    <row r="80" spans="1:4" ht="18" customHeight="1" x14ac:dyDescent="0.15">
      <c r="A80" s="8">
        <v>62</v>
      </c>
      <c r="B80" s="21">
        <v>9</v>
      </c>
      <c r="C80" s="6">
        <v>4</v>
      </c>
      <c r="D80" s="5">
        <v>13</v>
      </c>
    </row>
    <row r="81" spans="1:4" ht="18" customHeight="1" x14ac:dyDescent="0.15">
      <c r="A81" s="8">
        <v>63</v>
      </c>
      <c r="B81" s="21">
        <v>6</v>
      </c>
      <c r="C81" s="6">
        <v>8</v>
      </c>
      <c r="D81" s="5">
        <v>14</v>
      </c>
    </row>
    <row r="82" spans="1:4" ht="18" customHeight="1" x14ac:dyDescent="0.15">
      <c r="A82" s="8">
        <v>64</v>
      </c>
      <c r="B82" s="21">
        <v>4</v>
      </c>
      <c r="C82" s="6">
        <v>7</v>
      </c>
      <c r="D82" s="5">
        <v>11</v>
      </c>
    </row>
    <row r="83" spans="1:4" ht="18" customHeight="1" x14ac:dyDescent="0.15">
      <c r="A83" s="8" t="s">
        <v>12</v>
      </c>
      <c r="B83" s="21">
        <v>20</v>
      </c>
      <c r="C83" s="6">
        <v>30</v>
      </c>
      <c r="D83" s="5">
        <v>50</v>
      </c>
    </row>
    <row r="84" spans="1:4" ht="18" customHeight="1" x14ac:dyDescent="0.15">
      <c r="A84" s="8" t="s">
        <v>11</v>
      </c>
      <c r="B84" s="21">
        <v>140</v>
      </c>
      <c r="C84" s="6">
        <v>150</v>
      </c>
      <c r="D84" s="5">
        <v>290</v>
      </c>
    </row>
    <row r="85" spans="1:4" ht="18" customHeight="1" x14ac:dyDescent="0.15">
      <c r="A85" s="8">
        <v>65</v>
      </c>
      <c r="B85" s="21">
        <v>5</v>
      </c>
      <c r="C85" s="6">
        <v>7</v>
      </c>
      <c r="D85" s="5">
        <v>12</v>
      </c>
    </row>
    <row r="86" spans="1:4" ht="18" customHeight="1" x14ac:dyDescent="0.15">
      <c r="A86" s="8">
        <v>66</v>
      </c>
      <c r="B86" s="21">
        <v>12</v>
      </c>
      <c r="C86" s="6">
        <v>9</v>
      </c>
      <c r="D86" s="5">
        <v>21</v>
      </c>
    </row>
    <row r="87" spans="1:4" ht="18" customHeight="1" x14ac:dyDescent="0.15">
      <c r="A87" s="8">
        <v>67</v>
      </c>
      <c r="B87" s="21">
        <v>4</v>
      </c>
      <c r="C87" s="6">
        <v>7</v>
      </c>
      <c r="D87" s="5">
        <v>11</v>
      </c>
    </row>
    <row r="88" spans="1:4" ht="18" customHeight="1" x14ac:dyDescent="0.15">
      <c r="A88" s="8">
        <v>68</v>
      </c>
      <c r="B88" s="21">
        <v>7</v>
      </c>
      <c r="C88" s="6">
        <v>7</v>
      </c>
      <c r="D88" s="5">
        <v>14</v>
      </c>
    </row>
    <row r="89" spans="1:4" ht="18" customHeight="1" x14ac:dyDescent="0.15">
      <c r="A89" s="8">
        <v>69</v>
      </c>
      <c r="B89" s="21">
        <v>4</v>
      </c>
      <c r="C89" s="6">
        <v>7</v>
      </c>
      <c r="D89" s="5">
        <v>11</v>
      </c>
    </row>
    <row r="90" spans="1:4" ht="18" customHeight="1" x14ac:dyDescent="0.15">
      <c r="A90" s="8" t="s">
        <v>10</v>
      </c>
      <c r="B90" s="21">
        <v>32</v>
      </c>
      <c r="C90" s="6">
        <v>37</v>
      </c>
      <c r="D90" s="5">
        <v>69</v>
      </c>
    </row>
    <row r="91" spans="1:4" ht="18" customHeight="1" x14ac:dyDescent="0.15">
      <c r="A91" s="8">
        <v>70</v>
      </c>
      <c r="B91" s="21">
        <v>5</v>
      </c>
      <c r="C91" s="6">
        <v>8</v>
      </c>
      <c r="D91" s="5">
        <v>13</v>
      </c>
    </row>
    <row r="92" spans="1:4" ht="18" customHeight="1" x14ac:dyDescent="0.15">
      <c r="A92" s="8">
        <v>71</v>
      </c>
      <c r="B92" s="21">
        <v>9</v>
      </c>
      <c r="C92" s="6">
        <v>8</v>
      </c>
      <c r="D92" s="5">
        <v>17</v>
      </c>
    </row>
    <row r="93" spans="1:4" ht="18" customHeight="1" x14ac:dyDescent="0.15">
      <c r="A93" s="8">
        <v>72</v>
      </c>
      <c r="B93" s="21">
        <v>4</v>
      </c>
      <c r="C93" s="6">
        <v>5</v>
      </c>
      <c r="D93" s="5">
        <v>9</v>
      </c>
    </row>
    <row r="94" spans="1:4" ht="18" customHeight="1" x14ac:dyDescent="0.15">
      <c r="A94" s="8">
        <v>73</v>
      </c>
      <c r="B94" s="21">
        <v>1</v>
      </c>
      <c r="C94" s="6">
        <v>4</v>
      </c>
      <c r="D94" s="5">
        <v>5</v>
      </c>
    </row>
    <row r="95" spans="1:4" ht="18" customHeight="1" x14ac:dyDescent="0.15">
      <c r="A95" s="8">
        <v>74</v>
      </c>
      <c r="B95" s="21">
        <v>6</v>
      </c>
      <c r="C95" s="6">
        <v>11</v>
      </c>
      <c r="D95" s="5">
        <v>17</v>
      </c>
    </row>
    <row r="96" spans="1:4" ht="18" customHeight="1" x14ac:dyDescent="0.15">
      <c r="A96" s="8" t="s">
        <v>9</v>
      </c>
      <c r="B96" s="21">
        <v>25</v>
      </c>
      <c r="C96" s="6">
        <v>36</v>
      </c>
      <c r="D96" s="5">
        <v>61</v>
      </c>
    </row>
    <row r="97" spans="1:4" ht="18" customHeight="1" x14ac:dyDescent="0.15">
      <c r="A97" s="8">
        <v>75</v>
      </c>
      <c r="B97" s="21">
        <v>12</v>
      </c>
      <c r="C97" s="6">
        <v>10</v>
      </c>
      <c r="D97" s="5">
        <v>22</v>
      </c>
    </row>
    <row r="98" spans="1:4" ht="18" customHeight="1" x14ac:dyDescent="0.15">
      <c r="A98" s="8">
        <v>76</v>
      </c>
      <c r="B98" s="21">
        <v>6</v>
      </c>
      <c r="C98" s="6">
        <v>12</v>
      </c>
      <c r="D98" s="5">
        <v>18</v>
      </c>
    </row>
    <row r="99" spans="1:4" ht="18" customHeight="1" x14ac:dyDescent="0.15">
      <c r="A99" s="8">
        <v>77</v>
      </c>
      <c r="B99" s="21">
        <v>10</v>
      </c>
      <c r="C99" s="6">
        <v>12</v>
      </c>
      <c r="D99" s="5">
        <v>22</v>
      </c>
    </row>
    <row r="100" spans="1:4" ht="18" customHeight="1" x14ac:dyDescent="0.15">
      <c r="A100" s="8">
        <v>78</v>
      </c>
      <c r="B100" s="21">
        <v>11</v>
      </c>
      <c r="C100" s="6">
        <v>8</v>
      </c>
      <c r="D100" s="5">
        <v>19</v>
      </c>
    </row>
    <row r="101" spans="1:4" ht="18" customHeight="1" x14ac:dyDescent="0.15">
      <c r="A101" s="8">
        <v>79</v>
      </c>
      <c r="B101" s="21">
        <v>4</v>
      </c>
      <c r="C101" s="6">
        <v>11</v>
      </c>
      <c r="D101" s="5">
        <v>15</v>
      </c>
    </row>
    <row r="102" spans="1:4" ht="18" customHeight="1" x14ac:dyDescent="0.15">
      <c r="A102" s="8" t="s">
        <v>8</v>
      </c>
      <c r="B102" s="21">
        <v>43</v>
      </c>
      <c r="C102" s="6">
        <v>53</v>
      </c>
      <c r="D102" s="5">
        <v>96</v>
      </c>
    </row>
    <row r="103" spans="1:4" ht="18" customHeight="1" x14ac:dyDescent="0.15">
      <c r="A103" s="8">
        <v>80</v>
      </c>
      <c r="B103" s="21">
        <v>6</v>
      </c>
      <c r="C103" s="6">
        <v>8</v>
      </c>
      <c r="D103" s="5">
        <v>14</v>
      </c>
    </row>
    <row r="104" spans="1:4" ht="18" customHeight="1" x14ac:dyDescent="0.15">
      <c r="A104" s="8">
        <v>81</v>
      </c>
      <c r="B104" s="21">
        <v>2</v>
      </c>
      <c r="C104" s="6">
        <v>9</v>
      </c>
      <c r="D104" s="5">
        <v>11</v>
      </c>
    </row>
    <row r="105" spans="1:4" ht="18" customHeight="1" x14ac:dyDescent="0.15">
      <c r="A105" s="8">
        <v>82</v>
      </c>
      <c r="B105" s="21">
        <v>6</v>
      </c>
      <c r="C105" s="6">
        <v>6</v>
      </c>
      <c r="D105" s="5">
        <v>12</v>
      </c>
    </row>
    <row r="106" spans="1:4" ht="18" customHeight="1" x14ac:dyDescent="0.15">
      <c r="A106" s="8">
        <v>83</v>
      </c>
      <c r="B106" s="21">
        <v>8</v>
      </c>
      <c r="C106" s="6">
        <v>12</v>
      </c>
      <c r="D106" s="5">
        <v>20</v>
      </c>
    </row>
    <row r="107" spans="1:4" ht="18" customHeight="1" x14ac:dyDescent="0.15">
      <c r="A107" s="8">
        <v>84</v>
      </c>
      <c r="B107" s="21">
        <v>5</v>
      </c>
      <c r="C107" s="6">
        <v>8</v>
      </c>
      <c r="D107" s="5">
        <v>13</v>
      </c>
    </row>
    <row r="108" spans="1:4" ht="18" customHeight="1" x14ac:dyDescent="0.15">
      <c r="A108" s="8" t="s">
        <v>7</v>
      </c>
      <c r="B108" s="21">
        <v>27</v>
      </c>
      <c r="C108" s="6">
        <v>43</v>
      </c>
      <c r="D108" s="5">
        <v>70</v>
      </c>
    </row>
    <row r="109" spans="1:4" ht="18" customHeight="1" x14ac:dyDescent="0.15">
      <c r="A109" s="8">
        <v>85</v>
      </c>
      <c r="B109" s="21">
        <v>6</v>
      </c>
      <c r="C109" s="6">
        <v>7</v>
      </c>
      <c r="D109" s="5">
        <v>13</v>
      </c>
    </row>
    <row r="110" spans="1:4" ht="18" customHeight="1" x14ac:dyDescent="0.15">
      <c r="A110" s="8">
        <v>86</v>
      </c>
      <c r="B110" s="21">
        <v>3</v>
      </c>
      <c r="C110" s="6">
        <v>5</v>
      </c>
      <c r="D110" s="5">
        <v>8</v>
      </c>
    </row>
    <row r="111" spans="1:4" ht="18" customHeight="1" x14ac:dyDescent="0.15">
      <c r="A111" s="8">
        <v>87</v>
      </c>
      <c r="B111" s="21">
        <v>3</v>
      </c>
      <c r="C111" s="6">
        <v>7</v>
      </c>
      <c r="D111" s="5">
        <v>10</v>
      </c>
    </row>
    <row r="112" spans="1:4" ht="18" customHeight="1" x14ac:dyDescent="0.15">
      <c r="A112" s="8">
        <v>88</v>
      </c>
      <c r="B112" s="21">
        <v>4</v>
      </c>
      <c r="C112" s="6">
        <v>8</v>
      </c>
      <c r="D112" s="5">
        <v>12</v>
      </c>
    </row>
    <row r="113" spans="1:4" ht="18" customHeight="1" x14ac:dyDescent="0.15">
      <c r="A113" s="8">
        <v>89</v>
      </c>
      <c r="B113" s="21">
        <v>3</v>
      </c>
      <c r="C113" s="6">
        <v>6</v>
      </c>
      <c r="D113" s="5">
        <v>9</v>
      </c>
    </row>
    <row r="114" spans="1:4" ht="18" customHeight="1" x14ac:dyDescent="0.15">
      <c r="A114" s="8" t="s">
        <v>6</v>
      </c>
      <c r="B114" s="21">
        <v>19</v>
      </c>
      <c r="C114" s="6">
        <v>33</v>
      </c>
      <c r="D114" s="5">
        <v>52</v>
      </c>
    </row>
    <row r="115" spans="1:4" ht="18" customHeight="1" x14ac:dyDescent="0.15">
      <c r="A115" s="8">
        <v>90</v>
      </c>
      <c r="B115" s="21">
        <v>4</v>
      </c>
      <c r="C115" s="6">
        <v>5</v>
      </c>
      <c r="D115" s="5">
        <v>9</v>
      </c>
    </row>
    <row r="116" spans="1:4" ht="18" customHeight="1" x14ac:dyDescent="0.15">
      <c r="A116" s="8">
        <v>91</v>
      </c>
      <c r="B116" s="21">
        <v>7</v>
      </c>
      <c r="C116" s="6">
        <v>8</v>
      </c>
      <c r="D116" s="5">
        <v>15</v>
      </c>
    </row>
    <row r="117" spans="1:4" ht="18" customHeight="1" x14ac:dyDescent="0.15">
      <c r="A117" s="8">
        <v>92</v>
      </c>
      <c r="B117" s="21">
        <v>3</v>
      </c>
      <c r="C117" s="6">
        <v>8</v>
      </c>
      <c r="D117" s="5">
        <v>11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1</v>
      </c>
      <c r="C119" s="6">
        <v>4</v>
      </c>
      <c r="D119" s="5">
        <v>5</v>
      </c>
    </row>
    <row r="120" spans="1:4" ht="18" customHeight="1" x14ac:dyDescent="0.15">
      <c r="A120" s="8" t="s">
        <v>5</v>
      </c>
      <c r="B120" s="21">
        <v>17</v>
      </c>
      <c r="C120" s="6">
        <v>31</v>
      </c>
      <c r="D120" s="5">
        <v>48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2</v>
      </c>
      <c r="C122" s="6">
        <v>1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3</v>
      </c>
      <c r="C126" s="6">
        <v>7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66</v>
      </c>
      <c r="C130" s="6">
        <v>242</v>
      </c>
      <c r="D130" s="5">
        <v>408</v>
      </c>
    </row>
    <row r="131" spans="1:4" ht="18" customHeight="1" x14ac:dyDescent="0.15">
      <c r="A131" s="4" t="s">
        <v>0</v>
      </c>
      <c r="B131" s="20">
        <v>318</v>
      </c>
      <c r="C131" s="2">
        <v>405</v>
      </c>
      <c r="D131" s="1">
        <v>72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8923DA-D845-4F65-9A05-451E0244A1E5}">
  <sheetPr codeName="Sheet7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5</v>
      </c>
      <c r="C5" s="31">
        <v>5</v>
      </c>
      <c r="D5" s="30">
        <v>10</v>
      </c>
    </row>
    <row r="6" spans="1:4" ht="18" customHeight="1" x14ac:dyDescent="0.15">
      <c r="A6" s="8">
        <v>1</v>
      </c>
      <c r="B6" s="26">
        <v>8</v>
      </c>
      <c r="C6" s="6">
        <v>4</v>
      </c>
      <c r="D6" s="5">
        <v>12</v>
      </c>
    </row>
    <row r="7" spans="1:4" ht="18" customHeight="1" x14ac:dyDescent="0.15">
      <c r="A7" s="8">
        <v>2</v>
      </c>
      <c r="B7" s="26">
        <v>6</v>
      </c>
      <c r="C7" s="6">
        <v>6</v>
      </c>
      <c r="D7" s="5">
        <v>12</v>
      </c>
    </row>
    <row r="8" spans="1:4" ht="18" customHeight="1" x14ac:dyDescent="0.15">
      <c r="A8" s="8">
        <v>3</v>
      </c>
      <c r="B8" s="26">
        <v>6</v>
      </c>
      <c r="C8" s="6">
        <v>11</v>
      </c>
      <c r="D8" s="5">
        <v>17</v>
      </c>
    </row>
    <row r="9" spans="1:4" ht="18" customHeight="1" x14ac:dyDescent="0.15">
      <c r="A9" s="8">
        <v>4</v>
      </c>
      <c r="B9" s="29">
        <v>9</v>
      </c>
      <c r="C9" s="28">
        <v>10</v>
      </c>
      <c r="D9" s="27">
        <v>19</v>
      </c>
    </row>
    <row r="10" spans="1:4" ht="18" customHeight="1" x14ac:dyDescent="0.15">
      <c r="A10" s="8" t="s">
        <v>25</v>
      </c>
      <c r="B10" s="21">
        <v>34</v>
      </c>
      <c r="C10" s="6">
        <v>36</v>
      </c>
      <c r="D10" s="5">
        <v>70</v>
      </c>
    </row>
    <row r="11" spans="1:4" ht="18" customHeight="1" x14ac:dyDescent="0.15">
      <c r="A11" s="8">
        <v>5</v>
      </c>
      <c r="B11" s="26">
        <v>10</v>
      </c>
      <c r="C11" s="6">
        <v>10</v>
      </c>
      <c r="D11" s="5">
        <v>20</v>
      </c>
    </row>
    <row r="12" spans="1:4" ht="18" customHeight="1" x14ac:dyDescent="0.15">
      <c r="A12" s="8">
        <v>6</v>
      </c>
      <c r="B12" s="26">
        <v>10</v>
      </c>
      <c r="C12" s="6">
        <v>10</v>
      </c>
      <c r="D12" s="5">
        <v>20</v>
      </c>
    </row>
    <row r="13" spans="1:4" ht="18" customHeight="1" x14ac:dyDescent="0.15">
      <c r="A13" s="8">
        <v>7</v>
      </c>
      <c r="B13" s="26">
        <v>16</v>
      </c>
      <c r="C13" s="6">
        <v>16</v>
      </c>
      <c r="D13" s="5">
        <v>32</v>
      </c>
    </row>
    <row r="14" spans="1:4" ht="18" customHeight="1" x14ac:dyDescent="0.15">
      <c r="A14" s="8">
        <v>8</v>
      </c>
      <c r="B14" s="26">
        <v>20</v>
      </c>
      <c r="C14" s="6">
        <v>17</v>
      </c>
      <c r="D14" s="5">
        <v>37</v>
      </c>
    </row>
    <row r="15" spans="1:4" ht="18" customHeight="1" x14ac:dyDescent="0.15">
      <c r="A15" s="8">
        <v>9</v>
      </c>
      <c r="B15" s="26">
        <v>21</v>
      </c>
      <c r="C15" s="6">
        <v>10</v>
      </c>
      <c r="D15" s="5">
        <v>31</v>
      </c>
    </row>
    <row r="16" spans="1:4" ht="18" customHeight="1" x14ac:dyDescent="0.15">
      <c r="A16" s="8" t="s">
        <v>24</v>
      </c>
      <c r="B16" s="21">
        <v>77</v>
      </c>
      <c r="C16" s="6">
        <v>63</v>
      </c>
      <c r="D16" s="5">
        <v>140</v>
      </c>
    </row>
    <row r="17" spans="1:4" ht="18" customHeight="1" x14ac:dyDescent="0.15">
      <c r="A17" s="8">
        <v>10</v>
      </c>
      <c r="B17" s="21">
        <v>12</v>
      </c>
      <c r="C17" s="6">
        <v>20</v>
      </c>
      <c r="D17" s="5">
        <v>32</v>
      </c>
    </row>
    <row r="18" spans="1:4" ht="18" customHeight="1" x14ac:dyDescent="0.15">
      <c r="A18" s="8">
        <v>11</v>
      </c>
      <c r="B18" s="21">
        <v>19</v>
      </c>
      <c r="C18" s="6">
        <v>13</v>
      </c>
      <c r="D18" s="5">
        <v>32</v>
      </c>
    </row>
    <row r="19" spans="1:4" ht="18" customHeight="1" x14ac:dyDescent="0.15">
      <c r="A19" s="8">
        <v>12</v>
      </c>
      <c r="B19" s="21">
        <v>17</v>
      </c>
      <c r="C19" s="6">
        <v>21</v>
      </c>
      <c r="D19" s="5">
        <v>38</v>
      </c>
    </row>
    <row r="20" spans="1:4" ht="18" customHeight="1" x14ac:dyDescent="0.15">
      <c r="A20" s="8">
        <v>13</v>
      </c>
      <c r="B20" s="21">
        <v>24</v>
      </c>
      <c r="C20" s="6">
        <v>14</v>
      </c>
      <c r="D20" s="5">
        <v>38</v>
      </c>
    </row>
    <row r="21" spans="1:4" ht="18" customHeight="1" x14ac:dyDescent="0.15">
      <c r="A21" s="8">
        <v>14</v>
      </c>
      <c r="B21" s="21">
        <v>26</v>
      </c>
      <c r="C21" s="6">
        <v>19</v>
      </c>
      <c r="D21" s="5">
        <v>45</v>
      </c>
    </row>
    <row r="22" spans="1:4" ht="18" customHeight="1" x14ac:dyDescent="0.15">
      <c r="A22" s="8" t="s">
        <v>23</v>
      </c>
      <c r="B22" s="21">
        <v>98</v>
      </c>
      <c r="C22" s="6">
        <v>87</v>
      </c>
      <c r="D22" s="5">
        <v>185</v>
      </c>
    </row>
    <row r="23" spans="1:4" ht="18" customHeight="1" x14ac:dyDescent="0.15">
      <c r="A23" s="8" t="s">
        <v>22</v>
      </c>
      <c r="B23" s="21">
        <v>209</v>
      </c>
      <c r="C23" s="6">
        <v>186</v>
      </c>
      <c r="D23" s="5">
        <v>395</v>
      </c>
    </row>
    <row r="24" spans="1:4" ht="18" customHeight="1" x14ac:dyDescent="0.15">
      <c r="A24" s="8">
        <v>15</v>
      </c>
      <c r="B24" s="21">
        <v>20</v>
      </c>
      <c r="C24" s="6">
        <v>12</v>
      </c>
      <c r="D24" s="5">
        <v>32</v>
      </c>
    </row>
    <row r="25" spans="1:4" ht="18" customHeight="1" x14ac:dyDescent="0.15">
      <c r="A25" s="8">
        <v>16</v>
      </c>
      <c r="B25" s="21">
        <v>27</v>
      </c>
      <c r="C25" s="6">
        <v>23</v>
      </c>
      <c r="D25" s="5">
        <v>50</v>
      </c>
    </row>
    <row r="26" spans="1:4" ht="18" customHeight="1" x14ac:dyDescent="0.15">
      <c r="A26" s="8">
        <v>17</v>
      </c>
      <c r="B26" s="21">
        <v>24</v>
      </c>
      <c r="C26" s="6">
        <v>28</v>
      </c>
      <c r="D26" s="5">
        <v>52</v>
      </c>
    </row>
    <row r="27" spans="1:4" ht="18" customHeight="1" x14ac:dyDescent="0.15">
      <c r="A27" s="8">
        <v>18</v>
      </c>
      <c r="B27" s="21">
        <v>23</v>
      </c>
      <c r="C27" s="6">
        <v>28</v>
      </c>
      <c r="D27" s="5">
        <v>51</v>
      </c>
    </row>
    <row r="28" spans="1:4" ht="18" customHeight="1" x14ac:dyDescent="0.15">
      <c r="A28" s="8">
        <v>19</v>
      </c>
      <c r="B28" s="21">
        <v>25</v>
      </c>
      <c r="C28" s="6">
        <v>19</v>
      </c>
      <c r="D28" s="5">
        <v>44</v>
      </c>
    </row>
    <row r="29" spans="1:4" ht="18" customHeight="1" x14ac:dyDescent="0.15">
      <c r="A29" s="8" t="s">
        <v>21</v>
      </c>
      <c r="B29" s="21">
        <v>119</v>
      </c>
      <c r="C29" s="6">
        <v>110</v>
      </c>
      <c r="D29" s="5">
        <v>229</v>
      </c>
    </row>
    <row r="30" spans="1:4" ht="18" customHeight="1" x14ac:dyDescent="0.15">
      <c r="A30" s="8">
        <v>20</v>
      </c>
      <c r="B30" s="21">
        <v>29</v>
      </c>
      <c r="C30" s="6">
        <v>24</v>
      </c>
      <c r="D30" s="5">
        <v>53</v>
      </c>
    </row>
    <row r="31" spans="1:4" ht="18" customHeight="1" x14ac:dyDescent="0.15">
      <c r="A31" s="8">
        <v>21</v>
      </c>
      <c r="B31" s="21">
        <v>35</v>
      </c>
      <c r="C31" s="6">
        <v>28</v>
      </c>
      <c r="D31" s="5">
        <v>63</v>
      </c>
    </row>
    <row r="32" spans="1:4" ht="18" customHeight="1" x14ac:dyDescent="0.15">
      <c r="A32" s="8">
        <v>22</v>
      </c>
      <c r="B32" s="21">
        <v>37</v>
      </c>
      <c r="C32" s="6">
        <v>27</v>
      </c>
      <c r="D32" s="5">
        <v>64</v>
      </c>
    </row>
    <row r="33" spans="1:4" ht="18" customHeight="1" x14ac:dyDescent="0.15">
      <c r="A33" s="8">
        <v>23</v>
      </c>
      <c r="B33" s="21">
        <v>22</v>
      </c>
      <c r="C33" s="6">
        <v>34</v>
      </c>
      <c r="D33" s="5">
        <v>56</v>
      </c>
    </row>
    <row r="34" spans="1:4" ht="18" customHeight="1" x14ac:dyDescent="0.15">
      <c r="A34" s="8">
        <v>24</v>
      </c>
      <c r="B34" s="21">
        <v>19</v>
      </c>
      <c r="C34" s="6">
        <v>24</v>
      </c>
      <c r="D34" s="5">
        <v>43</v>
      </c>
    </row>
    <row r="35" spans="1:4" ht="18" customHeight="1" x14ac:dyDescent="0.15">
      <c r="A35" s="8" t="s">
        <v>20</v>
      </c>
      <c r="B35" s="21">
        <v>142</v>
      </c>
      <c r="C35" s="6">
        <v>137</v>
      </c>
      <c r="D35" s="5">
        <v>279</v>
      </c>
    </row>
    <row r="36" spans="1:4" ht="18" customHeight="1" x14ac:dyDescent="0.15">
      <c r="A36" s="8">
        <v>25</v>
      </c>
      <c r="B36" s="21">
        <v>25</v>
      </c>
      <c r="C36" s="6">
        <v>18</v>
      </c>
      <c r="D36" s="5">
        <v>43</v>
      </c>
    </row>
    <row r="37" spans="1:4" ht="18" customHeight="1" x14ac:dyDescent="0.15">
      <c r="A37" s="8">
        <v>26</v>
      </c>
      <c r="B37" s="21">
        <v>23</v>
      </c>
      <c r="C37" s="6">
        <v>14</v>
      </c>
      <c r="D37" s="5">
        <v>37</v>
      </c>
    </row>
    <row r="38" spans="1:4" ht="18" customHeight="1" x14ac:dyDescent="0.15">
      <c r="A38" s="8">
        <v>27</v>
      </c>
      <c r="B38" s="21">
        <v>22</v>
      </c>
      <c r="C38" s="6">
        <v>23</v>
      </c>
      <c r="D38" s="5">
        <v>45</v>
      </c>
    </row>
    <row r="39" spans="1:4" ht="18" customHeight="1" x14ac:dyDescent="0.15">
      <c r="A39" s="8">
        <v>28</v>
      </c>
      <c r="B39" s="21">
        <v>23</v>
      </c>
      <c r="C39" s="6">
        <v>17</v>
      </c>
      <c r="D39" s="5">
        <v>40</v>
      </c>
    </row>
    <row r="40" spans="1:4" ht="18" customHeight="1" x14ac:dyDescent="0.15">
      <c r="A40" s="8">
        <v>29</v>
      </c>
      <c r="B40" s="21">
        <v>23</v>
      </c>
      <c r="C40" s="6">
        <v>10</v>
      </c>
      <c r="D40" s="5">
        <v>33</v>
      </c>
    </row>
    <row r="41" spans="1:4" ht="18" customHeight="1" x14ac:dyDescent="0.15">
      <c r="A41" s="8" t="s">
        <v>19</v>
      </c>
      <c r="B41" s="21">
        <v>116</v>
      </c>
      <c r="C41" s="6">
        <v>82</v>
      </c>
      <c r="D41" s="5">
        <v>198</v>
      </c>
    </row>
    <row r="42" spans="1:4" ht="18" customHeight="1" x14ac:dyDescent="0.15">
      <c r="A42" s="8">
        <v>30</v>
      </c>
      <c r="B42" s="21">
        <v>16</v>
      </c>
      <c r="C42" s="6">
        <v>20</v>
      </c>
      <c r="D42" s="5">
        <v>36</v>
      </c>
    </row>
    <row r="43" spans="1:4" ht="18" customHeight="1" x14ac:dyDescent="0.15">
      <c r="A43" s="8">
        <v>31</v>
      </c>
      <c r="B43" s="21">
        <v>18</v>
      </c>
      <c r="C43" s="6">
        <v>16</v>
      </c>
      <c r="D43" s="5">
        <v>34</v>
      </c>
    </row>
    <row r="44" spans="1:4" ht="18" customHeight="1" x14ac:dyDescent="0.15">
      <c r="A44" s="8">
        <v>32</v>
      </c>
      <c r="B44" s="21">
        <v>14</v>
      </c>
      <c r="C44" s="6">
        <v>16</v>
      </c>
      <c r="D44" s="5">
        <v>30</v>
      </c>
    </row>
    <row r="45" spans="1:4" ht="18" customHeight="1" x14ac:dyDescent="0.15">
      <c r="A45" s="8">
        <v>33</v>
      </c>
      <c r="B45" s="21">
        <v>11</v>
      </c>
      <c r="C45" s="6">
        <v>15</v>
      </c>
      <c r="D45" s="5">
        <v>26</v>
      </c>
    </row>
    <row r="46" spans="1:4" ht="18" customHeight="1" x14ac:dyDescent="0.15">
      <c r="A46" s="8">
        <v>34</v>
      </c>
      <c r="B46" s="21">
        <v>11</v>
      </c>
      <c r="C46" s="6">
        <v>7</v>
      </c>
      <c r="D46" s="5">
        <v>18</v>
      </c>
    </row>
    <row r="47" spans="1:4" ht="18" customHeight="1" x14ac:dyDescent="0.15">
      <c r="A47" s="8" t="s">
        <v>18</v>
      </c>
      <c r="B47" s="21">
        <v>70</v>
      </c>
      <c r="C47" s="6">
        <v>74</v>
      </c>
      <c r="D47" s="5">
        <v>144</v>
      </c>
    </row>
    <row r="48" spans="1:4" ht="18" customHeight="1" x14ac:dyDescent="0.15">
      <c r="A48" s="8">
        <v>35</v>
      </c>
      <c r="B48" s="21">
        <v>10</v>
      </c>
      <c r="C48" s="6">
        <v>15</v>
      </c>
      <c r="D48" s="5">
        <v>25</v>
      </c>
    </row>
    <row r="49" spans="1:4" ht="18" customHeight="1" x14ac:dyDescent="0.15">
      <c r="A49" s="8">
        <v>36</v>
      </c>
      <c r="B49" s="21">
        <v>24</v>
      </c>
      <c r="C49" s="6">
        <v>19</v>
      </c>
      <c r="D49" s="5">
        <v>43</v>
      </c>
    </row>
    <row r="50" spans="1:4" ht="18" customHeight="1" x14ac:dyDescent="0.15">
      <c r="A50" s="8">
        <v>37</v>
      </c>
      <c r="B50" s="21">
        <v>18</v>
      </c>
      <c r="C50" s="6">
        <v>15</v>
      </c>
      <c r="D50" s="5">
        <v>33</v>
      </c>
    </row>
    <row r="51" spans="1:4" ht="18" customHeight="1" x14ac:dyDescent="0.15">
      <c r="A51" s="8">
        <v>38</v>
      </c>
      <c r="B51" s="21">
        <v>18</v>
      </c>
      <c r="C51" s="6">
        <v>17</v>
      </c>
      <c r="D51" s="5">
        <v>35</v>
      </c>
    </row>
    <row r="52" spans="1:4" ht="18" customHeight="1" x14ac:dyDescent="0.15">
      <c r="A52" s="8">
        <v>39</v>
      </c>
      <c r="B52" s="21">
        <v>17</v>
      </c>
      <c r="C52" s="6">
        <v>10</v>
      </c>
      <c r="D52" s="5">
        <v>27</v>
      </c>
    </row>
    <row r="53" spans="1:4" ht="18" customHeight="1" x14ac:dyDescent="0.15">
      <c r="A53" s="8" t="s">
        <v>17</v>
      </c>
      <c r="B53" s="21">
        <v>87</v>
      </c>
      <c r="C53" s="6">
        <v>76</v>
      </c>
      <c r="D53" s="5">
        <v>163</v>
      </c>
    </row>
    <row r="54" spans="1:4" ht="18" customHeight="1" x14ac:dyDescent="0.15">
      <c r="A54" s="8">
        <v>40</v>
      </c>
      <c r="B54" s="21">
        <v>17</v>
      </c>
      <c r="C54" s="6">
        <v>15</v>
      </c>
      <c r="D54" s="5">
        <v>32</v>
      </c>
    </row>
    <row r="55" spans="1:4" ht="18" customHeight="1" x14ac:dyDescent="0.15">
      <c r="A55" s="8">
        <v>41</v>
      </c>
      <c r="B55" s="21">
        <v>20</v>
      </c>
      <c r="C55" s="6">
        <v>19</v>
      </c>
      <c r="D55" s="5">
        <v>39</v>
      </c>
    </row>
    <row r="56" spans="1:4" ht="18" customHeight="1" x14ac:dyDescent="0.15">
      <c r="A56" s="8">
        <v>42</v>
      </c>
      <c r="B56" s="21">
        <v>28</v>
      </c>
      <c r="C56" s="6">
        <v>28</v>
      </c>
      <c r="D56" s="5">
        <v>56</v>
      </c>
    </row>
    <row r="57" spans="1:4" ht="18" customHeight="1" x14ac:dyDescent="0.15">
      <c r="A57" s="8">
        <v>43</v>
      </c>
      <c r="B57" s="21">
        <v>17</v>
      </c>
      <c r="C57" s="6">
        <v>26</v>
      </c>
      <c r="D57" s="5">
        <v>43</v>
      </c>
    </row>
    <row r="58" spans="1:4" ht="18" customHeight="1" x14ac:dyDescent="0.15">
      <c r="A58" s="8">
        <v>44</v>
      </c>
      <c r="B58" s="21">
        <v>19</v>
      </c>
      <c r="C58" s="6">
        <v>33</v>
      </c>
      <c r="D58" s="5">
        <v>52</v>
      </c>
    </row>
    <row r="59" spans="1:4" ht="18" customHeight="1" x14ac:dyDescent="0.15">
      <c r="A59" s="8" t="s">
        <v>16</v>
      </c>
      <c r="B59" s="21">
        <v>101</v>
      </c>
      <c r="C59" s="6">
        <v>121</v>
      </c>
      <c r="D59" s="5">
        <v>222</v>
      </c>
    </row>
    <row r="60" spans="1:4" ht="18" customHeight="1" x14ac:dyDescent="0.15">
      <c r="A60" s="8">
        <v>45</v>
      </c>
      <c r="B60" s="21">
        <v>24</v>
      </c>
      <c r="C60" s="6">
        <v>23</v>
      </c>
      <c r="D60" s="5">
        <v>47</v>
      </c>
    </row>
    <row r="61" spans="1:4" ht="18" customHeight="1" x14ac:dyDescent="0.15">
      <c r="A61" s="8">
        <v>46</v>
      </c>
      <c r="B61" s="21">
        <v>38</v>
      </c>
      <c r="C61" s="6">
        <v>27</v>
      </c>
      <c r="D61" s="5">
        <v>65</v>
      </c>
    </row>
    <row r="62" spans="1:4" ht="18" customHeight="1" x14ac:dyDescent="0.15">
      <c r="A62" s="8">
        <v>47</v>
      </c>
      <c r="B62" s="21">
        <v>34</v>
      </c>
      <c r="C62" s="6">
        <v>34</v>
      </c>
      <c r="D62" s="5">
        <v>68</v>
      </c>
    </row>
    <row r="63" spans="1:4" ht="18" customHeight="1" x14ac:dyDescent="0.15">
      <c r="A63" s="8">
        <v>48</v>
      </c>
      <c r="B63" s="21">
        <v>36</v>
      </c>
      <c r="C63" s="6">
        <v>37</v>
      </c>
      <c r="D63" s="5">
        <v>73</v>
      </c>
    </row>
    <row r="64" spans="1:4" ht="18" customHeight="1" x14ac:dyDescent="0.15">
      <c r="A64" s="8">
        <v>49</v>
      </c>
      <c r="B64" s="21">
        <v>45</v>
      </c>
      <c r="C64" s="6">
        <v>33</v>
      </c>
      <c r="D64" s="5">
        <v>78</v>
      </c>
    </row>
    <row r="65" spans="1:4" ht="18" customHeight="1" x14ac:dyDescent="0.15">
      <c r="A65" s="8" t="s">
        <v>15</v>
      </c>
      <c r="B65" s="21">
        <v>177</v>
      </c>
      <c r="C65" s="6">
        <v>154</v>
      </c>
      <c r="D65" s="5">
        <v>331</v>
      </c>
    </row>
    <row r="66" spans="1:4" ht="18" customHeight="1" x14ac:dyDescent="0.15">
      <c r="A66" s="8">
        <v>50</v>
      </c>
      <c r="B66" s="21">
        <v>43</v>
      </c>
      <c r="C66" s="6">
        <v>40</v>
      </c>
      <c r="D66" s="5">
        <v>83</v>
      </c>
    </row>
    <row r="67" spans="1:4" ht="18" customHeight="1" x14ac:dyDescent="0.15">
      <c r="A67" s="8">
        <v>51</v>
      </c>
      <c r="B67" s="21">
        <v>51</v>
      </c>
      <c r="C67" s="6">
        <v>50</v>
      </c>
      <c r="D67" s="5">
        <v>101</v>
      </c>
    </row>
    <row r="68" spans="1:4" ht="18" customHeight="1" x14ac:dyDescent="0.15">
      <c r="A68" s="8">
        <v>52</v>
      </c>
      <c r="B68" s="21">
        <v>48</v>
      </c>
      <c r="C68" s="6">
        <v>55</v>
      </c>
      <c r="D68" s="5">
        <v>103</v>
      </c>
    </row>
    <row r="69" spans="1:4" ht="18" customHeight="1" x14ac:dyDescent="0.15">
      <c r="A69" s="8">
        <v>53</v>
      </c>
      <c r="B69" s="21">
        <v>47</v>
      </c>
      <c r="C69" s="6">
        <v>57</v>
      </c>
      <c r="D69" s="5">
        <v>104</v>
      </c>
    </row>
    <row r="70" spans="1:4" ht="18" customHeight="1" x14ac:dyDescent="0.15">
      <c r="A70" s="8">
        <v>54</v>
      </c>
      <c r="B70" s="21">
        <v>54</v>
      </c>
      <c r="C70" s="6">
        <v>57</v>
      </c>
      <c r="D70" s="5">
        <v>111</v>
      </c>
    </row>
    <row r="71" spans="1:4" ht="18" customHeight="1" x14ac:dyDescent="0.15">
      <c r="A71" s="8" t="s">
        <v>14</v>
      </c>
      <c r="B71" s="21">
        <v>243</v>
      </c>
      <c r="C71" s="6">
        <v>259</v>
      </c>
      <c r="D71" s="5">
        <v>502</v>
      </c>
    </row>
    <row r="72" spans="1:4" ht="18" customHeight="1" x14ac:dyDescent="0.15">
      <c r="A72" s="8">
        <v>55</v>
      </c>
      <c r="B72" s="21">
        <v>44</v>
      </c>
      <c r="C72" s="6">
        <v>55</v>
      </c>
      <c r="D72" s="5">
        <v>99</v>
      </c>
    </row>
    <row r="73" spans="1:4" ht="18" customHeight="1" x14ac:dyDescent="0.15">
      <c r="A73" s="8">
        <v>56</v>
      </c>
      <c r="B73" s="21">
        <v>48</v>
      </c>
      <c r="C73" s="6">
        <v>34</v>
      </c>
      <c r="D73" s="5">
        <v>82</v>
      </c>
    </row>
    <row r="74" spans="1:4" ht="18" customHeight="1" x14ac:dyDescent="0.15">
      <c r="A74" s="8">
        <v>57</v>
      </c>
      <c r="B74" s="21">
        <v>44</v>
      </c>
      <c r="C74" s="6">
        <v>43</v>
      </c>
      <c r="D74" s="5">
        <v>87</v>
      </c>
    </row>
    <row r="75" spans="1:4" ht="18" customHeight="1" x14ac:dyDescent="0.15">
      <c r="A75" s="8">
        <v>58</v>
      </c>
      <c r="B75" s="21">
        <v>43</v>
      </c>
      <c r="C75" s="6">
        <v>38</v>
      </c>
      <c r="D75" s="5">
        <v>81</v>
      </c>
    </row>
    <row r="76" spans="1:4" ht="18" customHeight="1" x14ac:dyDescent="0.15">
      <c r="A76" s="8">
        <v>59</v>
      </c>
      <c r="B76" s="21">
        <v>37</v>
      </c>
      <c r="C76" s="6">
        <v>28</v>
      </c>
      <c r="D76" s="5">
        <v>65</v>
      </c>
    </row>
    <row r="77" spans="1:4" ht="18" customHeight="1" x14ac:dyDescent="0.15">
      <c r="A77" s="8" t="s">
        <v>13</v>
      </c>
      <c r="B77" s="21">
        <v>216</v>
      </c>
      <c r="C77" s="6">
        <v>198</v>
      </c>
      <c r="D77" s="5">
        <v>414</v>
      </c>
    </row>
    <row r="78" spans="1:4" ht="18" customHeight="1" x14ac:dyDescent="0.15">
      <c r="A78" s="8">
        <v>60</v>
      </c>
      <c r="B78" s="21">
        <v>27</v>
      </c>
      <c r="C78" s="6">
        <v>28</v>
      </c>
      <c r="D78" s="5">
        <v>55</v>
      </c>
    </row>
    <row r="79" spans="1:4" ht="18" customHeight="1" x14ac:dyDescent="0.15">
      <c r="A79" s="8">
        <v>61</v>
      </c>
      <c r="B79" s="21">
        <v>28</v>
      </c>
      <c r="C79" s="6">
        <v>28</v>
      </c>
      <c r="D79" s="5">
        <v>56</v>
      </c>
    </row>
    <row r="80" spans="1:4" ht="18" customHeight="1" x14ac:dyDescent="0.15">
      <c r="A80" s="8">
        <v>62</v>
      </c>
      <c r="B80" s="21">
        <v>47</v>
      </c>
      <c r="C80" s="6">
        <v>31</v>
      </c>
      <c r="D80" s="5">
        <v>78</v>
      </c>
    </row>
    <row r="81" spans="1:4" ht="18" customHeight="1" x14ac:dyDescent="0.15">
      <c r="A81" s="8">
        <v>63</v>
      </c>
      <c r="B81" s="21">
        <v>33</v>
      </c>
      <c r="C81" s="6">
        <v>35</v>
      </c>
      <c r="D81" s="5">
        <v>68</v>
      </c>
    </row>
    <row r="82" spans="1:4" ht="18" customHeight="1" x14ac:dyDescent="0.15">
      <c r="A82" s="8">
        <v>64</v>
      </c>
      <c r="B82" s="21">
        <v>25</v>
      </c>
      <c r="C82" s="6">
        <v>32</v>
      </c>
      <c r="D82" s="5">
        <v>57</v>
      </c>
    </row>
    <row r="83" spans="1:4" ht="18" customHeight="1" x14ac:dyDescent="0.15">
      <c r="A83" s="8" t="s">
        <v>12</v>
      </c>
      <c r="B83" s="21">
        <v>160</v>
      </c>
      <c r="C83" s="6">
        <v>154</v>
      </c>
      <c r="D83" s="5">
        <v>314</v>
      </c>
    </row>
    <row r="84" spans="1:4" ht="18" customHeight="1" x14ac:dyDescent="0.15">
      <c r="A84" s="8" t="s">
        <v>11</v>
      </c>
      <c r="B84" s="21">
        <v>1431</v>
      </c>
      <c r="C84" s="6">
        <v>1365</v>
      </c>
      <c r="D84" s="5">
        <v>2796</v>
      </c>
    </row>
    <row r="85" spans="1:4" ht="18" customHeight="1" x14ac:dyDescent="0.15">
      <c r="A85" s="8">
        <v>65</v>
      </c>
      <c r="B85" s="21">
        <v>28</v>
      </c>
      <c r="C85" s="6">
        <v>30</v>
      </c>
      <c r="D85" s="5">
        <v>58</v>
      </c>
    </row>
    <row r="86" spans="1:4" ht="18" customHeight="1" x14ac:dyDescent="0.15">
      <c r="A86" s="8">
        <v>66</v>
      </c>
      <c r="B86" s="21">
        <v>25</v>
      </c>
      <c r="C86" s="6">
        <v>29</v>
      </c>
      <c r="D86" s="5">
        <v>54</v>
      </c>
    </row>
    <row r="87" spans="1:4" ht="18" customHeight="1" x14ac:dyDescent="0.15">
      <c r="A87" s="8">
        <v>67</v>
      </c>
      <c r="B87" s="21">
        <v>35</v>
      </c>
      <c r="C87" s="6">
        <v>32</v>
      </c>
      <c r="D87" s="5">
        <v>67</v>
      </c>
    </row>
    <row r="88" spans="1:4" ht="18" customHeight="1" x14ac:dyDescent="0.15">
      <c r="A88" s="8">
        <v>68</v>
      </c>
      <c r="B88" s="21">
        <v>28</v>
      </c>
      <c r="C88" s="6">
        <v>27</v>
      </c>
      <c r="D88" s="5">
        <v>55</v>
      </c>
    </row>
    <row r="89" spans="1:4" ht="18" customHeight="1" x14ac:dyDescent="0.15">
      <c r="A89" s="8">
        <v>69</v>
      </c>
      <c r="B89" s="21">
        <v>27</v>
      </c>
      <c r="C89" s="6">
        <v>26</v>
      </c>
      <c r="D89" s="5">
        <v>53</v>
      </c>
    </row>
    <row r="90" spans="1:4" ht="18" customHeight="1" x14ac:dyDescent="0.15">
      <c r="A90" s="8" t="s">
        <v>10</v>
      </c>
      <c r="B90" s="21">
        <v>143</v>
      </c>
      <c r="C90" s="6">
        <v>144</v>
      </c>
      <c r="D90" s="5">
        <v>287</v>
      </c>
    </row>
    <row r="91" spans="1:4" ht="18" customHeight="1" x14ac:dyDescent="0.15">
      <c r="A91" s="8">
        <v>70</v>
      </c>
      <c r="B91" s="21">
        <v>34</v>
      </c>
      <c r="C91" s="6">
        <v>34</v>
      </c>
      <c r="D91" s="5">
        <v>68</v>
      </c>
    </row>
    <row r="92" spans="1:4" ht="18" customHeight="1" x14ac:dyDescent="0.15">
      <c r="A92" s="8">
        <v>71</v>
      </c>
      <c r="B92" s="21">
        <v>33</v>
      </c>
      <c r="C92" s="6">
        <v>31</v>
      </c>
      <c r="D92" s="5">
        <v>64</v>
      </c>
    </row>
    <row r="93" spans="1:4" ht="18" customHeight="1" x14ac:dyDescent="0.15">
      <c r="A93" s="8">
        <v>72</v>
      </c>
      <c r="B93" s="21">
        <v>34</v>
      </c>
      <c r="C93" s="6">
        <v>37</v>
      </c>
      <c r="D93" s="5">
        <v>71</v>
      </c>
    </row>
    <row r="94" spans="1:4" ht="18" customHeight="1" x14ac:dyDescent="0.15">
      <c r="A94" s="8">
        <v>73</v>
      </c>
      <c r="B94" s="21">
        <v>31</v>
      </c>
      <c r="C94" s="6">
        <v>25</v>
      </c>
      <c r="D94" s="5">
        <v>56</v>
      </c>
    </row>
    <row r="95" spans="1:4" ht="18" customHeight="1" x14ac:dyDescent="0.15">
      <c r="A95" s="8">
        <v>74</v>
      </c>
      <c r="B95" s="21">
        <v>31</v>
      </c>
      <c r="C95" s="6">
        <v>35</v>
      </c>
      <c r="D95" s="5">
        <v>66</v>
      </c>
    </row>
    <row r="96" spans="1:4" ht="18" customHeight="1" x14ac:dyDescent="0.15">
      <c r="A96" s="8" t="s">
        <v>9</v>
      </c>
      <c r="B96" s="21">
        <v>163</v>
      </c>
      <c r="C96" s="6">
        <v>162</v>
      </c>
      <c r="D96" s="5">
        <v>325</v>
      </c>
    </row>
    <row r="97" spans="1:4" ht="18" customHeight="1" x14ac:dyDescent="0.15">
      <c r="A97" s="8">
        <v>75</v>
      </c>
      <c r="B97" s="21">
        <v>30</v>
      </c>
      <c r="C97" s="6">
        <v>39</v>
      </c>
      <c r="D97" s="5">
        <v>69</v>
      </c>
    </row>
    <row r="98" spans="1:4" ht="18" customHeight="1" x14ac:dyDescent="0.15">
      <c r="A98" s="8">
        <v>76</v>
      </c>
      <c r="B98" s="21">
        <v>32</v>
      </c>
      <c r="C98" s="6">
        <v>37</v>
      </c>
      <c r="D98" s="5">
        <v>69</v>
      </c>
    </row>
    <row r="99" spans="1:4" ht="18" customHeight="1" x14ac:dyDescent="0.15">
      <c r="A99" s="8">
        <v>77</v>
      </c>
      <c r="B99" s="21">
        <v>39</v>
      </c>
      <c r="C99" s="6">
        <v>50</v>
      </c>
      <c r="D99" s="5">
        <v>89</v>
      </c>
    </row>
    <row r="100" spans="1:4" ht="18" customHeight="1" x14ac:dyDescent="0.15">
      <c r="A100" s="8">
        <v>78</v>
      </c>
      <c r="B100" s="21">
        <v>38</v>
      </c>
      <c r="C100" s="6">
        <v>53</v>
      </c>
      <c r="D100" s="5">
        <v>91</v>
      </c>
    </row>
    <row r="101" spans="1:4" ht="18" customHeight="1" x14ac:dyDescent="0.15">
      <c r="A101" s="8">
        <v>79</v>
      </c>
      <c r="B101" s="21">
        <v>24</v>
      </c>
      <c r="C101" s="6">
        <v>30</v>
      </c>
      <c r="D101" s="5">
        <v>54</v>
      </c>
    </row>
    <row r="102" spans="1:4" ht="18" customHeight="1" x14ac:dyDescent="0.15">
      <c r="A102" s="8" t="s">
        <v>8</v>
      </c>
      <c r="B102" s="21">
        <v>163</v>
      </c>
      <c r="C102" s="6">
        <v>209</v>
      </c>
      <c r="D102" s="5">
        <v>372</v>
      </c>
    </row>
    <row r="103" spans="1:4" ht="18" customHeight="1" x14ac:dyDescent="0.15">
      <c r="A103" s="8">
        <v>80</v>
      </c>
      <c r="B103" s="21">
        <v>17</v>
      </c>
      <c r="C103" s="6">
        <v>21</v>
      </c>
      <c r="D103" s="5">
        <v>38</v>
      </c>
    </row>
    <row r="104" spans="1:4" ht="18" customHeight="1" x14ac:dyDescent="0.15">
      <c r="A104" s="8">
        <v>81</v>
      </c>
      <c r="B104" s="21">
        <v>19</v>
      </c>
      <c r="C104" s="6">
        <v>39</v>
      </c>
      <c r="D104" s="5">
        <v>58</v>
      </c>
    </row>
    <row r="105" spans="1:4" ht="18" customHeight="1" x14ac:dyDescent="0.15">
      <c r="A105" s="8">
        <v>82</v>
      </c>
      <c r="B105" s="21">
        <v>21</v>
      </c>
      <c r="C105" s="6">
        <v>20</v>
      </c>
      <c r="D105" s="5">
        <v>41</v>
      </c>
    </row>
    <row r="106" spans="1:4" ht="18" customHeight="1" x14ac:dyDescent="0.15">
      <c r="A106" s="8">
        <v>83</v>
      </c>
      <c r="B106" s="21">
        <v>16</v>
      </c>
      <c r="C106" s="6">
        <v>19</v>
      </c>
      <c r="D106" s="5">
        <v>35</v>
      </c>
    </row>
    <row r="107" spans="1:4" ht="18" customHeight="1" x14ac:dyDescent="0.15">
      <c r="A107" s="8">
        <v>84</v>
      </c>
      <c r="B107" s="21">
        <v>13</v>
      </c>
      <c r="C107" s="6">
        <v>27</v>
      </c>
      <c r="D107" s="5">
        <v>40</v>
      </c>
    </row>
    <row r="108" spans="1:4" ht="18" customHeight="1" x14ac:dyDescent="0.15">
      <c r="A108" s="8" t="s">
        <v>7</v>
      </c>
      <c r="B108" s="21">
        <v>86</v>
      </c>
      <c r="C108" s="6">
        <v>126</v>
      </c>
      <c r="D108" s="5">
        <v>212</v>
      </c>
    </row>
    <row r="109" spans="1:4" ht="18" customHeight="1" x14ac:dyDescent="0.15">
      <c r="A109" s="8">
        <v>85</v>
      </c>
      <c r="B109" s="21">
        <v>14</v>
      </c>
      <c r="C109" s="6">
        <v>21</v>
      </c>
      <c r="D109" s="5">
        <v>35</v>
      </c>
    </row>
    <row r="110" spans="1:4" ht="18" customHeight="1" x14ac:dyDescent="0.15">
      <c r="A110" s="8">
        <v>86</v>
      </c>
      <c r="B110" s="21">
        <v>6</v>
      </c>
      <c r="C110" s="6">
        <v>19</v>
      </c>
      <c r="D110" s="5">
        <v>25</v>
      </c>
    </row>
    <row r="111" spans="1:4" ht="18" customHeight="1" x14ac:dyDescent="0.15">
      <c r="A111" s="8">
        <v>87</v>
      </c>
      <c r="B111" s="21">
        <v>11</v>
      </c>
      <c r="C111" s="6">
        <v>15</v>
      </c>
      <c r="D111" s="5">
        <v>26</v>
      </c>
    </row>
    <row r="112" spans="1:4" ht="18" customHeight="1" x14ac:dyDescent="0.15">
      <c r="A112" s="8">
        <v>88</v>
      </c>
      <c r="B112" s="21">
        <v>6</v>
      </c>
      <c r="C112" s="6">
        <v>11</v>
      </c>
      <c r="D112" s="5">
        <v>17</v>
      </c>
    </row>
    <row r="113" spans="1:4" ht="18" customHeight="1" x14ac:dyDescent="0.15">
      <c r="A113" s="8">
        <v>89</v>
      </c>
      <c r="B113" s="21">
        <v>8</v>
      </c>
      <c r="C113" s="6">
        <v>20</v>
      </c>
      <c r="D113" s="5">
        <v>28</v>
      </c>
    </row>
    <row r="114" spans="1:4" ht="18" customHeight="1" x14ac:dyDescent="0.15">
      <c r="A114" s="8" t="s">
        <v>6</v>
      </c>
      <c r="B114" s="21">
        <v>45</v>
      </c>
      <c r="C114" s="6">
        <v>86</v>
      </c>
      <c r="D114" s="5">
        <v>131</v>
      </c>
    </row>
    <row r="115" spans="1:4" ht="18" customHeight="1" x14ac:dyDescent="0.15">
      <c r="A115" s="8">
        <v>90</v>
      </c>
      <c r="B115" s="21">
        <v>6</v>
      </c>
      <c r="C115" s="6">
        <v>10</v>
      </c>
      <c r="D115" s="5">
        <v>16</v>
      </c>
    </row>
    <row r="116" spans="1:4" ht="18" customHeight="1" x14ac:dyDescent="0.15">
      <c r="A116" s="8">
        <v>91</v>
      </c>
      <c r="B116" s="21">
        <v>3</v>
      </c>
      <c r="C116" s="6">
        <v>8</v>
      </c>
      <c r="D116" s="5">
        <v>11</v>
      </c>
    </row>
    <row r="117" spans="1:4" ht="18" customHeight="1" x14ac:dyDescent="0.15">
      <c r="A117" s="8">
        <v>92</v>
      </c>
      <c r="B117" s="21">
        <v>3</v>
      </c>
      <c r="C117" s="6">
        <v>15</v>
      </c>
      <c r="D117" s="5">
        <v>18</v>
      </c>
    </row>
    <row r="118" spans="1:4" ht="18" customHeight="1" x14ac:dyDescent="0.15">
      <c r="A118" s="8">
        <v>93</v>
      </c>
      <c r="B118" s="21">
        <v>2</v>
      </c>
      <c r="C118" s="6">
        <v>9</v>
      </c>
      <c r="D118" s="5">
        <v>11</v>
      </c>
    </row>
    <row r="119" spans="1:4" ht="18" customHeight="1" x14ac:dyDescent="0.15">
      <c r="A119" s="8">
        <v>94</v>
      </c>
      <c r="B119" s="21">
        <v>1</v>
      </c>
      <c r="C119" s="6">
        <v>5</v>
      </c>
      <c r="D119" s="5">
        <v>6</v>
      </c>
    </row>
    <row r="120" spans="1:4" ht="18" customHeight="1" x14ac:dyDescent="0.15">
      <c r="A120" s="8" t="s">
        <v>5</v>
      </c>
      <c r="B120" s="21">
        <v>15</v>
      </c>
      <c r="C120" s="6">
        <v>47</v>
      </c>
      <c r="D120" s="5">
        <v>62</v>
      </c>
    </row>
    <row r="121" spans="1:4" ht="18" customHeight="1" x14ac:dyDescent="0.15">
      <c r="A121" s="8">
        <v>95</v>
      </c>
      <c r="B121" s="21">
        <v>2</v>
      </c>
      <c r="C121" s="6">
        <v>2</v>
      </c>
      <c r="D121" s="5">
        <v>4</v>
      </c>
    </row>
    <row r="122" spans="1:4" ht="18" customHeight="1" x14ac:dyDescent="0.15">
      <c r="A122" s="8">
        <v>96</v>
      </c>
      <c r="B122" s="21">
        <v>0</v>
      </c>
      <c r="C122" s="6">
        <v>6</v>
      </c>
      <c r="D122" s="5">
        <v>6</v>
      </c>
    </row>
    <row r="123" spans="1:4" ht="18" customHeight="1" x14ac:dyDescent="0.15">
      <c r="A123" s="8">
        <v>97</v>
      </c>
      <c r="B123" s="21">
        <v>1</v>
      </c>
      <c r="C123" s="6">
        <v>3</v>
      </c>
      <c r="D123" s="5">
        <v>4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4</v>
      </c>
      <c r="C126" s="6">
        <v>17</v>
      </c>
      <c r="D126" s="5">
        <v>21</v>
      </c>
    </row>
    <row r="127" spans="1:4" ht="18" customHeight="1" x14ac:dyDescent="0.15">
      <c r="A127" s="8">
        <v>100</v>
      </c>
      <c r="B127" s="21">
        <v>0</v>
      </c>
      <c r="C127" s="6">
        <v>5</v>
      </c>
      <c r="D127" s="5">
        <v>5</v>
      </c>
    </row>
    <row r="128" spans="1:4" ht="18" customHeight="1" x14ac:dyDescent="0.15">
      <c r="A128" s="9" t="s">
        <v>3</v>
      </c>
      <c r="B128" s="21">
        <v>0</v>
      </c>
      <c r="C128" s="6">
        <v>4</v>
      </c>
      <c r="D128" s="5">
        <v>4</v>
      </c>
    </row>
    <row r="129" spans="1:4" ht="18" customHeight="1" x14ac:dyDescent="0.15">
      <c r="A129" s="8" t="s">
        <v>2</v>
      </c>
      <c r="B129" s="21">
        <v>0</v>
      </c>
      <c r="C129" s="6">
        <v>9</v>
      </c>
      <c r="D129" s="5">
        <v>9</v>
      </c>
    </row>
    <row r="130" spans="1:4" ht="18" customHeight="1" x14ac:dyDescent="0.15">
      <c r="A130" s="8" t="s">
        <v>1</v>
      </c>
      <c r="B130" s="21">
        <v>619</v>
      </c>
      <c r="C130" s="6">
        <v>800</v>
      </c>
      <c r="D130" s="5">
        <v>1419</v>
      </c>
    </row>
    <row r="131" spans="1:4" ht="18" customHeight="1" x14ac:dyDescent="0.15">
      <c r="A131" s="4" t="s">
        <v>0</v>
      </c>
      <c r="B131" s="20">
        <v>2259</v>
      </c>
      <c r="C131" s="2">
        <v>2351</v>
      </c>
      <c r="D131" s="1">
        <v>46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116B2E-AFDB-4160-A678-F04E33C6759F}">
  <sheetPr codeName="Sheet7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0</v>
      </c>
      <c r="D5" s="30">
        <v>2</v>
      </c>
    </row>
    <row r="6" spans="1:4" ht="18" customHeight="1" x14ac:dyDescent="0.15">
      <c r="A6" s="8">
        <v>1</v>
      </c>
      <c r="B6" s="26">
        <v>1</v>
      </c>
      <c r="C6" s="6">
        <v>0</v>
      </c>
      <c r="D6" s="5">
        <v>1</v>
      </c>
    </row>
    <row r="7" spans="1:4" ht="18" customHeight="1" x14ac:dyDescent="0.15">
      <c r="A7" s="8">
        <v>2</v>
      </c>
      <c r="B7" s="26">
        <v>1</v>
      </c>
      <c r="C7" s="6">
        <v>0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1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4</v>
      </c>
      <c r="D9" s="27">
        <v>5</v>
      </c>
    </row>
    <row r="10" spans="1:4" ht="18" customHeight="1" x14ac:dyDescent="0.15">
      <c r="A10" s="8" t="s">
        <v>25</v>
      </c>
      <c r="B10" s="21">
        <v>5</v>
      </c>
      <c r="C10" s="6">
        <v>5</v>
      </c>
      <c r="D10" s="5">
        <v>10</v>
      </c>
    </row>
    <row r="11" spans="1:4" ht="18" customHeight="1" x14ac:dyDescent="0.15">
      <c r="A11" s="8">
        <v>5</v>
      </c>
      <c r="B11" s="26">
        <v>1</v>
      </c>
      <c r="C11" s="6">
        <v>0</v>
      </c>
      <c r="D11" s="5">
        <v>1</v>
      </c>
    </row>
    <row r="12" spans="1:4" ht="18" customHeight="1" x14ac:dyDescent="0.15">
      <c r="A12" s="8">
        <v>6</v>
      </c>
      <c r="B12" s="26">
        <v>1</v>
      </c>
      <c r="C12" s="6">
        <v>1</v>
      </c>
      <c r="D12" s="5">
        <v>2</v>
      </c>
    </row>
    <row r="13" spans="1:4" ht="18" customHeight="1" x14ac:dyDescent="0.15">
      <c r="A13" s="8">
        <v>7</v>
      </c>
      <c r="B13" s="26">
        <v>1</v>
      </c>
      <c r="C13" s="6">
        <v>1</v>
      </c>
      <c r="D13" s="5">
        <v>2</v>
      </c>
    </row>
    <row r="14" spans="1:4" ht="18" customHeight="1" x14ac:dyDescent="0.15">
      <c r="A14" s="8">
        <v>8</v>
      </c>
      <c r="B14" s="26">
        <v>6</v>
      </c>
      <c r="C14" s="6">
        <v>3</v>
      </c>
      <c r="D14" s="5">
        <v>9</v>
      </c>
    </row>
    <row r="15" spans="1:4" ht="18" customHeight="1" x14ac:dyDescent="0.15">
      <c r="A15" s="8">
        <v>9</v>
      </c>
      <c r="B15" s="26">
        <v>2</v>
      </c>
      <c r="C15" s="6">
        <v>2</v>
      </c>
      <c r="D15" s="5">
        <v>4</v>
      </c>
    </row>
    <row r="16" spans="1:4" ht="18" customHeight="1" x14ac:dyDescent="0.15">
      <c r="A16" s="8" t="s">
        <v>24</v>
      </c>
      <c r="B16" s="21">
        <v>11</v>
      </c>
      <c r="C16" s="6">
        <v>7</v>
      </c>
      <c r="D16" s="5">
        <v>18</v>
      </c>
    </row>
    <row r="17" spans="1:4" ht="18" customHeight="1" x14ac:dyDescent="0.15">
      <c r="A17" s="8">
        <v>10</v>
      </c>
      <c r="B17" s="21">
        <v>4</v>
      </c>
      <c r="C17" s="6">
        <v>4</v>
      </c>
      <c r="D17" s="5">
        <v>8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2</v>
      </c>
      <c r="C19" s="6">
        <v>3</v>
      </c>
      <c r="D19" s="5">
        <v>5</v>
      </c>
    </row>
    <row r="20" spans="1:4" ht="18" customHeight="1" x14ac:dyDescent="0.15">
      <c r="A20" s="8">
        <v>13</v>
      </c>
      <c r="B20" s="21">
        <v>3</v>
      </c>
      <c r="C20" s="6">
        <v>2</v>
      </c>
      <c r="D20" s="5">
        <v>5</v>
      </c>
    </row>
    <row r="21" spans="1:4" ht="18" customHeight="1" x14ac:dyDescent="0.15">
      <c r="A21" s="8">
        <v>14</v>
      </c>
      <c r="B21" s="21">
        <v>1</v>
      </c>
      <c r="C21" s="6">
        <v>3</v>
      </c>
      <c r="D21" s="5">
        <v>4</v>
      </c>
    </row>
    <row r="22" spans="1:4" ht="18" customHeight="1" x14ac:dyDescent="0.15">
      <c r="A22" s="8" t="s">
        <v>23</v>
      </c>
      <c r="B22" s="21">
        <v>10</v>
      </c>
      <c r="C22" s="6">
        <v>12</v>
      </c>
      <c r="D22" s="5">
        <v>22</v>
      </c>
    </row>
    <row r="23" spans="1:4" ht="18" customHeight="1" x14ac:dyDescent="0.15">
      <c r="A23" s="8" t="s">
        <v>22</v>
      </c>
      <c r="B23" s="21">
        <v>26</v>
      </c>
      <c r="C23" s="6">
        <v>24</v>
      </c>
      <c r="D23" s="5">
        <v>50</v>
      </c>
    </row>
    <row r="24" spans="1:4" ht="18" customHeight="1" x14ac:dyDescent="0.15">
      <c r="A24" s="8">
        <v>15</v>
      </c>
      <c r="B24" s="21">
        <v>4</v>
      </c>
      <c r="C24" s="6">
        <v>2</v>
      </c>
      <c r="D24" s="5">
        <v>6</v>
      </c>
    </row>
    <row r="25" spans="1:4" ht="18" customHeight="1" x14ac:dyDescent="0.15">
      <c r="A25" s="8">
        <v>16</v>
      </c>
      <c r="B25" s="21">
        <v>4</v>
      </c>
      <c r="C25" s="6">
        <v>3</v>
      </c>
      <c r="D25" s="5">
        <v>7</v>
      </c>
    </row>
    <row r="26" spans="1:4" ht="18" customHeight="1" x14ac:dyDescent="0.15">
      <c r="A26" s="8">
        <v>17</v>
      </c>
      <c r="B26" s="21">
        <v>2</v>
      </c>
      <c r="C26" s="6">
        <v>3</v>
      </c>
      <c r="D26" s="5">
        <v>5</v>
      </c>
    </row>
    <row r="27" spans="1:4" ht="18" customHeight="1" x14ac:dyDescent="0.15">
      <c r="A27" s="8">
        <v>18</v>
      </c>
      <c r="B27" s="21">
        <v>1</v>
      </c>
      <c r="C27" s="6">
        <v>2</v>
      </c>
      <c r="D27" s="5">
        <v>3</v>
      </c>
    </row>
    <row r="28" spans="1:4" ht="18" customHeight="1" x14ac:dyDescent="0.15">
      <c r="A28" s="8">
        <v>19</v>
      </c>
      <c r="B28" s="21">
        <v>2</v>
      </c>
      <c r="C28" s="6">
        <v>1</v>
      </c>
      <c r="D28" s="5">
        <v>3</v>
      </c>
    </row>
    <row r="29" spans="1:4" ht="18" customHeight="1" x14ac:dyDescent="0.15">
      <c r="A29" s="8" t="s">
        <v>21</v>
      </c>
      <c r="B29" s="21">
        <v>13</v>
      </c>
      <c r="C29" s="6">
        <v>11</v>
      </c>
      <c r="D29" s="5">
        <v>24</v>
      </c>
    </row>
    <row r="30" spans="1:4" ht="18" customHeight="1" x14ac:dyDescent="0.15">
      <c r="A30" s="8">
        <v>20</v>
      </c>
      <c r="B30" s="21">
        <v>6</v>
      </c>
      <c r="C30" s="6">
        <v>2</v>
      </c>
      <c r="D30" s="5">
        <v>8</v>
      </c>
    </row>
    <row r="31" spans="1:4" ht="18" customHeight="1" x14ac:dyDescent="0.15">
      <c r="A31" s="8">
        <v>21</v>
      </c>
      <c r="B31" s="21">
        <v>8</v>
      </c>
      <c r="C31" s="6">
        <v>5</v>
      </c>
      <c r="D31" s="5">
        <v>13</v>
      </c>
    </row>
    <row r="32" spans="1:4" ht="18" customHeight="1" x14ac:dyDescent="0.15">
      <c r="A32" s="8">
        <v>22</v>
      </c>
      <c r="B32" s="21">
        <v>1</v>
      </c>
      <c r="C32" s="6">
        <v>4</v>
      </c>
      <c r="D32" s="5">
        <v>5</v>
      </c>
    </row>
    <row r="33" spans="1:4" ht="18" customHeight="1" x14ac:dyDescent="0.15">
      <c r="A33" s="8">
        <v>23</v>
      </c>
      <c r="B33" s="21">
        <v>3</v>
      </c>
      <c r="C33" s="6">
        <v>5</v>
      </c>
      <c r="D33" s="5">
        <v>8</v>
      </c>
    </row>
    <row r="34" spans="1:4" ht="18" customHeight="1" x14ac:dyDescent="0.15">
      <c r="A34" s="8">
        <v>24</v>
      </c>
      <c r="B34" s="21">
        <v>2</v>
      </c>
      <c r="C34" s="6">
        <v>2</v>
      </c>
      <c r="D34" s="5">
        <v>4</v>
      </c>
    </row>
    <row r="35" spans="1:4" ht="18" customHeight="1" x14ac:dyDescent="0.15">
      <c r="A35" s="8" t="s">
        <v>20</v>
      </c>
      <c r="B35" s="21">
        <v>20</v>
      </c>
      <c r="C35" s="6">
        <v>18</v>
      </c>
      <c r="D35" s="5">
        <v>38</v>
      </c>
    </row>
    <row r="36" spans="1:4" ht="18" customHeight="1" x14ac:dyDescent="0.15">
      <c r="A36" s="8">
        <v>25</v>
      </c>
      <c r="B36" s="21">
        <v>5</v>
      </c>
      <c r="C36" s="6">
        <v>4</v>
      </c>
      <c r="D36" s="5">
        <v>9</v>
      </c>
    </row>
    <row r="37" spans="1:4" ht="18" customHeight="1" x14ac:dyDescent="0.15">
      <c r="A37" s="8">
        <v>26</v>
      </c>
      <c r="B37" s="21">
        <v>5</v>
      </c>
      <c r="C37" s="6">
        <v>2</v>
      </c>
      <c r="D37" s="5">
        <v>7</v>
      </c>
    </row>
    <row r="38" spans="1:4" ht="18" customHeight="1" x14ac:dyDescent="0.15">
      <c r="A38" s="8">
        <v>27</v>
      </c>
      <c r="B38" s="21">
        <v>2</v>
      </c>
      <c r="C38" s="6">
        <v>3</v>
      </c>
      <c r="D38" s="5">
        <v>5</v>
      </c>
    </row>
    <row r="39" spans="1:4" ht="18" customHeight="1" x14ac:dyDescent="0.15">
      <c r="A39" s="8">
        <v>28</v>
      </c>
      <c r="B39" s="21">
        <v>2</v>
      </c>
      <c r="C39" s="6">
        <v>3</v>
      </c>
      <c r="D39" s="5">
        <v>5</v>
      </c>
    </row>
    <row r="40" spans="1:4" ht="18" customHeight="1" x14ac:dyDescent="0.15">
      <c r="A40" s="8">
        <v>29</v>
      </c>
      <c r="B40" s="21">
        <v>2</v>
      </c>
      <c r="C40" s="6">
        <v>2</v>
      </c>
      <c r="D40" s="5">
        <v>4</v>
      </c>
    </row>
    <row r="41" spans="1:4" ht="18" customHeight="1" x14ac:dyDescent="0.15">
      <c r="A41" s="8" t="s">
        <v>19</v>
      </c>
      <c r="B41" s="21">
        <v>16</v>
      </c>
      <c r="C41" s="6">
        <v>14</v>
      </c>
      <c r="D41" s="5">
        <v>30</v>
      </c>
    </row>
    <row r="42" spans="1:4" ht="18" customHeight="1" x14ac:dyDescent="0.15">
      <c r="A42" s="8">
        <v>30</v>
      </c>
      <c r="B42" s="21">
        <v>2</v>
      </c>
      <c r="C42" s="6">
        <v>5</v>
      </c>
      <c r="D42" s="5">
        <v>7</v>
      </c>
    </row>
    <row r="43" spans="1:4" ht="18" customHeight="1" x14ac:dyDescent="0.15">
      <c r="A43" s="8">
        <v>31</v>
      </c>
      <c r="B43" s="21">
        <v>3</v>
      </c>
      <c r="C43" s="6">
        <v>1</v>
      </c>
      <c r="D43" s="5">
        <v>4</v>
      </c>
    </row>
    <row r="44" spans="1:4" ht="18" customHeight="1" x14ac:dyDescent="0.15">
      <c r="A44" s="8">
        <v>32</v>
      </c>
      <c r="B44" s="21">
        <v>4</v>
      </c>
      <c r="C44" s="6">
        <v>1</v>
      </c>
      <c r="D44" s="5">
        <v>5</v>
      </c>
    </row>
    <row r="45" spans="1:4" ht="18" customHeight="1" x14ac:dyDescent="0.15">
      <c r="A45" s="8">
        <v>33</v>
      </c>
      <c r="B45" s="21">
        <v>2</v>
      </c>
      <c r="C45" s="6">
        <v>1</v>
      </c>
      <c r="D45" s="5">
        <v>3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13</v>
      </c>
      <c r="C47" s="6">
        <v>8</v>
      </c>
      <c r="D47" s="5">
        <v>21</v>
      </c>
    </row>
    <row r="48" spans="1:4" ht="18" customHeight="1" x14ac:dyDescent="0.15">
      <c r="A48" s="8">
        <v>35</v>
      </c>
      <c r="B48" s="21">
        <v>2</v>
      </c>
      <c r="C48" s="6">
        <v>6</v>
      </c>
      <c r="D48" s="5">
        <v>8</v>
      </c>
    </row>
    <row r="49" spans="1:4" ht="18" customHeight="1" x14ac:dyDescent="0.15">
      <c r="A49" s="8">
        <v>36</v>
      </c>
      <c r="B49" s="21">
        <v>8</v>
      </c>
      <c r="C49" s="6">
        <v>2</v>
      </c>
      <c r="D49" s="5">
        <v>10</v>
      </c>
    </row>
    <row r="50" spans="1:4" ht="18" customHeight="1" x14ac:dyDescent="0.15">
      <c r="A50" s="8">
        <v>37</v>
      </c>
      <c r="B50" s="21">
        <v>6</v>
      </c>
      <c r="C50" s="6">
        <v>0</v>
      </c>
      <c r="D50" s="5">
        <v>6</v>
      </c>
    </row>
    <row r="51" spans="1:4" ht="18" customHeight="1" x14ac:dyDescent="0.15">
      <c r="A51" s="8">
        <v>38</v>
      </c>
      <c r="B51" s="21">
        <v>4</v>
      </c>
      <c r="C51" s="6">
        <v>4</v>
      </c>
      <c r="D51" s="5">
        <v>8</v>
      </c>
    </row>
    <row r="52" spans="1:4" ht="18" customHeight="1" x14ac:dyDescent="0.15">
      <c r="A52" s="8">
        <v>39</v>
      </c>
      <c r="B52" s="21">
        <v>7</v>
      </c>
      <c r="C52" s="6">
        <v>2</v>
      </c>
      <c r="D52" s="5">
        <v>9</v>
      </c>
    </row>
    <row r="53" spans="1:4" ht="18" customHeight="1" x14ac:dyDescent="0.15">
      <c r="A53" s="8" t="s">
        <v>17</v>
      </c>
      <c r="B53" s="21">
        <v>27</v>
      </c>
      <c r="C53" s="6">
        <v>14</v>
      </c>
      <c r="D53" s="5">
        <v>41</v>
      </c>
    </row>
    <row r="54" spans="1:4" ht="18" customHeight="1" x14ac:dyDescent="0.15">
      <c r="A54" s="8">
        <v>40</v>
      </c>
      <c r="B54" s="21">
        <v>6</v>
      </c>
      <c r="C54" s="6">
        <v>2</v>
      </c>
      <c r="D54" s="5">
        <v>8</v>
      </c>
    </row>
    <row r="55" spans="1:4" ht="18" customHeight="1" x14ac:dyDescent="0.15">
      <c r="A55" s="8">
        <v>41</v>
      </c>
      <c r="B55" s="21">
        <v>0</v>
      </c>
      <c r="C55" s="6">
        <v>4</v>
      </c>
      <c r="D55" s="5">
        <v>4</v>
      </c>
    </row>
    <row r="56" spans="1:4" ht="18" customHeight="1" x14ac:dyDescent="0.15">
      <c r="A56" s="8">
        <v>42</v>
      </c>
      <c r="B56" s="21">
        <v>2</v>
      </c>
      <c r="C56" s="6">
        <v>5</v>
      </c>
      <c r="D56" s="5">
        <v>7</v>
      </c>
    </row>
    <row r="57" spans="1:4" ht="18" customHeight="1" x14ac:dyDescent="0.15">
      <c r="A57" s="8">
        <v>43</v>
      </c>
      <c r="B57" s="21">
        <v>4</v>
      </c>
      <c r="C57" s="6">
        <v>3</v>
      </c>
      <c r="D57" s="5">
        <v>7</v>
      </c>
    </row>
    <row r="58" spans="1:4" ht="18" customHeight="1" x14ac:dyDescent="0.15">
      <c r="A58" s="8">
        <v>44</v>
      </c>
      <c r="B58" s="21">
        <v>2</v>
      </c>
      <c r="C58" s="6">
        <v>4</v>
      </c>
      <c r="D58" s="5">
        <v>6</v>
      </c>
    </row>
    <row r="59" spans="1:4" ht="18" customHeight="1" x14ac:dyDescent="0.15">
      <c r="A59" s="8" t="s">
        <v>16</v>
      </c>
      <c r="B59" s="21">
        <v>14</v>
      </c>
      <c r="C59" s="6">
        <v>18</v>
      </c>
      <c r="D59" s="5">
        <v>32</v>
      </c>
    </row>
    <row r="60" spans="1:4" ht="18" customHeight="1" x14ac:dyDescent="0.15">
      <c r="A60" s="8">
        <v>45</v>
      </c>
      <c r="B60" s="21">
        <v>3</v>
      </c>
      <c r="C60" s="6">
        <v>4</v>
      </c>
      <c r="D60" s="5">
        <v>7</v>
      </c>
    </row>
    <row r="61" spans="1:4" ht="18" customHeight="1" x14ac:dyDescent="0.15">
      <c r="A61" s="8">
        <v>46</v>
      </c>
      <c r="B61" s="21">
        <v>3</v>
      </c>
      <c r="C61" s="6">
        <v>5</v>
      </c>
      <c r="D61" s="5">
        <v>8</v>
      </c>
    </row>
    <row r="62" spans="1:4" ht="18" customHeight="1" x14ac:dyDescent="0.15">
      <c r="A62" s="8">
        <v>47</v>
      </c>
      <c r="B62" s="21">
        <v>8</v>
      </c>
      <c r="C62" s="6">
        <v>1</v>
      </c>
      <c r="D62" s="5">
        <v>9</v>
      </c>
    </row>
    <row r="63" spans="1:4" ht="18" customHeight="1" x14ac:dyDescent="0.15">
      <c r="A63" s="8">
        <v>48</v>
      </c>
      <c r="B63" s="21">
        <v>4</v>
      </c>
      <c r="C63" s="6">
        <v>1</v>
      </c>
      <c r="D63" s="5">
        <v>5</v>
      </c>
    </row>
    <row r="64" spans="1:4" ht="18" customHeight="1" x14ac:dyDescent="0.15">
      <c r="A64" s="8">
        <v>49</v>
      </c>
      <c r="B64" s="21">
        <v>7</v>
      </c>
      <c r="C64" s="6">
        <v>8</v>
      </c>
      <c r="D64" s="5">
        <v>15</v>
      </c>
    </row>
    <row r="65" spans="1:4" ht="18" customHeight="1" x14ac:dyDescent="0.15">
      <c r="A65" s="8" t="s">
        <v>15</v>
      </c>
      <c r="B65" s="21">
        <v>25</v>
      </c>
      <c r="C65" s="6">
        <v>19</v>
      </c>
      <c r="D65" s="5">
        <v>44</v>
      </c>
    </row>
    <row r="66" spans="1:4" ht="18" customHeight="1" x14ac:dyDescent="0.15">
      <c r="A66" s="8">
        <v>50</v>
      </c>
      <c r="B66" s="21">
        <v>5</v>
      </c>
      <c r="C66" s="6">
        <v>4</v>
      </c>
      <c r="D66" s="5">
        <v>9</v>
      </c>
    </row>
    <row r="67" spans="1:4" ht="18" customHeight="1" x14ac:dyDescent="0.15">
      <c r="A67" s="8">
        <v>51</v>
      </c>
      <c r="B67" s="21">
        <v>7</v>
      </c>
      <c r="C67" s="6">
        <v>5</v>
      </c>
      <c r="D67" s="5">
        <v>12</v>
      </c>
    </row>
    <row r="68" spans="1:4" ht="18" customHeight="1" x14ac:dyDescent="0.15">
      <c r="A68" s="8">
        <v>52</v>
      </c>
      <c r="B68" s="21">
        <v>2</v>
      </c>
      <c r="C68" s="6">
        <v>7</v>
      </c>
      <c r="D68" s="5">
        <v>9</v>
      </c>
    </row>
    <row r="69" spans="1:4" ht="18" customHeight="1" x14ac:dyDescent="0.15">
      <c r="A69" s="8">
        <v>53</v>
      </c>
      <c r="B69" s="21">
        <v>5</v>
      </c>
      <c r="C69" s="6">
        <v>6</v>
      </c>
      <c r="D69" s="5">
        <v>11</v>
      </c>
    </row>
    <row r="70" spans="1:4" ht="18" customHeight="1" x14ac:dyDescent="0.15">
      <c r="A70" s="8">
        <v>54</v>
      </c>
      <c r="B70" s="21">
        <v>1</v>
      </c>
      <c r="C70" s="6">
        <v>4</v>
      </c>
      <c r="D70" s="5">
        <v>5</v>
      </c>
    </row>
    <row r="71" spans="1:4" ht="18" customHeight="1" x14ac:dyDescent="0.15">
      <c r="A71" s="8" t="s">
        <v>14</v>
      </c>
      <c r="B71" s="21">
        <v>20</v>
      </c>
      <c r="C71" s="6">
        <v>26</v>
      </c>
      <c r="D71" s="5">
        <v>46</v>
      </c>
    </row>
    <row r="72" spans="1:4" ht="18" customHeight="1" x14ac:dyDescent="0.15">
      <c r="A72" s="8">
        <v>55</v>
      </c>
      <c r="B72" s="21">
        <v>5</v>
      </c>
      <c r="C72" s="6">
        <v>2</v>
      </c>
      <c r="D72" s="5">
        <v>7</v>
      </c>
    </row>
    <row r="73" spans="1:4" ht="18" customHeight="1" x14ac:dyDescent="0.15">
      <c r="A73" s="8">
        <v>56</v>
      </c>
      <c r="B73" s="21">
        <v>8</v>
      </c>
      <c r="C73" s="6">
        <v>5</v>
      </c>
      <c r="D73" s="5">
        <v>13</v>
      </c>
    </row>
    <row r="74" spans="1:4" ht="18" customHeight="1" x14ac:dyDescent="0.15">
      <c r="A74" s="8">
        <v>57</v>
      </c>
      <c r="B74" s="21">
        <v>6</v>
      </c>
      <c r="C74" s="6">
        <v>7</v>
      </c>
      <c r="D74" s="5">
        <v>13</v>
      </c>
    </row>
    <row r="75" spans="1:4" ht="18" customHeight="1" x14ac:dyDescent="0.15">
      <c r="A75" s="8">
        <v>58</v>
      </c>
      <c r="B75" s="21">
        <v>7</v>
      </c>
      <c r="C75" s="6">
        <v>10</v>
      </c>
      <c r="D75" s="5">
        <v>17</v>
      </c>
    </row>
    <row r="76" spans="1:4" ht="18" customHeight="1" x14ac:dyDescent="0.15">
      <c r="A76" s="8">
        <v>59</v>
      </c>
      <c r="B76" s="21">
        <v>1</v>
      </c>
      <c r="C76" s="6">
        <v>5</v>
      </c>
      <c r="D76" s="5">
        <v>6</v>
      </c>
    </row>
    <row r="77" spans="1:4" ht="18" customHeight="1" x14ac:dyDescent="0.15">
      <c r="A77" s="8" t="s">
        <v>13</v>
      </c>
      <c r="B77" s="21">
        <v>27</v>
      </c>
      <c r="C77" s="6">
        <v>29</v>
      </c>
      <c r="D77" s="5">
        <v>56</v>
      </c>
    </row>
    <row r="78" spans="1:4" ht="18" customHeight="1" x14ac:dyDescent="0.15">
      <c r="A78" s="8">
        <v>60</v>
      </c>
      <c r="B78" s="21">
        <v>6</v>
      </c>
      <c r="C78" s="6">
        <v>7</v>
      </c>
      <c r="D78" s="5">
        <v>13</v>
      </c>
    </row>
    <row r="79" spans="1:4" ht="18" customHeight="1" x14ac:dyDescent="0.15">
      <c r="A79" s="8">
        <v>61</v>
      </c>
      <c r="B79" s="21">
        <v>6</v>
      </c>
      <c r="C79" s="6">
        <v>4</v>
      </c>
      <c r="D79" s="5">
        <v>10</v>
      </c>
    </row>
    <row r="80" spans="1:4" ht="18" customHeight="1" x14ac:dyDescent="0.15">
      <c r="A80" s="8">
        <v>62</v>
      </c>
      <c r="B80" s="21">
        <v>7</v>
      </c>
      <c r="C80" s="6">
        <v>7</v>
      </c>
      <c r="D80" s="5">
        <v>14</v>
      </c>
    </row>
    <row r="81" spans="1:4" ht="18" customHeight="1" x14ac:dyDescent="0.15">
      <c r="A81" s="8">
        <v>63</v>
      </c>
      <c r="B81" s="21">
        <v>10</v>
      </c>
      <c r="C81" s="6">
        <v>5</v>
      </c>
      <c r="D81" s="5">
        <v>15</v>
      </c>
    </row>
    <row r="82" spans="1:4" ht="18" customHeight="1" x14ac:dyDescent="0.15">
      <c r="A82" s="8">
        <v>64</v>
      </c>
      <c r="B82" s="21">
        <v>7</v>
      </c>
      <c r="C82" s="6">
        <v>10</v>
      </c>
      <c r="D82" s="5">
        <v>17</v>
      </c>
    </row>
    <row r="83" spans="1:4" ht="18" customHeight="1" x14ac:dyDescent="0.15">
      <c r="A83" s="8" t="s">
        <v>12</v>
      </c>
      <c r="B83" s="21">
        <v>36</v>
      </c>
      <c r="C83" s="6">
        <v>33</v>
      </c>
      <c r="D83" s="5">
        <v>69</v>
      </c>
    </row>
    <row r="84" spans="1:4" ht="18" customHeight="1" x14ac:dyDescent="0.15">
      <c r="A84" s="8" t="s">
        <v>11</v>
      </c>
      <c r="B84" s="21">
        <v>211</v>
      </c>
      <c r="C84" s="6">
        <v>190</v>
      </c>
      <c r="D84" s="5">
        <v>401</v>
      </c>
    </row>
    <row r="85" spans="1:4" ht="18" customHeight="1" x14ac:dyDescent="0.15">
      <c r="A85" s="8">
        <v>65</v>
      </c>
      <c r="B85" s="21">
        <v>8</v>
      </c>
      <c r="C85" s="6">
        <v>7</v>
      </c>
      <c r="D85" s="5">
        <v>15</v>
      </c>
    </row>
    <row r="86" spans="1:4" ht="18" customHeight="1" x14ac:dyDescent="0.15">
      <c r="A86" s="8">
        <v>66</v>
      </c>
      <c r="B86" s="21">
        <v>8</v>
      </c>
      <c r="C86" s="6">
        <v>3</v>
      </c>
      <c r="D86" s="5">
        <v>11</v>
      </c>
    </row>
    <row r="87" spans="1:4" ht="18" customHeight="1" x14ac:dyDescent="0.15">
      <c r="A87" s="8">
        <v>67</v>
      </c>
      <c r="B87" s="21">
        <v>6</v>
      </c>
      <c r="C87" s="6">
        <v>7</v>
      </c>
      <c r="D87" s="5">
        <v>13</v>
      </c>
    </row>
    <row r="88" spans="1:4" ht="18" customHeight="1" x14ac:dyDescent="0.15">
      <c r="A88" s="8">
        <v>68</v>
      </c>
      <c r="B88" s="21">
        <v>6</v>
      </c>
      <c r="C88" s="6">
        <v>5</v>
      </c>
      <c r="D88" s="5">
        <v>11</v>
      </c>
    </row>
    <row r="89" spans="1:4" ht="18" customHeight="1" x14ac:dyDescent="0.15">
      <c r="A89" s="8">
        <v>69</v>
      </c>
      <c r="B89" s="21">
        <v>4</v>
      </c>
      <c r="C89" s="6">
        <v>4</v>
      </c>
      <c r="D89" s="5">
        <v>8</v>
      </c>
    </row>
    <row r="90" spans="1:4" ht="18" customHeight="1" x14ac:dyDescent="0.15">
      <c r="A90" s="8" t="s">
        <v>10</v>
      </c>
      <c r="B90" s="21">
        <v>32</v>
      </c>
      <c r="C90" s="6">
        <v>26</v>
      </c>
      <c r="D90" s="5">
        <v>58</v>
      </c>
    </row>
    <row r="91" spans="1:4" ht="18" customHeight="1" x14ac:dyDescent="0.15">
      <c r="A91" s="8">
        <v>70</v>
      </c>
      <c r="B91" s="21">
        <v>9</v>
      </c>
      <c r="C91" s="6">
        <v>3</v>
      </c>
      <c r="D91" s="5">
        <v>12</v>
      </c>
    </row>
    <row r="92" spans="1:4" ht="18" customHeight="1" x14ac:dyDescent="0.15">
      <c r="A92" s="8">
        <v>71</v>
      </c>
      <c r="B92" s="21">
        <v>7</v>
      </c>
      <c r="C92" s="6">
        <v>5</v>
      </c>
      <c r="D92" s="5">
        <v>12</v>
      </c>
    </row>
    <row r="93" spans="1:4" ht="18" customHeight="1" x14ac:dyDescent="0.15">
      <c r="A93" s="8">
        <v>72</v>
      </c>
      <c r="B93" s="21">
        <v>7</v>
      </c>
      <c r="C93" s="6">
        <v>11</v>
      </c>
      <c r="D93" s="5">
        <v>18</v>
      </c>
    </row>
    <row r="94" spans="1:4" ht="18" customHeight="1" x14ac:dyDescent="0.15">
      <c r="A94" s="8">
        <v>73</v>
      </c>
      <c r="B94" s="21">
        <v>4</v>
      </c>
      <c r="C94" s="6">
        <v>3</v>
      </c>
      <c r="D94" s="5">
        <v>7</v>
      </c>
    </row>
    <row r="95" spans="1:4" ht="18" customHeight="1" x14ac:dyDescent="0.15">
      <c r="A95" s="8">
        <v>74</v>
      </c>
      <c r="B95" s="21">
        <v>5</v>
      </c>
      <c r="C95" s="6">
        <v>5</v>
      </c>
      <c r="D95" s="5">
        <v>10</v>
      </c>
    </row>
    <row r="96" spans="1:4" ht="18" customHeight="1" x14ac:dyDescent="0.15">
      <c r="A96" s="8" t="s">
        <v>9</v>
      </c>
      <c r="B96" s="21">
        <v>32</v>
      </c>
      <c r="C96" s="6">
        <v>27</v>
      </c>
      <c r="D96" s="5">
        <v>59</v>
      </c>
    </row>
    <row r="97" spans="1:4" ht="18" customHeight="1" x14ac:dyDescent="0.15">
      <c r="A97" s="8">
        <v>75</v>
      </c>
      <c r="B97" s="21">
        <v>11</v>
      </c>
      <c r="C97" s="6">
        <v>13</v>
      </c>
      <c r="D97" s="5">
        <v>24</v>
      </c>
    </row>
    <row r="98" spans="1:4" ht="18" customHeight="1" x14ac:dyDescent="0.15">
      <c r="A98" s="8">
        <v>76</v>
      </c>
      <c r="B98" s="21">
        <v>9</v>
      </c>
      <c r="C98" s="6">
        <v>7</v>
      </c>
      <c r="D98" s="5">
        <v>16</v>
      </c>
    </row>
    <row r="99" spans="1:4" ht="18" customHeight="1" x14ac:dyDescent="0.15">
      <c r="A99" s="8">
        <v>77</v>
      </c>
      <c r="B99" s="21">
        <v>5</v>
      </c>
      <c r="C99" s="6">
        <v>6</v>
      </c>
      <c r="D99" s="5">
        <v>11</v>
      </c>
    </row>
    <row r="100" spans="1:4" ht="18" customHeight="1" x14ac:dyDescent="0.15">
      <c r="A100" s="8">
        <v>78</v>
      </c>
      <c r="B100" s="21">
        <v>6</v>
      </c>
      <c r="C100" s="6">
        <v>15</v>
      </c>
      <c r="D100" s="5">
        <v>21</v>
      </c>
    </row>
    <row r="101" spans="1:4" ht="18" customHeight="1" x14ac:dyDescent="0.15">
      <c r="A101" s="8">
        <v>79</v>
      </c>
      <c r="B101" s="21">
        <v>5</v>
      </c>
      <c r="C101" s="6">
        <v>4</v>
      </c>
      <c r="D101" s="5">
        <v>9</v>
      </c>
    </row>
    <row r="102" spans="1:4" ht="18" customHeight="1" x14ac:dyDescent="0.15">
      <c r="A102" s="8" t="s">
        <v>8</v>
      </c>
      <c r="B102" s="21">
        <v>36</v>
      </c>
      <c r="C102" s="6">
        <v>45</v>
      </c>
      <c r="D102" s="5">
        <v>81</v>
      </c>
    </row>
    <row r="103" spans="1:4" ht="18" customHeight="1" x14ac:dyDescent="0.15">
      <c r="A103" s="8">
        <v>80</v>
      </c>
      <c r="B103" s="21">
        <v>1</v>
      </c>
      <c r="C103" s="6">
        <v>4</v>
      </c>
      <c r="D103" s="5">
        <v>5</v>
      </c>
    </row>
    <row r="104" spans="1:4" ht="18" customHeight="1" x14ac:dyDescent="0.15">
      <c r="A104" s="8">
        <v>81</v>
      </c>
      <c r="B104" s="21">
        <v>2</v>
      </c>
      <c r="C104" s="6">
        <v>9</v>
      </c>
      <c r="D104" s="5">
        <v>11</v>
      </c>
    </row>
    <row r="105" spans="1:4" ht="18" customHeight="1" x14ac:dyDescent="0.15">
      <c r="A105" s="8">
        <v>82</v>
      </c>
      <c r="B105" s="21">
        <v>7</v>
      </c>
      <c r="C105" s="6">
        <v>7</v>
      </c>
      <c r="D105" s="5">
        <v>14</v>
      </c>
    </row>
    <row r="106" spans="1:4" ht="18" customHeight="1" x14ac:dyDescent="0.15">
      <c r="A106" s="8">
        <v>83</v>
      </c>
      <c r="B106" s="21">
        <v>4</v>
      </c>
      <c r="C106" s="6">
        <v>7</v>
      </c>
      <c r="D106" s="5">
        <v>11</v>
      </c>
    </row>
    <row r="107" spans="1:4" ht="18" customHeight="1" x14ac:dyDescent="0.15">
      <c r="A107" s="8">
        <v>84</v>
      </c>
      <c r="B107" s="21">
        <v>9</v>
      </c>
      <c r="C107" s="6">
        <v>6</v>
      </c>
      <c r="D107" s="5">
        <v>15</v>
      </c>
    </row>
    <row r="108" spans="1:4" ht="18" customHeight="1" x14ac:dyDescent="0.15">
      <c r="A108" s="8" t="s">
        <v>7</v>
      </c>
      <c r="B108" s="21">
        <v>23</v>
      </c>
      <c r="C108" s="6">
        <v>33</v>
      </c>
      <c r="D108" s="5">
        <v>56</v>
      </c>
    </row>
    <row r="109" spans="1:4" ht="18" customHeight="1" x14ac:dyDescent="0.15">
      <c r="A109" s="8">
        <v>85</v>
      </c>
      <c r="B109" s="21">
        <v>3</v>
      </c>
      <c r="C109" s="6">
        <v>5</v>
      </c>
      <c r="D109" s="5">
        <v>8</v>
      </c>
    </row>
    <row r="110" spans="1:4" ht="18" customHeight="1" x14ac:dyDescent="0.15">
      <c r="A110" s="8">
        <v>86</v>
      </c>
      <c r="B110" s="21">
        <v>3</v>
      </c>
      <c r="C110" s="6">
        <v>6</v>
      </c>
      <c r="D110" s="5">
        <v>9</v>
      </c>
    </row>
    <row r="111" spans="1:4" ht="18" customHeight="1" x14ac:dyDescent="0.15">
      <c r="A111" s="8">
        <v>87</v>
      </c>
      <c r="B111" s="21">
        <v>0</v>
      </c>
      <c r="C111" s="6">
        <v>11</v>
      </c>
      <c r="D111" s="5">
        <v>11</v>
      </c>
    </row>
    <row r="112" spans="1:4" ht="18" customHeight="1" x14ac:dyDescent="0.15">
      <c r="A112" s="8">
        <v>88</v>
      </c>
      <c r="B112" s="21">
        <v>5</v>
      </c>
      <c r="C112" s="6">
        <v>9</v>
      </c>
      <c r="D112" s="5">
        <v>14</v>
      </c>
    </row>
    <row r="113" spans="1:4" ht="18" customHeight="1" x14ac:dyDescent="0.15">
      <c r="A113" s="8">
        <v>89</v>
      </c>
      <c r="B113" s="21">
        <v>1</v>
      </c>
      <c r="C113" s="6">
        <v>5</v>
      </c>
      <c r="D113" s="5">
        <v>6</v>
      </c>
    </row>
    <row r="114" spans="1:4" ht="18" customHeight="1" x14ac:dyDescent="0.15">
      <c r="A114" s="8" t="s">
        <v>6</v>
      </c>
      <c r="B114" s="21">
        <v>12</v>
      </c>
      <c r="C114" s="6">
        <v>36</v>
      </c>
      <c r="D114" s="5">
        <v>48</v>
      </c>
    </row>
    <row r="115" spans="1:4" ht="18" customHeight="1" x14ac:dyDescent="0.15">
      <c r="A115" s="8">
        <v>90</v>
      </c>
      <c r="B115" s="21">
        <v>1</v>
      </c>
      <c r="C115" s="6">
        <v>5</v>
      </c>
      <c r="D115" s="5">
        <v>6</v>
      </c>
    </row>
    <row r="116" spans="1:4" ht="18" customHeight="1" x14ac:dyDescent="0.15">
      <c r="A116" s="8">
        <v>91</v>
      </c>
      <c r="B116" s="21">
        <v>1</v>
      </c>
      <c r="C116" s="6">
        <v>2</v>
      </c>
      <c r="D116" s="5">
        <v>3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3</v>
      </c>
      <c r="D118" s="5">
        <v>3</v>
      </c>
    </row>
    <row r="119" spans="1:4" ht="18" customHeight="1" x14ac:dyDescent="0.15">
      <c r="A119" s="8">
        <v>94</v>
      </c>
      <c r="B119" s="21">
        <v>0</v>
      </c>
      <c r="C119" s="6">
        <v>1</v>
      </c>
      <c r="D119" s="5">
        <v>1</v>
      </c>
    </row>
    <row r="120" spans="1:4" ht="18" customHeight="1" x14ac:dyDescent="0.15">
      <c r="A120" s="8" t="s">
        <v>5</v>
      </c>
      <c r="B120" s="21">
        <v>2</v>
      </c>
      <c r="C120" s="6">
        <v>11</v>
      </c>
      <c r="D120" s="5">
        <v>13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39</v>
      </c>
      <c r="C130" s="6">
        <v>185</v>
      </c>
      <c r="D130" s="5">
        <v>324</v>
      </c>
    </row>
    <row r="131" spans="1:4" ht="18" customHeight="1" x14ac:dyDescent="0.15">
      <c r="A131" s="4" t="s">
        <v>0</v>
      </c>
      <c r="B131" s="20">
        <v>376</v>
      </c>
      <c r="C131" s="2">
        <v>399</v>
      </c>
      <c r="D131" s="1">
        <v>77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6DE65F-91D9-4728-B8D3-539DA0DDB891}">
  <sheetPr codeName="Sheet7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1</v>
      </c>
      <c r="C5" s="31">
        <v>8</v>
      </c>
      <c r="D5" s="30">
        <v>19</v>
      </c>
    </row>
    <row r="6" spans="1:4" ht="18" customHeight="1" x14ac:dyDescent="0.15">
      <c r="A6" s="8">
        <v>1</v>
      </c>
      <c r="B6" s="26">
        <v>14</v>
      </c>
      <c r="C6" s="6">
        <v>6</v>
      </c>
      <c r="D6" s="5">
        <v>20</v>
      </c>
    </row>
    <row r="7" spans="1:4" ht="18" customHeight="1" x14ac:dyDescent="0.15">
      <c r="A7" s="8">
        <v>2</v>
      </c>
      <c r="B7" s="26">
        <v>10</v>
      </c>
      <c r="C7" s="6">
        <v>12</v>
      </c>
      <c r="D7" s="5">
        <v>22</v>
      </c>
    </row>
    <row r="8" spans="1:4" ht="18" customHeight="1" x14ac:dyDescent="0.15">
      <c r="A8" s="8">
        <v>3</v>
      </c>
      <c r="B8" s="26">
        <v>10</v>
      </c>
      <c r="C8" s="6">
        <v>19</v>
      </c>
      <c r="D8" s="5">
        <v>29</v>
      </c>
    </row>
    <row r="9" spans="1:4" ht="18" customHeight="1" x14ac:dyDescent="0.15">
      <c r="A9" s="8">
        <v>4</v>
      </c>
      <c r="B9" s="29">
        <v>16</v>
      </c>
      <c r="C9" s="28">
        <v>20</v>
      </c>
      <c r="D9" s="27">
        <v>36</v>
      </c>
    </row>
    <row r="10" spans="1:4" ht="18" customHeight="1" x14ac:dyDescent="0.15">
      <c r="A10" s="8" t="s">
        <v>25</v>
      </c>
      <c r="B10" s="21">
        <v>61</v>
      </c>
      <c r="C10" s="6">
        <v>65</v>
      </c>
      <c r="D10" s="5">
        <v>126</v>
      </c>
    </row>
    <row r="11" spans="1:4" ht="18" customHeight="1" x14ac:dyDescent="0.15">
      <c r="A11" s="8">
        <v>5</v>
      </c>
      <c r="B11" s="26">
        <v>14</v>
      </c>
      <c r="C11" s="6">
        <v>16</v>
      </c>
      <c r="D11" s="5">
        <v>30</v>
      </c>
    </row>
    <row r="12" spans="1:4" ht="18" customHeight="1" x14ac:dyDescent="0.15">
      <c r="A12" s="8">
        <v>6</v>
      </c>
      <c r="B12" s="26">
        <v>15</v>
      </c>
      <c r="C12" s="6">
        <v>19</v>
      </c>
      <c r="D12" s="5">
        <v>34</v>
      </c>
    </row>
    <row r="13" spans="1:4" ht="18" customHeight="1" x14ac:dyDescent="0.15">
      <c r="A13" s="8">
        <v>7</v>
      </c>
      <c r="B13" s="26">
        <v>23</v>
      </c>
      <c r="C13" s="6">
        <v>20</v>
      </c>
      <c r="D13" s="5">
        <v>43</v>
      </c>
    </row>
    <row r="14" spans="1:4" ht="18" customHeight="1" x14ac:dyDescent="0.15">
      <c r="A14" s="8">
        <v>8</v>
      </c>
      <c r="B14" s="26">
        <v>32</v>
      </c>
      <c r="C14" s="6">
        <v>28</v>
      </c>
      <c r="D14" s="5">
        <v>60</v>
      </c>
    </row>
    <row r="15" spans="1:4" ht="18" customHeight="1" x14ac:dyDescent="0.15">
      <c r="A15" s="8">
        <v>9</v>
      </c>
      <c r="B15" s="26">
        <v>31</v>
      </c>
      <c r="C15" s="6">
        <v>23</v>
      </c>
      <c r="D15" s="5">
        <v>54</v>
      </c>
    </row>
    <row r="16" spans="1:4" ht="18" customHeight="1" x14ac:dyDescent="0.15">
      <c r="A16" s="8" t="s">
        <v>24</v>
      </c>
      <c r="B16" s="21">
        <v>115</v>
      </c>
      <c r="C16" s="6">
        <v>106</v>
      </c>
      <c r="D16" s="5">
        <v>221</v>
      </c>
    </row>
    <row r="17" spans="1:4" ht="18" customHeight="1" x14ac:dyDescent="0.15">
      <c r="A17" s="8">
        <v>10</v>
      </c>
      <c r="B17" s="21">
        <v>28</v>
      </c>
      <c r="C17" s="6">
        <v>29</v>
      </c>
      <c r="D17" s="5">
        <v>57</v>
      </c>
    </row>
    <row r="18" spans="1:4" ht="18" customHeight="1" x14ac:dyDescent="0.15">
      <c r="A18" s="8">
        <v>11</v>
      </c>
      <c r="B18" s="21">
        <v>31</v>
      </c>
      <c r="C18" s="6">
        <v>20</v>
      </c>
      <c r="D18" s="5">
        <v>51</v>
      </c>
    </row>
    <row r="19" spans="1:4" ht="18" customHeight="1" x14ac:dyDescent="0.15">
      <c r="A19" s="8">
        <v>12</v>
      </c>
      <c r="B19" s="21">
        <v>24</v>
      </c>
      <c r="C19" s="6">
        <v>29</v>
      </c>
      <c r="D19" s="5">
        <v>53</v>
      </c>
    </row>
    <row r="20" spans="1:4" ht="18" customHeight="1" x14ac:dyDescent="0.15">
      <c r="A20" s="8">
        <v>13</v>
      </c>
      <c r="B20" s="21">
        <v>37</v>
      </c>
      <c r="C20" s="6">
        <v>24</v>
      </c>
      <c r="D20" s="5">
        <v>61</v>
      </c>
    </row>
    <row r="21" spans="1:4" ht="18" customHeight="1" x14ac:dyDescent="0.15">
      <c r="A21" s="8">
        <v>14</v>
      </c>
      <c r="B21" s="21">
        <v>35</v>
      </c>
      <c r="C21" s="6">
        <v>31</v>
      </c>
      <c r="D21" s="5">
        <v>66</v>
      </c>
    </row>
    <row r="22" spans="1:4" ht="18" customHeight="1" x14ac:dyDescent="0.15">
      <c r="A22" s="8" t="s">
        <v>23</v>
      </c>
      <c r="B22" s="21">
        <v>155</v>
      </c>
      <c r="C22" s="6">
        <v>133</v>
      </c>
      <c r="D22" s="5">
        <v>288</v>
      </c>
    </row>
    <row r="23" spans="1:4" ht="18" customHeight="1" x14ac:dyDescent="0.15">
      <c r="A23" s="8" t="s">
        <v>22</v>
      </c>
      <c r="B23" s="21">
        <v>331</v>
      </c>
      <c r="C23" s="6">
        <v>304</v>
      </c>
      <c r="D23" s="5">
        <v>635</v>
      </c>
    </row>
    <row r="24" spans="1:4" ht="18" customHeight="1" x14ac:dyDescent="0.15">
      <c r="A24" s="8">
        <v>15</v>
      </c>
      <c r="B24" s="21">
        <v>34</v>
      </c>
      <c r="C24" s="6">
        <v>21</v>
      </c>
      <c r="D24" s="5">
        <v>55</v>
      </c>
    </row>
    <row r="25" spans="1:4" ht="18" customHeight="1" x14ac:dyDescent="0.15">
      <c r="A25" s="8">
        <v>16</v>
      </c>
      <c r="B25" s="21">
        <v>37</v>
      </c>
      <c r="C25" s="6">
        <v>31</v>
      </c>
      <c r="D25" s="5">
        <v>68</v>
      </c>
    </row>
    <row r="26" spans="1:4" ht="18" customHeight="1" x14ac:dyDescent="0.15">
      <c r="A26" s="8">
        <v>17</v>
      </c>
      <c r="B26" s="21">
        <v>35</v>
      </c>
      <c r="C26" s="6">
        <v>38</v>
      </c>
      <c r="D26" s="5">
        <v>73</v>
      </c>
    </row>
    <row r="27" spans="1:4" ht="18" customHeight="1" x14ac:dyDescent="0.15">
      <c r="A27" s="8">
        <v>18</v>
      </c>
      <c r="B27" s="21">
        <v>29</v>
      </c>
      <c r="C27" s="6">
        <v>41</v>
      </c>
      <c r="D27" s="5">
        <v>70</v>
      </c>
    </row>
    <row r="28" spans="1:4" ht="18" customHeight="1" x14ac:dyDescent="0.15">
      <c r="A28" s="8">
        <v>19</v>
      </c>
      <c r="B28" s="21">
        <v>43</v>
      </c>
      <c r="C28" s="6">
        <v>32</v>
      </c>
      <c r="D28" s="5">
        <v>75</v>
      </c>
    </row>
    <row r="29" spans="1:4" ht="18" customHeight="1" x14ac:dyDescent="0.15">
      <c r="A29" s="8" t="s">
        <v>21</v>
      </c>
      <c r="B29" s="21">
        <v>178</v>
      </c>
      <c r="C29" s="6">
        <v>163</v>
      </c>
      <c r="D29" s="5">
        <v>341</v>
      </c>
    </row>
    <row r="30" spans="1:4" ht="18" customHeight="1" x14ac:dyDescent="0.15">
      <c r="A30" s="8">
        <v>20</v>
      </c>
      <c r="B30" s="21">
        <v>44</v>
      </c>
      <c r="C30" s="6">
        <v>36</v>
      </c>
      <c r="D30" s="5">
        <v>80</v>
      </c>
    </row>
    <row r="31" spans="1:4" ht="18" customHeight="1" x14ac:dyDescent="0.15">
      <c r="A31" s="8">
        <v>21</v>
      </c>
      <c r="B31" s="21">
        <v>55</v>
      </c>
      <c r="C31" s="6">
        <v>43</v>
      </c>
      <c r="D31" s="5">
        <v>98</v>
      </c>
    </row>
    <row r="32" spans="1:4" ht="18" customHeight="1" x14ac:dyDescent="0.15">
      <c r="A32" s="8">
        <v>22</v>
      </c>
      <c r="B32" s="21">
        <v>47</v>
      </c>
      <c r="C32" s="6">
        <v>46</v>
      </c>
      <c r="D32" s="5">
        <v>93</v>
      </c>
    </row>
    <row r="33" spans="1:4" ht="18" customHeight="1" x14ac:dyDescent="0.15">
      <c r="A33" s="8">
        <v>23</v>
      </c>
      <c r="B33" s="21">
        <v>38</v>
      </c>
      <c r="C33" s="6">
        <v>50</v>
      </c>
      <c r="D33" s="5">
        <v>88</v>
      </c>
    </row>
    <row r="34" spans="1:4" ht="18" customHeight="1" x14ac:dyDescent="0.15">
      <c r="A34" s="8">
        <v>24</v>
      </c>
      <c r="B34" s="21">
        <v>38</v>
      </c>
      <c r="C34" s="6">
        <v>32</v>
      </c>
      <c r="D34" s="5">
        <v>70</v>
      </c>
    </row>
    <row r="35" spans="1:4" ht="18" customHeight="1" x14ac:dyDescent="0.15">
      <c r="A35" s="8" t="s">
        <v>20</v>
      </c>
      <c r="B35" s="21">
        <v>222</v>
      </c>
      <c r="C35" s="6">
        <v>207</v>
      </c>
      <c r="D35" s="5">
        <v>429</v>
      </c>
    </row>
    <row r="36" spans="1:4" ht="18" customHeight="1" x14ac:dyDescent="0.15">
      <c r="A36" s="8">
        <v>25</v>
      </c>
      <c r="B36" s="21">
        <v>37</v>
      </c>
      <c r="C36" s="6">
        <v>32</v>
      </c>
      <c r="D36" s="5">
        <v>69</v>
      </c>
    </row>
    <row r="37" spans="1:4" ht="18" customHeight="1" x14ac:dyDescent="0.15">
      <c r="A37" s="8">
        <v>26</v>
      </c>
      <c r="B37" s="21">
        <v>44</v>
      </c>
      <c r="C37" s="6">
        <v>25</v>
      </c>
      <c r="D37" s="5">
        <v>69</v>
      </c>
    </row>
    <row r="38" spans="1:4" ht="18" customHeight="1" x14ac:dyDescent="0.15">
      <c r="A38" s="8">
        <v>27</v>
      </c>
      <c r="B38" s="21">
        <v>30</v>
      </c>
      <c r="C38" s="6">
        <v>37</v>
      </c>
      <c r="D38" s="5">
        <v>67</v>
      </c>
    </row>
    <row r="39" spans="1:4" ht="18" customHeight="1" x14ac:dyDescent="0.15">
      <c r="A39" s="8">
        <v>28</v>
      </c>
      <c r="B39" s="21">
        <v>41</v>
      </c>
      <c r="C39" s="6">
        <v>28</v>
      </c>
      <c r="D39" s="5">
        <v>69</v>
      </c>
    </row>
    <row r="40" spans="1:4" ht="18" customHeight="1" x14ac:dyDescent="0.15">
      <c r="A40" s="8">
        <v>29</v>
      </c>
      <c r="B40" s="21">
        <v>32</v>
      </c>
      <c r="C40" s="6">
        <v>21</v>
      </c>
      <c r="D40" s="5">
        <v>53</v>
      </c>
    </row>
    <row r="41" spans="1:4" ht="18" customHeight="1" x14ac:dyDescent="0.15">
      <c r="A41" s="8" t="s">
        <v>19</v>
      </c>
      <c r="B41" s="21">
        <v>184</v>
      </c>
      <c r="C41" s="6">
        <v>143</v>
      </c>
      <c r="D41" s="5">
        <v>327</v>
      </c>
    </row>
    <row r="42" spans="1:4" ht="18" customHeight="1" x14ac:dyDescent="0.15">
      <c r="A42" s="8">
        <v>30</v>
      </c>
      <c r="B42" s="21">
        <v>27</v>
      </c>
      <c r="C42" s="6">
        <v>35</v>
      </c>
      <c r="D42" s="5">
        <v>62</v>
      </c>
    </row>
    <row r="43" spans="1:4" ht="18" customHeight="1" x14ac:dyDescent="0.15">
      <c r="A43" s="8">
        <v>31</v>
      </c>
      <c r="B43" s="21">
        <v>32</v>
      </c>
      <c r="C43" s="6">
        <v>25</v>
      </c>
      <c r="D43" s="5">
        <v>57</v>
      </c>
    </row>
    <row r="44" spans="1:4" ht="18" customHeight="1" x14ac:dyDescent="0.15">
      <c r="A44" s="8">
        <v>32</v>
      </c>
      <c r="B44" s="21">
        <v>29</v>
      </c>
      <c r="C44" s="6">
        <v>26</v>
      </c>
      <c r="D44" s="5">
        <v>55</v>
      </c>
    </row>
    <row r="45" spans="1:4" ht="18" customHeight="1" x14ac:dyDescent="0.15">
      <c r="A45" s="8">
        <v>33</v>
      </c>
      <c r="B45" s="21">
        <v>21</v>
      </c>
      <c r="C45" s="6">
        <v>28</v>
      </c>
      <c r="D45" s="5">
        <v>49</v>
      </c>
    </row>
    <row r="46" spans="1:4" ht="18" customHeight="1" x14ac:dyDescent="0.15">
      <c r="A46" s="8">
        <v>34</v>
      </c>
      <c r="B46" s="21">
        <v>20</v>
      </c>
      <c r="C46" s="6">
        <v>15</v>
      </c>
      <c r="D46" s="5">
        <v>35</v>
      </c>
    </row>
    <row r="47" spans="1:4" ht="18" customHeight="1" x14ac:dyDescent="0.15">
      <c r="A47" s="8" t="s">
        <v>18</v>
      </c>
      <c r="B47" s="21">
        <v>129</v>
      </c>
      <c r="C47" s="6">
        <v>129</v>
      </c>
      <c r="D47" s="5">
        <v>258</v>
      </c>
    </row>
    <row r="48" spans="1:4" ht="18" customHeight="1" x14ac:dyDescent="0.15">
      <c r="A48" s="8">
        <v>35</v>
      </c>
      <c r="B48" s="21">
        <v>20</v>
      </c>
      <c r="C48" s="6">
        <v>27</v>
      </c>
      <c r="D48" s="5">
        <v>47</v>
      </c>
    </row>
    <row r="49" spans="1:4" ht="18" customHeight="1" x14ac:dyDescent="0.15">
      <c r="A49" s="8">
        <v>36</v>
      </c>
      <c r="B49" s="21">
        <v>41</v>
      </c>
      <c r="C49" s="6">
        <v>32</v>
      </c>
      <c r="D49" s="5">
        <v>73</v>
      </c>
    </row>
    <row r="50" spans="1:4" ht="18" customHeight="1" x14ac:dyDescent="0.15">
      <c r="A50" s="8">
        <v>37</v>
      </c>
      <c r="B50" s="21">
        <v>31</v>
      </c>
      <c r="C50" s="6">
        <v>21</v>
      </c>
      <c r="D50" s="5">
        <v>52</v>
      </c>
    </row>
    <row r="51" spans="1:4" ht="18" customHeight="1" x14ac:dyDescent="0.15">
      <c r="A51" s="8">
        <v>38</v>
      </c>
      <c r="B51" s="21">
        <v>37</v>
      </c>
      <c r="C51" s="6">
        <v>30</v>
      </c>
      <c r="D51" s="5">
        <v>67</v>
      </c>
    </row>
    <row r="52" spans="1:4" ht="18" customHeight="1" x14ac:dyDescent="0.15">
      <c r="A52" s="8">
        <v>39</v>
      </c>
      <c r="B52" s="21">
        <v>39</v>
      </c>
      <c r="C52" s="6">
        <v>23</v>
      </c>
      <c r="D52" s="5">
        <v>62</v>
      </c>
    </row>
    <row r="53" spans="1:4" ht="18" customHeight="1" x14ac:dyDescent="0.15">
      <c r="A53" s="8" t="s">
        <v>17</v>
      </c>
      <c r="B53" s="21">
        <v>168</v>
      </c>
      <c r="C53" s="6">
        <v>133</v>
      </c>
      <c r="D53" s="5">
        <v>301</v>
      </c>
    </row>
    <row r="54" spans="1:4" ht="18" customHeight="1" x14ac:dyDescent="0.15">
      <c r="A54" s="8">
        <v>40</v>
      </c>
      <c r="B54" s="21">
        <v>32</v>
      </c>
      <c r="C54" s="6">
        <v>30</v>
      </c>
      <c r="D54" s="5">
        <v>62</v>
      </c>
    </row>
    <row r="55" spans="1:4" ht="18" customHeight="1" x14ac:dyDescent="0.15">
      <c r="A55" s="8">
        <v>41</v>
      </c>
      <c r="B55" s="21">
        <v>48</v>
      </c>
      <c r="C55" s="6">
        <v>34</v>
      </c>
      <c r="D55" s="5">
        <v>82</v>
      </c>
    </row>
    <row r="56" spans="1:4" ht="18" customHeight="1" x14ac:dyDescent="0.15">
      <c r="A56" s="8">
        <v>42</v>
      </c>
      <c r="B56" s="21">
        <v>48</v>
      </c>
      <c r="C56" s="6">
        <v>53</v>
      </c>
      <c r="D56" s="5">
        <v>101</v>
      </c>
    </row>
    <row r="57" spans="1:4" ht="18" customHeight="1" x14ac:dyDescent="0.15">
      <c r="A57" s="8">
        <v>43</v>
      </c>
      <c r="B57" s="21">
        <v>36</v>
      </c>
      <c r="C57" s="6">
        <v>43</v>
      </c>
      <c r="D57" s="5">
        <v>79</v>
      </c>
    </row>
    <row r="58" spans="1:4" ht="18" customHeight="1" x14ac:dyDescent="0.15">
      <c r="A58" s="8">
        <v>44</v>
      </c>
      <c r="B58" s="21">
        <v>31</v>
      </c>
      <c r="C58" s="6">
        <v>48</v>
      </c>
      <c r="D58" s="5">
        <v>79</v>
      </c>
    </row>
    <row r="59" spans="1:4" ht="18" customHeight="1" x14ac:dyDescent="0.15">
      <c r="A59" s="8" t="s">
        <v>16</v>
      </c>
      <c r="B59" s="21">
        <v>195</v>
      </c>
      <c r="C59" s="6">
        <v>208</v>
      </c>
      <c r="D59" s="5">
        <v>403</v>
      </c>
    </row>
    <row r="60" spans="1:4" ht="18" customHeight="1" x14ac:dyDescent="0.15">
      <c r="A60" s="8">
        <v>45</v>
      </c>
      <c r="B60" s="21">
        <v>35</v>
      </c>
      <c r="C60" s="6">
        <v>38</v>
      </c>
      <c r="D60" s="5">
        <v>73</v>
      </c>
    </row>
    <row r="61" spans="1:4" ht="18" customHeight="1" x14ac:dyDescent="0.15">
      <c r="A61" s="8">
        <v>46</v>
      </c>
      <c r="B61" s="21">
        <v>54</v>
      </c>
      <c r="C61" s="6">
        <v>44</v>
      </c>
      <c r="D61" s="5">
        <v>98</v>
      </c>
    </row>
    <row r="62" spans="1:4" ht="18" customHeight="1" x14ac:dyDescent="0.15">
      <c r="A62" s="8">
        <v>47</v>
      </c>
      <c r="B62" s="21">
        <v>56</v>
      </c>
      <c r="C62" s="6">
        <v>51</v>
      </c>
      <c r="D62" s="5">
        <v>107</v>
      </c>
    </row>
    <row r="63" spans="1:4" ht="18" customHeight="1" x14ac:dyDescent="0.15">
      <c r="A63" s="8">
        <v>48</v>
      </c>
      <c r="B63" s="21">
        <v>59</v>
      </c>
      <c r="C63" s="6">
        <v>58</v>
      </c>
      <c r="D63" s="5">
        <v>117</v>
      </c>
    </row>
    <row r="64" spans="1:4" ht="18" customHeight="1" x14ac:dyDescent="0.15">
      <c r="A64" s="8">
        <v>49</v>
      </c>
      <c r="B64" s="21">
        <v>73</v>
      </c>
      <c r="C64" s="6">
        <v>56</v>
      </c>
      <c r="D64" s="5">
        <v>129</v>
      </c>
    </row>
    <row r="65" spans="1:4" ht="18" customHeight="1" x14ac:dyDescent="0.15">
      <c r="A65" s="8" t="s">
        <v>15</v>
      </c>
      <c r="B65" s="21">
        <v>277</v>
      </c>
      <c r="C65" s="6">
        <v>247</v>
      </c>
      <c r="D65" s="5">
        <v>524</v>
      </c>
    </row>
    <row r="66" spans="1:4" ht="18" customHeight="1" x14ac:dyDescent="0.15">
      <c r="A66" s="8">
        <v>50</v>
      </c>
      <c r="B66" s="21">
        <v>72</v>
      </c>
      <c r="C66" s="6">
        <v>61</v>
      </c>
      <c r="D66" s="5">
        <v>133</v>
      </c>
    </row>
    <row r="67" spans="1:4" ht="18" customHeight="1" x14ac:dyDescent="0.15">
      <c r="A67" s="8">
        <v>51</v>
      </c>
      <c r="B67" s="21">
        <v>73</v>
      </c>
      <c r="C67" s="6">
        <v>76</v>
      </c>
      <c r="D67" s="5">
        <v>149</v>
      </c>
    </row>
    <row r="68" spans="1:4" ht="18" customHeight="1" x14ac:dyDescent="0.15">
      <c r="A68" s="8">
        <v>52</v>
      </c>
      <c r="B68" s="21">
        <v>73</v>
      </c>
      <c r="C68" s="6">
        <v>85</v>
      </c>
      <c r="D68" s="5">
        <v>158</v>
      </c>
    </row>
    <row r="69" spans="1:4" ht="18" customHeight="1" x14ac:dyDescent="0.15">
      <c r="A69" s="8">
        <v>53</v>
      </c>
      <c r="B69" s="21">
        <v>76</v>
      </c>
      <c r="C69" s="6">
        <v>90</v>
      </c>
      <c r="D69" s="5">
        <v>166</v>
      </c>
    </row>
    <row r="70" spans="1:4" ht="18" customHeight="1" x14ac:dyDescent="0.15">
      <c r="A70" s="8">
        <v>54</v>
      </c>
      <c r="B70" s="21">
        <v>89</v>
      </c>
      <c r="C70" s="6">
        <v>86</v>
      </c>
      <c r="D70" s="5">
        <v>175</v>
      </c>
    </row>
    <row r="71" spans="1:4" ht="18" customHeight="1" x14ac:dyDescent="0.15">
      <c r="A71" s="8" t="s">
        <v>14</v>
      </c>
      <c r="B71" s="21">
        <v>383</v>
      </c>
      <c r="C71" s="6">
        <v>398</v>
      </c>
      <c r="D71" s="5">
        <v>781</v>
      </c>
    </row>
    <row r="72" spans="1:4" ht="18" customHeight="1" x14ac:dyDescent="0.15">
      <c r="A72" s="8">
        <v>55</v>
      </c>
      <c r="B72" s="21">
        <v>79</v>
      </c>
      <c r="C72" s="6">
        <v>79</v>
      </c>
      <c r="D72" s="5">
        <v>158</v>
      </c>
    </row>
    <row r="73" spans="1:4" ht="18" customHeight="1" x14ac:dyDescent="0.15">
      <c r="A73" s="8">
        <v>56</v>
      </c>
      <c r="B73" s="21">
        <v>74</v>
      </c>
      <c r="C73" s="6">
        <v>64</v>
      </c>
      <c r="D73" s="5">
        <v>138</v>
      </c>
    </row>
    <row r="74" spans="1:4" ht="18" customHeight="1" x14ac:dyDescent="0.15">
      <c r="A74" s="8">
        <v>57</v>
      </c>
      <c r="B74" s="21">
        <v>75</v>
      </c>
      <c r="C74" s="6">
        <v>76</v>
      </c>
      <c r="D74" s="5">
        <v>151</v>
      </c>
    </row>
    <row r="75" spans="1:4" ht="18" customHeight="1" x14ac:dyDescent="0.15">
      <c r="A75" s="8">
        <v>58</v>
      </c>
      <c r="B75" s="21">
        <v>66</v>
      </c>
      <c r="C75" s="6">
        <v>72</v>
      </c>
      <c r="D75" s="5">
        <v>138</v>
      </c>
    </row>
    <row r="76" spans="1:4" ht="18" customHeight="1" x14ac:dyDescent="0.15">
      <c r="A76" s="8">
        <v>59</v>
      </c>
      <c r="B76" s="21">
        <v>54</v>
      </c>
      <c r="C76" s="6">
        <v>44</v>
      </c>
      <c r="D76" s="5">
        <v>98</v>
      </c>
    </row>
    <row r="77" spans="1:4" ht="18" customHeight="1" x14ac:dyDescent="0.15">
      <c r="A77" s="8" t="s">
        <v>13</v>
      </c>
      <c r="B77" s="21">
        <v>348</v>
      </c>
      <c r="C77" s="6">
        <v>335</v>
      </c>
      <c r="D77" s="5">
        <v>683</v>
      </c>
    </row>
    <row r="78" spans="1:4" ht="18" customHeight="1" x14ac:dyDescent="0.15">
      <c r="A78" s="8">
        <v>60</v>
      </c>
      <c r="B78" s="21">
        <v>49</v>
      </c>
      <c r="C78" s="6">
        <v>57</v>
      </c>
      <c r="D78" s="5">
        <v>106</v>
      </c>
    </row>
    <row r="79" spans="1:4" ht="18" customHeight="1" x14ac:dyDescent="0.15">
      <c r="A79" s="8">
        <v>61</v>
      </c>
      <c r="B79" s="21">
        <v>52</v>
      </c>
      <c r="C79" s="6">
        <v>53</v>
      </c>
      <c r="D79" s="5">
        <v>105</v>
      </c>
    </row>
    <row r="80" spans="1:4" ht="18" customHeight="1" x14ac:dyDescent="0.15">
      <c r="A80" s="8">
        <v>62</v>
      </c>
      <c r="B80" s="21">
        <v>76</v>
      </c>
      <c r="C80" s="6">
        <v>60</v>
      </c>
      <c r="D80" s="5">
        <v>136</v>
      </c>
    </row>
    <row r="81" spans="1:4" ht="18" customHeight="1" x14ac:dyDescent="0.15">
      <c r="A81" s="8">
        <v>63</v>
      </c>
      <c r="B81" s="21">
        <v>63</v>
      </c>
      <c r="C81" s="6">
        <v>55</v>
      </c>
      <c r="D81" s="5">
        <v>118</v>
      </c>
    </row>
    <row r="82" spans="1:4" ht="18" customHeight="1" x14ac:dyDescent="0.15">
      <c r="A82" s="8">
        <v>64</v>
      </c>
      <c r="B82" s="21">
        <v>56</v>
      </c>
      <c r="C82" s="6">
        <v>64</v>
      </c>
      <c r="D82" s="5">
        <v>120</v>
      </c>
    </row>
    <row r="83" spans="1:4" ht="18" customHeight="1" x14ac:dyDescent="0.15">
      <c r="A83" s="8" t="s">
        <v>12</v>
      </c>
      <c r="B83" s="21">
        <v>296</v>
      </c>
      <c r="C83" s="6">
        <v>289</v>
      </c>
      <c r="D83" s="5">
        <v>585</v>
      </c>
    </row>
    <row r="84" spans="1:4" ht="18" customHeight="1" x14ac:dyDescent="0.15">
      <c r="A84" s="8" t="s">
        <v>11</v>
      </c>
      <c r="B84" s="21">
        <v>2380</v>
      </c>
      <c r="C84" s="6">
        <v>2252</v>
      </c>
      <c r="D84" s="5">
        <v>4632</v>
      </c>
    </row>
    <row r="85" spans="1:4" ht="18" customHeight="1" x14ac:dyDescent="0.15">
      <c r="A85" s="8">
        <v>65</v>
      </c>
      <c r="B85" s="21">
        <v>61</v>
      </c>
      <c r="C85" s="6">
        <v>53</v>
      </c>
      <c r="D85" s="5">
        <v>114</v>
      </c>
    </row>
    <row r="86" spans="1:4" ht="18" customHeight="1" x14ac:dyDescent="0.15">
      <c r="A86" s="8">
        <v>66</v>
      </c>
      <c r="B86" s="21">
        <v>58</v>
      </c>
      <c r="C86" s="6">
        <v>63</v>
      </c>
      <c r="D86" s="5">
        <v>121</v>
      </c>
    </row>
    <row r="87" spans="1:4" ht="18" customHeight="1" x14ac:dyDescent="0.15">
      <c r="A87" s="8">
        <v>67</v>
      </c>
      <c r="B87" s="21">
        <v>63</v>
      </c>
      <c r="C87" s="6">
        <v>67</v>
      </c>
      <c r="D87" s="5">
        <v>130</v>
      </c>
    </row>
    <row r="88" spans="1:4" ht="18" customHeight="1" x14ac:dyDescent="0.15">
      <c r="A88" s="8">
        <v>68</v>
      </c>
      <c r="B88" s="21">
        <v>61</v>
      </c>
      <c r="C88" s="6">
        <v>55</v>
      </c>
      <c r="D88" s="5">
        <v>116</v>
      </c>
    </row>
    <row r="89" spans="1:4" ht="18" customHeight="1" x14ac:dyDescent="0.15">
      <c r="A89" s="8">
        <v>69</v>
      </c>
      <c r="B89" s="21">
        <v>50</v>
      </c>
      <c r="C89" s="6">
        <v>61</v>
      </c>
      <c r="D89" s="5">
        <v>111</v>
      </c>
    </row>
    <row r="90" spans="1:4" ht="18" customHeight="1" x14ac:dyDescent="0.15">
      <c r="A90" s="8" t="s">
        <v>10</v>
      </c>
      <c r="B90" s="21">
        <v>293</v>
      </c>
      <c r="C90" s="6">
        <v>299</v>
      </c>
      <c r="D90" s="5">
        <v>592</v>
      </c>
    </row>
    <row r="91" spans="1:4" ht="18" customHeight="1" x14ac:dyDescent="0.15">
      <c r="A91" s="8">
        <v>70</v>
      </c>
      <c r="B91" s="21">
        <v>56</v>
      </c>
      <c r="C91" s="6">
        <v>61</v>
      </c>
      <c r="D91" s="5">
        <v>117</v>
      </c>
    </row>
    <row r="92" spans="1:4" ht="18" customHeight="1" x14ac:dyDescent="0.15">
      <c r="A92" s="8">
        <v>71</v>
      </c>
      <c r="B92" s="21">
        <v>60</v>
      </c>
      <c r="C92" s="6">
        <v>66</v>
      </c>
      <c r="D92" s="5">
        <v>126</v>
      </c>
    </row>
    <row r="93" spans="1:4" ht="18" customHeight="1" x14ac:dyDescent="0.15">
      <c r="A93" s="8">
        <v>72</v>
      </c>
      <c r="B93" s="21">
        <v>61</v>
      </c>
      <c r="C93" s="6">
        <v>76</v>
      </c>
      <c r="D93" s="5">
        <v>137</v>
      </c>
    </row>
    <row r="94" spans="1:4" ht="18" customHeight="1" x14ac:dyDescent="0.15">
      <c r="A94" s="8">
        <v>73</v>
      </c>
      <c r="B94" s="21">
        <v>55</v>
      </c>
      <c r="C94" s="6">
        <v>54</v>
      </c>
      <c r="D94" s="5">
        <v>109</v>
      </c>
    </row>
    <row r="95" spans="1:4" ht="18" customHeight="1" x14ac:dyDescent="0.15">
      <c r="A95" s="8">
        <v>74</v>
      </c>
      <c r="B95" s="21">
        <v>65</v>
      </c>
      <c r="C95" s="6">
        <v>79</v>
      </c>
      <c r="D95" s="5">
        <v>144</v>
      </c>
    </row>
    <row r="96" spans="1:4" ht="18" customHeight="1" x14ac:dyDescent="0.15">
      <c r="A96" s="8" t="s">
        <v>9</v>
      </c>
      <c r="B96" s="21">
        <v>297</v>
      </c>
      <c r="C96" s="6">
        <v>336</v>
      </c>
      <c r="D96" s="5">
        <v>633</v>
      </c>
    </row>
    <row r="97" spans="1:4" ht="18" customHeight="1" x14ac:dyDescent="0.15">
      <c r="A97" s="8">
        <v>75</v>
      </c>
      <c r="B97" s="21">
        <v>78</v>
      </c>
      <c r="C97" s="6">
        <v>89</v>
      </c>
      <c r="D97" s="5">
        <v>167</v>
      </c>
    </row>
    <row r="98" spans="1:4" ht="18" customHeight="1" x14ac:dyDescent="0.15">
      <c r="A98" s="8">
        <v>76</v>
      </c>
      <c r="B98" s="21">
        <v>72</v>
      </c>
      <c r="C98" s="6">
        <v>84</v>
      </c>
      <c r="D98" s="5">
        <v>156</v>
      </c>
    </row>
    <row r="99" spans="1:4" ht="18" customHeight="1" x14ac:dyDescent="0.15">
      <c r="A99" s="8">
        <v>77</v>
      </c>
      <c r="B99" s="21">
        <v>79</v>
      </c>
      <c r="C99" s="6">
        <v>97</v>
      </c>
      <c r="D99" s="5">
        <v>176</v>
      </c>
    </row>
    <row r="100" spans="1:4" ht="18" customHeight="1" x14ac:dyDescent="0.15">
      <c r="A100" s="8">
        <v>78</v>
      </c>
      <c r="B100" s="21">
        <v>98</v>
      </c>
      <c r="C100" s="6">
        <v>107</v>
      </c>
      <c r="D100" s="5">
        <v>205</v>
      </c>
    </row>
    <row r="101" spans="1:4" ht="18" customHeight="1" x14ac:dyDescent="0.15">
      <c r="A101" s="8">
        <v>79</v>
      </c>
      <c r="B101" s="21">
        <v>42</v>
      </c>
      <c r="C101" s="6">
        <v>61</v>
      </c>
      <c r="D101" s="5">
        <v>103</v>
      </c>
    </row>
    <row r="102" spans="1:4" ht="18" customHeight="1" x14ac:dyDescent="0.15">
      <c r="A102" s="8" t="s">
        <v>8</v>
      </c>
      <c r="B102" s="21">
        <v>369</v>
      </c>
      <c r="C102" s="6">
        <v>438</v>
      </c>
      <c r="D102" s="5">
        <v>807</v>
      </c>
    </row>
    <row r="103" spans="1:4" ht="18" customHeight="1" x14ac:dyDescent="0.15">
      <c r="A103" s="8">
        <v>80</v>
      </c>
      <c r="B103" s="21">
        <v>34</v>
      </c>
      <c r="C103" s="6">
        <v>46</v>
      </c>
      <c r="D103" s="5">
        <v>80</v>
      </c>
    </row>
    <row r="104" spans="1:4" ht="18" customHeight="1" x14ac:dyDescent="0.15">
      <c r="A104" s="8">
        <v>81</v>
      </c>
      <c r="B104" s="21">
        <v>41</v>
      </c>
      <c r="C104" s="6">
        <v>87</v>
      </c>
      <c r="D104" s="5">
        <v>128</v>
      </c>
    </row>
    <row r="105" spans="1:4" ht="18" customHeight="1" x14ac:dyDescent="0.15">
      <c r="A105" s="8">
        <v>82</v>
      </c>
      <c r="B105" s="21">
        <v>51</v>
      </c>
      <c r="C105" s="6">
        <v>53</v>
      </c>
      <c r="D105" s="5">
        <v>104</v>
      </c>
    </row>
    <row r="106" spans="1:4" ht="18" customHeight="1" x14ac:dyDescent="0.15">
      <c r="A106" s="8">
        <v>83</v>
      </c>
      <c r="B106" s="21">
        <v>40</v>
      </c>
      <c r="C106" s="6">
        <v>66</v>
      </c>
      <c r="D106" s="5">
        <v>106</v>
      </c>
    </row>
    <row r="107" spans="1:4" ht="18" customHeight="1" x14ac:dyDescent="0.15">
      <c r="A107" s="8">
        <v>84</v>
      </c>
      <c r="B107" s="21">
        <v>38</v>
      </c>
      <c r="C107" s="6">
        <v>64</v>
      </c>
      <c r="D107" s="5">
        <v>102</v>
      </c>
    </row>
    <row r="108" spans="1:4" ht="18" customHeight="1" x14ac:dyDescent="0.15">
      <c r="A108" s="8" t="s">
        <v>7</v>
      </c>
      <c r="B108" s="21">
        <v>204</v>
      </c>
      <c r="C108" s="6">
        <v>316</v>
      </c>
      <c r="D108" s="5">
        <v>520</v>
      </c>
    </row>
    <row r="109" spans="1:4" ht="18" customHeight="1" x14ac:dyDescent="0.15">
      <c r="A109" s="8">
        <v>85</v>
      </c>
      <c r="B109" s="21">
        <v>32</v>
      </c>
      <c r="C109" s="6">
        <v>47</v>
      </c>
      <c r="D109" s="5">
        <v>79</v>
      </c>
    </row>
    <row r="110" spans="1:4" ht="18" customHeight="1" x14ac:dyDescent="0.15">
      <c r="A110" s="8">
        <v>86</v>
      </c>
      <c r="B110" s="21">
        <v>23</v>
      </c>
      <c r="C110" s="6">
        <v>44</v>
      </c>
      <c r="D110" s="5">
        <v>67</v>
      </c>
    </row>
    <row r="111" spans="1:4" ht="18" customHeight="1" x14ac:dyDescent="0.15">
      <c r="A111" s="8">
        <v>87</v>
      </c>
      <c r="B111" s="21">
        <v>18</v>
      </c>
      <c r="C111" s="6">
        <v>49</v>
      </c>
      <c r="D111" s="5">
        <v>67</v>
      </c>
    </row>
    <row r="112" spans="1:4" ht="18" customHeight="1" x14ac:dyDescent="0.15">
      <c r="A112" s="8">
        <v>88</v>
      </c>
      <c r="B112" s="21">
        <v>25</v>
      </c>
      <c r="C112" s="6">
        <v>50</v>
      </c>
      <c r="D112" s="5">
        <v>75</v>
      </c>
    </row>
    <row r="113" spans="1:4" ht="18" customHeight="1" x14ac:dyDescent="0.15">
      <c r="A113" s="8">
        <v>89</v>
      </c>
      <c r="B113" s="21">
        <v>19</v>
      </c>
      <c r="C113" s="6">
        <v>44</v>
      </c>
      <c r="D113" s="5">
        <v>63</v>
      </c>
    </row>
    <row r="114" spans="1:4" ht="18" customHeight="1" x14ac:dyDescent="0.15">
      <c r="A114" s="8" t="s">
        <v>6</v>
      </c>
      <c r="B114" s="21">
        <v>117</v>
      </c>
      <c r="C114" s="6">
        <v>234</v>
      </c>
      <c r="D114" s="5">
        <v>351</v>
      </c>
    </row>
    <row r="115" spans="1:4" ht="18" customHeight="1" x14ac:dyDescent="0.15">
      <c r="A115" s="8">
        <v>90</v>
      </c>
      <c r="B115" s="21">
        <v>15</v>
      </c>
      <c r="C115" s="6">
        <v>31</v>
      </c>
      <c r="D115" s="5">
        <v>46</v>
      </c>
    </row>
    <row r="116" spans="1:4" ht="18" customHeight="1" x14ac:dyDescent="0.15">
      <c r="A116" s="8">
        <v>91</v>
      </c>
      <c r="B116" s="21">
        <v>18</v>
      </c>
      <c r="C116" s="6">
        <v>31</v>
      </c>
      <c r="D116" s="5">
        <v>49</v>
      </c>
    </row>
    <row r="117" spans="1:4" ht="18" customHeight="1" x14ac:dyDescent="0.15">
      <c r="A117" s="8">
        <v>92</v>
      </c>
      <c r="B117" s="21">
        <v>12</v>
      </c>
      <c r="C117" s="6">
        <v>34</v>
      </c>
      <c r="D117" s="5">
        <v>46</v>
      </c>
    </row>
    <row r="118" spans="1:4" ht="18" customHeight="1" x14ac:dyDescent="0.15">
      <c r="A118" s="8">
        <v>93</v>
      </c>
      <c r="B118" s="21">
        <v>5</v>
      </c>
      <c r="C118" s="6">
        <v>24</v>
      </c>
      <c r="D118" s="5">
        <v>29</v>
      </c>
    </row>
    <row r="119" spans="1:4" ht="18" customHeight="1" x14ac:dyDescent="0.15">
      <c r="A119" s="8">
        <v>94</v>
      </c>
      <c r="B119" s="21">
        <v>3</v>
      </c>
      <c r="C119" s="6">
        <v>17</v>
      </c>
      <c r="D119" s="5">
        <v>20</v>
      </c>
    </row>
    <row r="120" spans="1:4" ht="18" customHeight="1" x14ac:dyDescent="0.15">
      <c r="A120" s="8" t="s">
        <v>5</v>
      </c>
      <c r="B120" s="21">
        <v>53</v>
      </c>
      <c r="C120" s="6">
        <v>137</v>
      </c>
      <c r="D120" s="5">
        <v>190</v>
      </c>
    </row>
    <row r="121" spans="1:4" ht="18" customHeight="1" x14ac:dyDescent="0.15">
      <c r="A121" s="8">
        <v>95</v>
      </c>
      <c r="B121" s="21">
        <v>6</v>
      </c>
      <c r="C121" s="6">
        <v>15</v>
      </c>
      <c r="D121" s="5">
        <v>21</v>
      </c>
    </row>
    <row r="122" spans="1:4" ht="18" customHeight="1" x14ac:dyDescent="0.15">
      <c r="A122" s="8">
        <v>96</v>
      </c>
      <c r="B122" s="21">
        <v>2</v>
      </c>
      <c r="C122" s="6">
        <v>13</v>
      </c>
      <c r="D122" s="5">
        <v>15</v>
      </c>
    </row>
    <row r="123" spans="1:4" ht="18" customHeight="1" x14ac:dyDescent="0.15">
      <c r="A123" s="8">
        <v>97</v>
      </c>
      <c r="B123" s="21">
        <v>3</v>
      </c>
      <c r="C123" s="6">
        <v>10</v>
      </c>
      <c r="D123" s="5">
        <v>13</v>
      </c>
    </row>
    <row r="124" spans="1:4" ht="18" customHeight="1" x14ac:dyDescent="0.15">
      <c r="A124" s="8">
        <v>98</v>
      </c>
      <c r="B124" s="21">
        <v>2</v>
      </c>
      <c r="C124" s="6">
        <v>6</v>
      </c>
      <c r="D124" s="5">
        <v>8</v>
      </c>
    </row>
    <row r="125" spans="1:4" ht="18" customHeight="1" x14ac:dyDescent="0.15">
      <c r="A125" s="8">
        <v>99</v>
      </c>
      <c r="B125" s="21">
        <v>0</v>
      </c>
      <c r="C125" s="6">
        <v>5</v>
      </c>
      <c r="D125" s="5">
        <v>5</v>
      </c>
    </row>
    <row r="126" spans="1:4" ht="18" customHeight="1" x14ac:dyDescent="0.15">
      <c r="A126" s="8" t="s">
        <v>4</v>
      </c>
      <c r="B126" s="21">
        <v>13</v>
      </c>
      <c r="C126" s="6">
        <v>49</v>
      </c>
      <c r="D126" s="5">
        <v>62</v>
      </c>
    </row>
    <row r="127" spans="1:4" ht="18" customHeight="1" x14ac:dyDescent="0.15">
      <c r="A127" s="8">
        <v>100</v>
      </c>
      <c r="B127" s="21">
        <v>0</v>
      </c>
      <c r="C127" s="6">
        <v>8</v>
      </c>
      <c r="D127" s="5">
        <v>8</v>
      </c>
    </row>
    <row r="128" spans="1:4" ht="18" customHeight="1" x14ac:dyDescent="0.15">
      <c r="A128" s="9" t="s">
        <v>3</v>
      </c>
      <c r="B128" s="21">
        <v>0</v>
      </c>
      <c r="C128" s="6">
        <v>9</v>
      </c>
      <c r="D128" s="5">
        <v>9</v>
      </c>
    </row>
    <row r="129" spans="1:4" ht="18" customHeight="1" x14ac:dyDescent="0.15">
      <c r="A129" s="8" t="s">
        <v>2</v>
      </c>
      <c r="B129" s="21">
        <v>0</v>
      </c>
      <c r="C129" s="6">
        <v>17</v>
      </c>
      <c r="D129" s="5">
        <v>17</v>
      </c>
    </row>
    <row r="130" spans="1:4" ht="18" customHeight="1" x14ac:dyDescent="0.15">
      <c r="A130" s="8" t="s">
        <v>1</v>
      </c>
      <c r="B130" s="21">
        <v>1346</v>
      </c>
      <c r="C130" s="6">
        <v>1826</v>
      </c>
      <c r="D130" s="5">
        <v>3172</v>
      </c>
    </row>
    <row r="131" spans="1:4" ht="18" customHeight="1" x14ac:dyDescent="0.15">
      <c r="A131" s="4" t="s">
        <v>0</v>
      </c>
      <c r="B131" s="20">
        <v>4057</v>
      </c>
      <c r="C131" s="2">
        <v>4382</v>
      </c>
      <c r="D131" s="1">
        <v>84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5ADFC2-EB66-4280-A678-A8BA0743B468}">
  <sheetPr codeName="Sheet7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1</v>
      </c>
      <c r="D5" s="30">
        <v>3</v>
      </c>
    </row>
    <row r="6" spans="1:4" ht="18" customHeight="1" x14ac:dyDescent="0.15">
      <c r="A6" s="8">
        <v>1</v>
      </c>
      <c r="B6" s="26">
        <v>2</v>
      </c>
      <c r="C6" s="6">
        <v>5</v>
      </c>
      <c r="D6" s="5">
        <v>7</v>
      </c>
    </row>
    <row r="7" spans="1:4" ht="18" customHeight="1" x14ac:dyDescent="0.15">
      <c r="A7" s="8">
        <v>2</v>
      </c>
      <c r="B7" s="26">
        <v>0</v>
      </c>
      <c r="C7" s="6">
        <v>3</v>
      </c>
      <c r="D7" s="5">
        <v>3</v>
      </c>
    </row>
    <row r="8" spans="1:4" ht="18" customHeight="1" x14ac:dyDescent="0.15">
      <c r="A8" s="8">
        <v>3</v>
      </c>
      <c r="B8" s="26">
        <v>2</v>
      </c>
      <c r="C8" s="6">
        <v>4</v>
      </c>
      <c r="D8" s="5">
        <v>6</v>
      </c>
    </row>
    <row r="9" spans="1:4" ht="18" customHeight="1" x14ac:dyDescent="0.15">
      <c r="A9" s="8">
        <v>4</v>
      </c>
      <c r="B9" s="29">
        <v>3</v>
      </c>
      <c r="C9" s="28">
        <v>2</v>
      </c>
      <c r="D9" s="27">
        <v>5</v>
      </c>
    </row>
    <row r="10" spans="1:4" ht="18" customHeight="1" x14ac:dyDescent="0.15">
      <c r="A10" s="8" t="s">
        <v>25</v>
      </c>
      <c r="B10" s="21">
        <v>9</v>
      </c>
      <c r="C10" s="6">
        <v>15</v>
      </c>
      <c r="D10" s="5">
        <v>24</v>
      </c>
    </row>
    <row r="11" spans="1:4" ht="18" customHeight="1" x14ac:dyDescent="0.15">
      <c r="A11" s="8">
        <v>5</v>
      </c>
      <c r="B11" s="26">
        <v>5</v>
      </c>
      <c r="C11" s="6">
        <v>7</v>
      </c>
      <c r="D11" s="5">
        <v>12</v>
      </c>
    </row>
    <row r="12" spans="1:4" ht="18" customHeight="1" x14ac:dyDescent="0.15">
      <c r="A12" s="8">
        <v>6</v>
      </c>
      <c r="B12" s="26">
        <v>1</v>
      </c>
      <c r="C12" s="6">
        <v>4</v>
      </c>
      <c r="D12" s="5">
        <v>5</v>
      </c>
    </row>
    <row r="13" spans="1:4" ht="18" customHeight="1" x14ac:dyDescent="0.15">
      <c r="A13" s="8">
        <v>7</v>
      </c>
      <c r="B13" s="26">
        <v>3</v>
      </c>
      <c r="C13" s="6">
        <v>5</v>
      </c>
      <c r="D13" s="5">
        <v>8</v>
      </c>
    </row>
    <row r="14" spans="1:4" ht="18" customHeight="1" x14ac:dyDescent="0.15">
      <c r="A14" s="8">
        <v>8</v>
      </c>
      <c r="B14" s="26">
        <v>4</v>
      </c>
      <c r="C14" s="6">
        <v>4</v>
      </c>
      <c r="D14" s="5">
        <v>8</v>
      </c>
    </row>
    <row r="15" spans="1:4" ht="18" customHeight="1" x14ac:dyDescent="0.15">
      <c r="A15" s="8">
        <v>9</v>
      </c>
      <c r="B15" s="26">
        <v>3</v>
      </c>
      <c r="C15" s="6">
        <v>3</v>
      </c>
      <c r="D15" s="5">
        <v>6</v>
      </c>
    </row>
    <row r="16" spans="1:4" ht="18" customHeight="1" x14ac:dyDescent="0.15">
      <c r="A16" s="8" t="s">
        <v>24</v>
      </c>
      <c r="B16" s="21">
        <v>16</v>
      </c>
      <c r="C16" s="6">
        <v>23</v>
      </c>
      <c r="D16" s="5">
        <v>39</v>
      </c>
    </row>
    <row r="17" spans="1:4" ht="18" customHeight="1" x14ac:dyDescent="0.15">
      <c r="A17" s="8">
        <v>10</v>
      </c>
      <c r="B17" s="21">
        <v>4</v>
      </c>
      <c r="C17" s="6">
        <v>6</v>
      </c>
      <c r="D17" s="5">
        <v>10</v>
      </c>
    </row>
    <row r="18" spans="1:4" ht="18" customHeight="1" x14ac:dyDescent="0.15">
      <c r="A18" s="8">
        <v>11</v>
      </c>
      <c r="B18" s="21">
        <v>6</v>
      </c>
      <c r="C18" s="6">
        <v>5</v>
      </c>
      <c r="D18" s="5">
        <v>11</v>
      </c>
    </row>
    <row r="19" spans="1:4" ht="18" customHeight="1" x14ac:dyDescent="0.15">
      <c r="A19" s="8">
        <v>12</v>
      </c>
      <c r="B19" s="21">
        <v>5</v>
      </c>
      <c r="C19" s="6">
        <v>5</v>
      </c>
      <c r="D19" s="5">
        <v>10</v>
      </c>
    </row>
    <row r="20" spans="1:4" ht="18" customHeight="1" x14ac:dyDescent="0.15">
      <c r="A20" s="8">
        <v>13</v>
      </c>
      <c r="B20" s="21">
        <v>2</v>
      </c>
      <c r="C20" s="6">
        <v>9</v>
      </c>
      <c r="D20" s="5">
        <v>11</v>
      </c>
    </row>
    <row r="21" spans="1:4" ht="18" customHeight="1" x14ac:dyDescent="0.15">
      <c r="A21" s="8">
        <v>14</v>
      </c>
      <c r="B21" s="21">
        <v>7</v>
      </c>
      <c r="C21" s="6">
        <v>8</v>
      </c>
      <c r="D21" s="5">
        <v>15</v>
      </c>
    </row>
    <row r="22" spans="1:4" ht="18" customHeight="1" x14ac:dyDescent="0.15">
      <c r="A22" s="8" t="s">
        <v>23</v>
      </c>
      <c r="B22" s="21">
        <v>24</v>
      </c>
      <c r="C22" s="6">
        <v>33</v>
      </c>
      <c r="D22" s="5">
        <v>57</v>
      </c>
    </row>
    <row r="23" spans="1:4" ht="18" customHeight="1" x14ac:dyDescent="0.15">
      <c r="A23" s="8" t="s">
        <v>22</v>
      </c>
      <c r="B23" s="21">
        <v>49</v>
      </c>
      <c r="C23" s="6">
        <v>71</v>
      </c>
      <c r="D23" s="5">
        <v>120</v>
      </c>
    </row>
    <row r="24" spans="1:4" ht="18" customHeight="1" x14ac:dyDescent="0.15">
      <c r="A24" s="8">
        <v>15</v>
      </c>
      <c r="B24" s="21">
        <v>10</v>
      </c>
      <c r="C24" s="6">
        <v>5</v>
      </c>
      <c r="D24" s="5">
        <v>15</v>
      </c>
    </row>
    <row r="25" spans="1:4" ht="18" customHeight="1" x14ac:dyDescent="0.15">
      <c r="A25" s="8">
        <v>16</v>
      </c>
      <c r="B25" s="21">
        <v>9</v>
      </c>
      <c r="C25" s="6">
        <v>7</v>
      </c>
      <c r="D25" s="5">
        <v>16</v>
      </c>
    </row>
    <row r="26" spans="1:4" ht="18" customHeight="1" x14ac:dyDescent="0.15">
      <c r="A26" s="8">
        <v>17</v>
      </c>
      <c r="B26" s="21">
        <v>7</v>
      </c>
      <c r="C26" s="6">
        <v>6</v>
      </c>
      <c r="D26" s="5">
        <v>13</v>
      </c>
    </row>
    <row r="27" spans="1:4" ht="18" customHeight="1" x14ac:dyDescent="0.15">
      <c r="A27" s="8">
        <v>18</v>
      </c>
      <c r="B27" s="21">
        <v>12</v>
      </c>
      <c r="C27" s="6">
        <v>7</v>
      </c>
      <c r="D27" s="5">
        <v>19</v>
      </c>
    </row>
    <row r="28" spans="1:4" ht="18" customHeight="1" x14ac:dyDescent="0.15">
      <c r="A28" s="8">
        <v>19</v>
      </c>
      <c r="B28" s="21">
        <v>10</v>
      </c>
      <c r="C28" s="6">
        <v>10</v>
      </c>
      <c r="D28" s="5">
        <v>20</v>
      </c>
    </row>
    <row r="29" spans="1:4" ht="18" customHeight="1" x14ac:dyDescent="0.15">
      <c r="A29" s="8" t="s">
        <v>21</v>
      </c>
      <c r="B29" s="21">
        <v>48</v>
      </c>
      <c r="C29" s="6">
        <v>35</v>
      </c>
      <c r="D29" s="5">
        <v>83</v>
      </c>
    </row>
    <row r="30" spans="1:4" ht="18" customHeight="1" x14ac:dyDescent="0.15">
      <c r="A30" s="8">
        <v>20</v>
      </c>
      <c r="B30" s="21">
        <v>7</v>
      </c>
      <c r="C30" s="6">
        <v>7</v>
      </c>
      <c r="D30" s="5">
        <v>14</v>
      </c>
    </row>
    <row r="31" spans="1:4" ht="18" customHeight="1" x14ac:dyDescent="0.15">
      <c r="A31" s="8">
        <v>21</v>
      </c>
      <c r="B31" s="21">
        <v>3</v>
      </c>
      <c r="C31" s="6">
        <v>3</v>
      </c>
      <c r="D31" s="5">
        <v>6</v>
      </c>
    </row>
    <row r="32" spans="1:4" ht="18" customHeight="1" x14ac:dyDescent="0.15">
      <c r="A32" s="8">
        <v>22</v>
      </c>
      <c r="B32" s="21">
        <v>7</v>
      </c>
      <c r="C32" s="6">
        <v>7</v>
      </c>
      <c r="D32" s="5">
        <v>14</v>
      </c>
    </row>
    <row r="33" spans="1:4" ht="18" customHeight="1" x14ac:dyDescent="0.15">
      <c r="A33" s="8">
        <v>23</v>
      </c>
      <c r="B33" s="21">
        <v>11</v>
      </c>
      <c r="C33" s="6">
        <v>9</v>
      </c>
      <c r="D33" s="5">
        <v>20</v>
      </c>
    </row>
    <row r="34" spans="1:4" ht="18" customHeight="1" x14ac:dyDescent="0.15">
      <c r="A34" s="8">
        <v>24</v>
      </c>
      <c r="B34" s="21">
        <v>8</v>
      </c>
      <c r="C34" s="6">
        <v>3</v>
      </c>
      <c r="D34" s="5">
        <v>11</v>
      </c>
    </row>
    <row r="35" spans="1:4" ht="18" customHeight="1" x14ac:dyDescent="0.15">
      <c r="A35" s="8" t="s">
        <v>20</v>
      </c>
      <c r="B35" s="21">
        <v>36</v>
      </c>
      <c r="C35" s="6">
        <v>29</v>
      </c>
      <c r="D35" s="5">
        <v>65</v>
      </c>
    </row>
    <row r="36" spans="1:4" ht="18" customHeight="1" x14ac:dyDescent="0.15">
      <c r="A36" s="8">
        <v>25</v>
      </c>
      <c r="B36" s="21">
        <v>12</v>
      </c>
      <c r="C36" s="6">
        <v>4</v>
      </c>
      <c r="D36" s="5">
        <v>16</v>
      </c>
    </row>
    <row r="37" spans="1:4" ht="18" customHeight="1" x14ac:dyDescent="0.15">
      <c r="A37" s="8">
        <v>26</v>
      </c>
      <c r="B37" s="21">
        <v>12</v>
      </c>
      <c r="C37" s="6">
        <v>3</v>
      </c>
      <c r="D37" s="5">
        <v>15</v>
      </c>
    </row>
    <row r="38" spans="1:4" ht="18" customHeight="1" x14ac:dyDescent="0.15">
      <c r="A38" s="8">
        <v>27</v>
      </c>
      <c r="B38" s="21">
        <v>16</v>
      </c>
      <c r="C38" s="6">
        <v>7</v>
      </c>
      <c r="D38" s="5">
        <v>23</v>
      </c>
    </row>
    <row r="39" spans="1:4" ht="18" customHeight="1" x14ac:dyDescent="0.15">
      <c r="A39" s="8">
        <v>28</v>
      </c>
      <c r="B39" s="21">
        <v>8</v>
      </c>
      <c r="C39" s="6">
        <v>4</v>
      </c>
      <c r="D39" s="5">
        <v>12</v>
      </c>
    </row>
    <row r="40" spans="1:4" ht="18" customHeight="1" x14ac:dyDescent="0.15">
      <c r="A40" s="8">
        <v>29</v>
      </c>
      <c r="B40" s="21">
        <v>8</v>
      </c>
      <c r="C40" s="6">
        <v>6</v>
      </c>
      <c r="D40" s="5">
        <v>14</v>
      </c>
    </row>
    <row r="41" spans="1:4" ht="18" customHeight="1" x14ac:dyDescent="0.15">
      <c r="A41" s="8" t="s">
        <v>19</v>
      </c>
      <c r="B41" s="21">
        <v>56</v>
      </c>
      <c r="C41" s="6">
        <v>24</v>
      </c>
      <c r="D41" s="5">
        <v>80</v>
      </c>
    </row>
    <row r="42" spans="1:4" ht="18" customHeight="1" x14ac:dyDescent="0.15">
      <c r="A42" s="8">
        <v>30</v>
      </c>
      <c r="B42" s="21">
        <v>3</v>
      </c>
      <c r="C42" s="6">
        <v>5</v>
      </c>
      <c r="D42" s="5">
        <v>8</v>
      </c>
    </row>
    <row r="43" spans="1:4" ht="18" customHeight="1" x14ac:dyDescent="0.15">
      <c r="A43" s="8">
        <v>31</v>
      </c>
      <c r="B43" s="21">
        <v>6</v>
      </c>
      <c r="C43" s="6">
        <v>1</v>
      </c>
      <c r="D43" s="5">
        <v>7</v>
      </c>
    </row>
    <row r="44" spans="1:4" ht="18" customHeight="1" x14ac:dyDescent="0.15">
      <c r="A44" s="8">
        <v>32</v>
      </c>
      <c r="B44" s="21">
        <v>7</v>
      </c>
      <c r="C44" s="6">
        <v>1</v>
      </c>
      <c r="D44" s="5">
        <v>8</v>
      </c>
    </row>
    <row r="45" spans="1:4" ht="18" customHeight="1" x14ac:dyDescent="0.15">
      <c r="A45" s="8">
        <v>33</v>
      </c>
      <c r="B45" s="21">
        <v>6</v>
      </c>
      <c r="C45" s="6">
        <v>5</v>
      </c>
      <c r="D45" s="5">
        <v>11</v>
      </c>
    </row>
    <row r="46" spans="1:4" ht="18" customHeight="1" x14ac:dyDescent="0.15">
      <c r="A46" s="8">
        <v>34</v>
      </c>
      <c r="B46" s="21">
        <v>3</v>
      </c>
      <c r="C46" s="6">
        <v>6</v>
      </c>
      <c r="D46" s="5">
        <v>9</v>
      </c>
    </row>
    <row r="47" spans="1:4" ht="18" customHeight="1" x14ac:dyDescent="0.15">
      <c r="A47" s="8" t="s">
        <v>18</v>
      </c>
      <c r="B47" s="21">
        <v>25</v>
      </c>
      <c r="C47" s="6">
        <v>18</v>
      </c>
      <c r="D47" s="5">
        <v>43</v>
      </c>
    </row>
    <row r="48" spans="1:4" ht="18" customHeight="1" x14ac:dyDescent="0.15">
      <c r="A48" s="8">
        <v>35</v>
      </c>
      <c r="B48" s="21">
        <v>6</v>
      </c>
      <c r="C48" s="6">
        <v>3</v>
      </c>
      <c r="D48" s="5">
        <v>9</v>
      </c>
    </row>
    <row r="49" spans="1:4" ht="18" customHeight="1" x14ac:dyDescent="0.15">
      <c r="A49" s="8">
        <v>36</v>
      </c>
      <c r="B49" s="21">
        <v>5</v>
      </c>
      <c r="C49" s="6">
        <v>3</v>
      </c>
      <c r="D49" s="5">
        <v>8</v>
      </c>
    </row>
    <row r="50" spans="1:4" ht="18" customHeight="1" x14ac:dyDescent="0.15">
      <c r="A50" s="8">
        <v>37</v>
      </c>
      <c r="B50" s="21">
        <v>2</v>
      </c>
      <c r="C50" s="6">
        <v>4</v>
      </c>
      <c r="D50" s="5">
        <v>6</v>
      </c>
    </row>
    <row r="51" spans="1:4" ht="18" customHeight="1" x14ac:dyDescent="0.15">
      <c r="A51" s="8">
        <v>38</v>
      </c>
      <c r="B51" s="21">
        <v>4</v>
      </c>
      <c r="C51" s="6">
        <v>2</v>
      </c>
      <c r="D51" s="5">
        <v>6</v>
      </c>
    </row>
    <row r="52" spans="1:4" ht="18" customHeight="1" x14ac:dyDescent="0.15">
      <c r="A52" s="8">
        <v>39</v>
      </c>
      <c r="B52" s="21">
        <v>9</v>
      </c>
      <c r="C52" s="6">
        <v>8</v>
      </c>
      <c r="D52" s="5">
        <v>17</v>
      </c>
    </row>
    <row r="53" spans="1:4" ht="18" customHeight="1" x14ac:dyDescent="0.15">
      <c r="A53" s="8" t="s">
        <v>17</v>
      </c>
      <c r="B53" s="21">
        <v>26</v>
      </c>
      <c r="C53" s="6">
        <v>20</v>
      </c>
      <c r="D53" s="5">
        <v>46</v>
      </c>
    </row>
    <row r="54" spans="1:4" ht="18" customHeight="1" x14ac:dyDescent="0.15">
      <c r="A54" s="8">
        <v>40</v>
      </c>
      <c r="B54" s="21">
        <v>4</v>
      </c>
      <c r="C54" s="6">
        <v>6</v>
      </c>
      <c r="D54" s="5">
        <v>10</v>
      </c>
    </row>
    <row r="55" spans="1:4" ht="18" customHeight="1" x14ac:dyDescent="0.15">
      <c r="A55" s="8">
        <v>41</v>
      </c>
      <c r="B55" s="21">
        <v>14</v>
      </c>
      <c r="C55" s="6">
        <v>6</v>
      </c>
      <c r="D55" s="5">
        <v>20</v>
      </c>
    </row>
    <row r="56" spans="1:4" ht="18" customHeight="1" x14ac:dyDescent="0.15">
      <c r="A56" s="8">
        <v>42</v>
      </c>
      <c r="B56" s="21">
        <v>7</v>
      </c>
      <c r="C56" s="6">
        <v>9</v>
      </c>
      <c r="D56" s="5">
        <v>16</v>
      </c>
    </row>
    <row r="57" spans="1:4" ht="18" customHeight="1" x14ac:dyDescent="0.15">
      <c r="A57" s="8">
        <v>43</v>
      </c>
      <c r="B57" s="21">
        <v>7</v>
      </c>
      <c r="C57" s="6">
        <v>10</v>
      </c>
      <c r="D57" s="5">
        <v>17</v>
      </c>
    </row>
    <row r="58" spans="1:4" ht="18" customHeight="1" x14ac:dyDescent="0.15">
      <c r="A58" s="8">
        <v>44</v>
      </c>
      <c r="B58" s="21">
        <v>14</v>
      </c>
      <c r="C58" s="6">
        <v>6</v>
      </c>
      <c r="D58" s="5">
        <v>20</v>
      </c>
    </row>
    <row r="59" spans="1:4" ht="18" customHeight="1" x14ac:dyDescent="0.15">
      <c r="A59" s="8" t="s">
        <v>16</v>
      </c>
      <c r="B59" s="21">
        <v>46</v>
      </c>
      <c r="C59" s="6">
        <v>37</v>
      </c>
      <c r="D59" s="5">
        <v>83</v>
      </c>
    </row>
    <row r="60" spans="1:4" ht="18" customHeight="1" x14ac:dyDescent="0.15">
      <c r="A60" s="8">
        <v>45</v>
      </c>
      <c r="B60" s="21">
        <v>12</v>
      </c>
      <c r="C60" s="6">
        <v>6</v>
      </c>
      <c r="D60" s="5">
        <v>18</v>
      </c>
    </row>
    <row r="61" spans="1:4" ht="18" customHeight="1" x14ac:dyDescent="0.15">
      <c r="A61" s="8">
        <v>46</v>
      </c>
      <c r="B61" s="21">
        <v>8</v>
      </c>
      <c r="C61" s="6">
        <v>6</v>
      </c>
      <c r="D61" s="5">
        <v>14</v>
      </c>
    </row>
    <row r="62" spans="1:4" ht="18" customHeight="1" x14ac:dyDescent="0.15">
      <c r="A62" s="8">
        <v>47</v>
      </c>
      <c r="B62" s="21">
        <v>8</v>
      </c>
      <c r="C62" s="6">
        <v>13</v>
      </c>
      <c r="D62" s="5">
        <v>21</v>
      </c>
    </row>
    <row r="63" spans="1:4" ht="18" customHeight="1" x14ac:dyDescent="0.15">
      <c r="A63" s="8">
        <v>48</v>
      </c>
      <c r="B63" s="21">
        <v>7</v>
      </c>
      <c r="C63" s="6">
        <v>13</v>
      </c>
      <c r="D63" s="5">
        <v>20</v>
      </c>
    </row>
    <row r="64" spans="1:4" ht="18" customHeight="1" x14ac:dyDescent="0.15">
      <c r="A64" s="8">
        <v>49</v>
      </c>
      <c r="B64" s="21">
        <v>9</v>
      </c>
      <c r="C64" s="6">
        <v>9</v>
      </c>
      <c r="D64" s="5">
        <v>18</v>
      </c>
    </row>
    <row r="65" spans="1:4" ht="18" customHeight="1" x14ac:dyDescent="0.15">
      <c r="A65" s="8" t="s">
        <v>15</v>
      </c>
      <c r="B65" s="21">
        <v>44</v>
      </c>
      <c r="C65" s="6">
        <v>47</v>
      </c>
      <c r="D65" s="5">
        <v>91</v>
      </c>
    </row>
    <row r="66" spans="1:4" ht="18" customHeight="1" x14ac:dyDescent="0.15">
      <c r="A66" s="8">
        <v>50</v>
      </c>
      <c r="B66" s="21">
        <v>13</v>
      </c>
      <c r="C66" s="6">
        <v>6</v>
      </c>
      <c r="D66" s="5">
        <v>19</v>
      </c>
    </row>
    <row r="67" spans="1:4" ht="18" customHeight="1" x14ac:dyDescent="0.15">
      <c r="A67" s="8">
        <v>51</v>
      </c>
      <c r="B67" s="21">
        <v>13</v>
      </c>
      <c r="C67" s="6">
        <v>13</v>
      </c>
      <c r="D67" s="5">
        <v>26</v>
      </c>
    </row>
    <row r="68" spans="1:4" ht="18" customHeight="1" x14ac:dyDescent="0.15">
      <c r="A68" s="8">
        <v>52</v>
      </c>
      <c r="B68" s="21">
        <v>19</v>
      </c>
      <c r="C68" s="6">
        <v>12</v>
      </c>
      <c r="D68" s="5">
        <v>31</v>
      </c>
    </row>
    <row r="69" spans="1:4" ht="18" customHeight="1" x14ac:dyDescent="0.15">
      <c r="A69" s="8">
        <v>53</v>
      </c>
      <c r="B69" s="21">
        <v>14</v>
      </c>
      <c r="C69" s="6">
        <v>13</v>
      </c>
      <c r="D69" s="5">
        <v>27</v>
      </c>
    </row>
    <row r="70" spans="1:4" ht="18" customHeight="1" x14ac:dyDescent="0.15">
      <c r="A70" s="8">
        <v>54</v>
      </c>
      <c r="B70" s="21">
        <v>12</v>
      </c>
      <c r="C70" s="6">
        <v>9</v>
      </c>
      <c r="D70" s="5">
        <v>21</v>
      </c>
    </row>
    <row r="71" spans="1:4" ht="18" customHeight="1" x14ac:dyDescent="0.15">
      <c r="A71" s="8" t="s">
        <v>14</v>
      </c>
      <c r="B71" s="21">
        <v>71</v>
      </c>
      <c r="C71" s="6">
        <v>53</v>
      </c>
      <c r="D71" s="5">
        <v>124</v>
      </c>
    </row>
    <row r="72" spans="1:4" ht="18" customHeight="1" x14ac:dyDescent="0.15">
      <c r="A72" s="8">
        <v>55</v>
      </c>
      <c r="B72" s="21">
        <v>18</v>
      </c>
      <c r="C72" s="6">
        <v>13</v>
      </c>
      <c r="D72" s="5">
        <v>31</v>
      </c>
    </row>
    <row r="73" spans="1:4" ht="18" customHeight="1" x14ac:dyDescent="0.15">
      <c r="A73" s="8">
        <v>56</v>
      </c>
      <c r="B73" s="21">
        <v>13</v>
      </c>
      <c r="C73" s="6">
        <v>10</v>
      </c>
      <c r="D73" s="5">
        <v>23</v>
      </c>
    </row>
    <row r="74" spans="1:4" ht="18" customHeight="1" x14ac:dyDescent="0.15">
      <c r="A74" s="8">
        <v>57</v>
      </c>
      <c r="B74" s="21">
        <v>12</v>
      </c>
      <c r="C74" s="6">
        <v>9</v>
      </c>
      <c r="D74" s="5">
        <v>21</v>
      </c>
    </row>
    <row r="75" spans="1:4" ht="18" customHeight="1" x14ac:dyDescent="0.15">
      <c r="A75" s="8">
        <v>58</v>
      </c>
      <c r="B75" s="21">
        <v>8</v>
      </c>
      <c r="C75" s="6">
        <v>11</v>
      </c>
      <c r="D75" s="5">
        <v>19</v>
      </c>
    </row>
    <row r="76" spans="1:4" ht="18" customHeight="1" x14ac:dyDescent="0.15">
      <c r="A76" s="8">
        <v>59</v>
      </c>
      <c r="B76" s="21">
        <v>5</v>
      </c>
      <c r="C76" s="6">
        <v>7</v>
      </c>
      <c r="D76" s="5">
        <v>12</v>
      </c>
    </row>
    <row r="77" spans="1:4" ht="18" customHeight="1" x14ac:dyDescent="0.15">
      <c r="A77" s="8" t="s">
        <v>13</v>
      </c>
      <c r="B77" s="21">
        <v>56</v>
      </c>
      <c r="C77" s="6">
        <v>50</v>
      </c>
      <c r="D77" s="5">
        <v>106</v>
      </c>
    </row>
    <row r="78" spans="1:4" ht="18" customHeight="1" x14ac:dyDescent="0.15">
      <c r="A78" s="8">
        <v>60</v>
      </c>
      <c r="B78" s="21">
        <v>16</v>
      </c>
      <c r="C78" s="6">
        <v>12</v>
      </c>
      <c r="D78" s="5">
        <v>28</v>
      </c>
    </row>
    <row r="79" spans="1:4" ht="18" customHeight="1" x14ac:dyDescent="0.15">
      <c r="A79" s="8">
        <v>61</v>
      </c>
      <c r="B79" s="21">
        <v>12</v>
      </c>
      <c r="C79" s="6">
        <v>10</v>
      </c>
      <c r="D79" s="5">
        <v>22</v>
      </c>
    </row>
    <row r="80" spans="1:4" ht="18" customHeight="1" x14ac:dyDescent="0.15">
      <c r="A80" s="8">
        <v>62</v>
      </c>
      <c r="B80" s="21">
        <v>7</v>
      </c>
      <c r="C80" s="6">
        <v>10</v>
      </c>
      <c r="D80" s="5">
        <v>17</v>
      </c>
    </row>
    <row r="81" spans="1:4" ht="18" customHeight="1" x14ac:dyDescent="0.15">
      <c r="A81" s="8">
        <v>63</v>
      </c>
      <c r="B81" s="21">
        <v>10</v>
      </c>
      <c r="C81" s="6">
        <v>2</v>
      </c>
      <c r="D81" s="5">
        <v>12</v>
      </c>
    </row>
    <row r="82" spans="1:4" ht="18" customHeight="1" x14ac:dyDescent="0.15">
      <c r="A82" s="8">
        <v>64</v>
      </c>
      <c r="B82" s="21">
        <v>13</v>
      </c>
      <c r="C82" s="6">
        <v>8</v>
      </c>
      <c r="D82" s="5">
        <v>21</v>
      </c>
    </row>
    <row r="83" spans="1:4" ht="18" customHeight="1" x14ac:dyDescent="0.15">
      <c r="A83" s="8" t="s">
        <v>12</v>
      </c>
      <c r="B83" s="21">
        <v>58</v>
      </c>
      <c r="C83" s="6">
        <v>42</v>
      </c>
      <c r="D83" s="5">
        <v>100</v>
      </c>
    </row>
    <row r="84" spans="1:4" ht="18" customHeight="1" x14ac:dyDescent="0.15">
      <c r="A84" s="8" t="s">
        <v>11</v>
      </c>
      <c r="B84" s="21">
        <v>466</v>
      </c>
      <c r="C84" s="6">
        <v>355</v>
      </c>
      <c r="D84" s="5">
        <v>821</v>
      </c>
    </row>
    <row r="85" spans="1:4" ht="18" customHeight="1" x14ac:dyDescent="0.15">
      <c r="A85" s="8">
        <v>65</v>
      </c>
      <c r="B85" s="21">
        <v>12</v>
      </c>
      <c r="C85" s="6">
        <v>11</v>
      </c>
      <c r="D85" s="5">
        <v>23</v>
      </c>
    </row>
    <row r="86" spans="1:4" ht="18" customHeight="1" x14ac:dyDescent="0.15">
      <c r="A86" s="8">
        <v>66</v>
      </c>
      <c r="B86" s="21">
        <v>10</v>
      </c>
      <c r="C86" s="6">
        <v>7</v>
      </c>
      <c r="D86" s="5">
        <v>17</v>
      </c>
    </row>
    <row r="87" spans="1:4" ht="18" customHeight="1" x14ac:dyDescent="0.15">
      <c r="A87" s="8">
        <v>67</v>
      </c>
      <c r="B87" s="21">
        <v>10</v>
      </c>
      <c r="C87" s="6">
        <v>20</v>
      </c>
      <c r="D87" s="5">
        <v>30</v>
      </c>
    </row>
    <row r="88" spans="1:4" ht="18" customHeight="1" x14ac:dyDescent="0.15">
      <c r="A88" s="8">
        <v>68</v>
      </c>
      <c r="B88" s="21">
        <v>14</v>
      </c>
      <c r="C88" s="6">
        <v>15</v>
      </c>
      <c r="D88" s="5">
        <v>29</v>
      </c>
    </row>
    <row r="89" spans="1:4" ht="18" customHeight="1" x14ac:dyDescent="0.15">
      <c r="A89" s="8">
        <v>69</v>
      </c>
      <c r="B89" s="21">
        <v>15</v>
      </c>
      <c r="C89" s="6">
        <v>12</v>
      </c>
      <c r="D89" s="5">
        <v>27</v>
      </c>
    </row>
    <row r="90" spans="1:4" ht="18" customHeight="1" x14ac:dyDescent="0.15">
      <c r="A90" s="8" t="s">
        <v>10</v>
      </c>
      <c r="B90" s="21">
        <v>61</v>
      </c>
      <c r="C90" s="6">
        <v>65</v>
      </c>
      <c r="D90" s="5">
        <v>126</v>
      </c>
    </row>
    <row r="91" spans="1:4" ht="18" customHeight="1" x14ac:dyDescent="0.15">
      <c r="A91" s="8">
        <v>70</v>
      </c>
      <c r="B91" s="21">
        <v>11</v>
      </c>
      <c r="C91" s="6">
        <v>20</v>
      </c>
      <c r="D91" s="5">
        <v>31</v>
      </c>
    </row>
    <row r="92" spans="1:4" ht="18" customHeight="1" x14ac:dyDescent="0.15">
      <c r="A92" s="8">
        <v>71</v>
      </c>
      <c r="B92" s="21">
        <v>19</v>
      </c>
      <c r="C92" s="6">
        <v>19</v>
      </c>
      <c r="D92" s="5">
        <v>38</v>
      </c>
    </row>
    <row r="93" spans="1:4" ht="18" customHeight="1" x14ac:dyDescent="0.15">
      <c r="A93" s="8">
        <v>72</v>
      </c>
      <c r="B93" s="21">
        <v>13</v>
      </c>
      <c r="C93" s="6">
        <v>10</v>
      </c>
      <c r="D93" s="5">
        <v>23</v>
      </c>
    </row>
    <row r="94" spans="1:4" ht="18" customHeight="1" x14ac:dyDescent="0.15">
      <c r="A94" s="8">
        <v>73</v>
      </c>
      <c r="B94" s="21">
        <v>19</v>
      </c>
      <c r="C94" s="6">
        <v>12</v>
      </c>
      <c r="D94" s="5">
        <v>31</v>
      </c>
    </row>
    <row r="95" spans="1:4" ht="18" customHeight="1" x14ac:dyDescent="0.15">
      <c r="A95" s="8">
        <v>74</v>
      </c>
      <c r="B95" s="21">
        <v>17</v>
      </c>
      <c r="C95" s="6">
        <v>20</v>
      </c>
      <c r="D95" s="5">
        <v>37</v>
      </c>
    </row>
    <row r="96" spans="1:4" ht="18" customHeight="1" x14ac:dyDescent="0.15">
      <c r="A96" s="8" t="s">
        <v>9</v>
      </c>
      <c r="B96" s="21">
        <v>79</v>
      </c>
      <c r="C96" s="6">
        <v>81</v>
      </c>
      <c r="D96" s="5">
        <v>160</v>
      </c>
    </row>
    <row r="97" spans="1:4" ht="18" customHeight="1" x14ac:dyDescent="0.15">
      <c r="A97" s="8">
        <v>75</v>
      </c>
      <c r="B97" s="21">
        <v>18</v>
      </c>
      <c r="C97" s="6">
        <v>13</v>
      </c>
      <c r="D97" s="5">
        <v>31</v>
      </c>
    </row>
    <row r="98" spans="1:4" ht="18" customHeight="1" x14ac:dyDescent="0.15">
      <c r="A98" s="8">
        <v>76</v>
      </c>
      <c r="B98" s="21">
        <v>18</v>
      </c>
      <c r="C98" s="6">
        <v>23</v>
      </c>
      <c r="D98" s="5">
        <v>41</v>
      </c>
    </row>
    <row r="99" spans="1:4" ht="18" customHeight="1" x14ac:dyDescent="0.15">
      <c r="A99" s="8">
        <v>77</v>
      </c>
      <c r="B99" s="21">
        <v>24</v>
      </c>
      <c r="C99" s="6">
        <v>34</v>
      </c>
      <c r="D99" s="5">
        <v>58</v>
      </c>
    </row>
    <row r="100" spans="1:4" ht="18" customHeight="1" x14ac:dyDescent="0.15">
      <c r="A100" s="8">
        <v>78</v>
      </c>
      <c r="B100" s="21">
        <v>28</v>
      </c>
      <c r="C100" s="6">
        <v>25</v>
      </c>
      <c r="D100" s="5">
        <v>53</v>
      </c>
    </row>
    <row r="101" spans="1:4" ht="18" customHeight="1" x14ac:dyDescent="0.15">
      <c r="A101" s="8">
        <v>79</v>
      </c>
      <c r="B101" s="21">
        <v>11</v>
      </c>
      <c r="C101" s="6">
        <v>14</v>
      </c>
      <c r="D101" s="5">
        <v>25</v>
      </c>
    </row>
    <row r="102" spans="1:4" ht="18" customHeight="1" x14ac:dyDescent="0.15">
      <c r="A102" s="8" t="s">
        <v>8</v>
      </c>
      <c r="B102" s="21">
        <v>99</v>
      </c>
      <c r="C102" s="6">
        <v>109</v>
      </c>
      <c r="D102" s="5">
        <v>208</v>
      </c>
    </row>
    <row r="103" spans="1:4" ht="18" customHeight="1" x14ac:dyDescent="0.15">
      <c r="A103" s="8">
        <v>80</v>
      </c>
      <c r="B103" s="21">
        <v>9</v>
      </c>
      <c r="C103" s="6">
        <v>16</v>
      </c>
      <c r="D103" s="5">
        <v>25</v>
      </c>
    </row>
    <row r="104" spans="1:4" ht="18" customHeight="1" x14ac:dyDescent="0.15">
      <c r="A104" s="8">
        <v>81</v>
      </c>
      <c r="B104" s="21">
        <v>12</v>
      </c>
      <c r="C104" s="6">
        <v>23</v>
      </c>
      <c r="D104" s="5">
        <v>35</v>
      </c>
    </row>
    <row r="105" spans="1:4" ht="18" customHeight="1" x14ac:dyDescent="0.15">
      <c r="A105" s="8">
        <v>82</v>
      </c>
      <c r="B105" s="21">
        <v>15</v>
      </c>
      <c r="C105" s="6">
        <v>21</v>
      </c>
      <c r="D105" s="5">
        <v>36</v>
      </c>
    </row>
    <row r="106" spans="1:4" ht="18" customHeight="1" x14ac:dyDescent="0.15">
      <c r="A106" s="8">
        <v>83</v>
      </c>
      <c r="B106" s="21">
        <v>14</v>
      </c>
      <c r="C106" s="6">
        <v>15</v>
      </c>
      <c r="D106" s="5">
        <v>29</v>
      </c>
    </row>
    <row r="107" spans="1:4" ht="18" customHeight="1" x14ac:dyDescent="0.15">
      <c r="A107" s="8">
        <v>84</v>
      </c>
      <c r="B107" s="21">
        <v>16</v>
      </c>
      <c r="C107" s="6">
        <v>21</v>
      </c>
      <c r="D107" s="5">
        <v>37</v>
      </c>
    </row>
    <row r="108" spans="1:4" ht="18" customHeight="1" x14ac:dyDescent="0.15">
      <c r="A108" s="8" t="s">
        <v>7</v>
      </c>
      <c r="B108" s="21">
        <v>66</v>
      </c>
      <c r="C108" s="6">
        <v>96</v>
      </c>
      <c r="D108" s="5">
        <v>162</v>
      </c>
    </row>
    <row r="109" spans="1:4" ht="18" customHeight="1" x14ac:dyDescent="0.15">
      <c r="A109" s="8">
        <v>85</v>
      </c>
      <c r="B109" s="21">
        <v>6</v>
      </c>
      <c r="C109" s="6">
        <v>12</v>
      </c>
      <c r="D109" s="5">
        <v>18</v>
      </c>
    </row>
    <row r="110" spans="1:4" ht="18" customHeight="1" x14ac:dyDescent="0.15">
      <c r="A110" s="8">
        <v>86</v>
      </c>
      <c r="B110" s="21">
        <v>8</v>
      </c>
      <c r="C110" s="6">
        <v>10</v>
      </c>
      <c r="D110" s="5">
        <v>18</v>
      </c>
    </row>
    <row r="111" spans="1:4" ht="18" customHeight="1" x14ac:dyDescent="0.15">
      <c r="A111" s="8">
        <v>87</v>
      </c>
      <c r="B111" s="21">
        <v>3</v>
      </c>
      <c r="C111" s="6">
        <v>16</v>
      </c>
      <c r="D111" s="5">
        <v>19</v>
      </c>
    </row>
    <row r="112" spans="1:4" ht="18" customHeight="1" x14ac:dyDescent="0.15">
      <c r="A112" s="8">
        <v>88</v>
      </c>
      <c r="B112" s="21">
        <v>6</v>
      </c>
      <c r="C112" s="6">
        <v>12</v>
      </c>
      <c r="D112" s="5">
        <v>18</v>
      </c>
    </row>
    <row r="113" spans="1:4" ht="18" customHeight="1" x14ac:dyDescent="0.15">
      <c r="A113" s="8">
        <v>89</v>
      </c>
      <c r="B113" s="21">
        <v>3</v>
      </c>
      <c r="C113" s="6">
        <v>12</v>
      </c>
      <c r="D113" s="5">
        <v>15</v>
      </c>
    </row>
    <row r="114" spans="1:4" ht="18" customHeight="1" x14ac:dyDescent="0.15">
      <c r="A114" s="8" t="s">
        <v>6</v>
      </c>
      <c r="B114" s="21">
        <v>26</v>
      </c>
      <c r="C114" s="6">
        <v>62</v>
      </c>
      <c r="D114" s="5">
        <v>88</v>
      </c>
    </row>
    <row r="115" spans="1:4" ht="18" customHeight="1" x14ac:dyDescent="0.15">
      <c r="A115" s="8">
        <v>90</v>
      </c>
      <c r="B115" s="21">
        <v>5</v>
      </c>
      <c r="C115" s="6">
        <v>11</v>
      </c>
      <c r="D115" s="5">
        <v>16</v>
      </c>
    </row>
    <row r="116" spans="1:4" ht="18" customHeight="1" x14ac:dyDescent="0.15">
      <c r="A116" s="8">
        <v>91</v>
      </c>
      <c r="B116" s="21">
        <v>2</v>
      </c>
      <c r="C116" s="6">
        <v>12</v>
      </c>
      <c r="D116" s="5">
        <v>14</v>
      </c>
    </row>
    <row r="117" spans="1:4" ht="18" customHeight="1" x14ac:dyDescent="0.15">
      <c r="A117" s="8">
        <v>92</v>
      </c>
      <c r="B117" s="21">
        <v>7</v>
      </c>
      <c r="C117" s="6">
        <v>11</v>
      </c>
      <c r="D117" s="5">
        <v>18</v>
      </c>
    </row>
    <row r="118" spans="1:4" ht="18" customHeight="1" x14ac:dyDescent="0.15">
      <c r="A118" s="8">
        <v>93</v>
      </c>
      <c r="B118" s="21">
        <v>4</v>
      </c>
      <c r="C118" s="6">
        <v>12</v>
      </c>
      <c r="D118" s="5">
        <v>16</v>
      </c>
    </row>
    <row r="119" spans="1:4" ht="18" customHeight="1" x14ac:dyDescent="0.15">
      <c r="A119" s="8">
        <v>94</v>
      </c>
      <c r="B119" s="21">
        <v>2</v>
      </c>
      <c r="C119" s="6">
        <v>6</v>
      </c>
      <c r="D119" s="5">
        <v>8</v>
      </c>
    </row>
    <row r="120" spans="1:4" ht="18" customHeight="1" x14ac:dyDescent="0.15">
      <c r="A120" s="8" t="s">
        <v>5</v>
      </c>
      <c r="B120" s="21">
        <v>20</v>
      </c>
      <c r="C120" s="6">
        <v>52</v>
      </c>
      <c r="D120" s="5">
        <v>72</v>
      </c>
    </row>
    <row r="121" spans="1:4" ht="18" customHeight="1" x14ac:dyDescent="0.15">
      <c r="A121" s="8">
        <v>95</v>
      </c>
      <c r="B121" s="21">
        <v>1</v>
      </c>
      <c r="C121" s="6">
        <v>5</v>
      </c>
      <c r="D121" s="5">
        <v>6</v>
      </c>
    </row>
    <row r="122" spans="1:4" ht="18" customHeight="1" x14ac:dyDescent="0.15">
      <c r="A122" s="8">
        <v>96</v>
      </c>
      <c r="B122" s="21">
        <v>1</v>
      </c>
      <c r="C122" s="6">
        <v>5</v>
      </c>
      <c r="D122" s="5">
        <v>6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2</v>
      </c>
      <c r="C126" s="6">
        <v>14</v>
      </c>
      <c r="D126" s="5">
        <v>16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5</v>
      </c>
      <c r="D128" s="5">
        <v>5</v>
      </c>
    </row>
    <row r="129" spans="1:4" ht="18" customHeight="1" x14ac:dyDescent="0.15">
      <c r="A129" s="8" t="s">
        <v>2</v>
      </c>
      <c r="B129" s="21">
        <v>0</v>
      </c>
      <c r="C129" s="6">
        <v>6</v>
      </c>
      <c r="D129" s="5">
        <v>6</v>
      </c>
    </row>
    <row r="130" spans="1:4" ht="18" customHeight="1" x14ac:dyDescent="0.15">
      <c r="A130" s="8" t="s">
        <v>1</v>
      </c>
      <c r="B130" s="21">
        <v>353</v>
      </c>
      <c r="C130" s="6">
        <v>485</v>
      </c>
      <c r="D130" s="5">
        <v>838</v>
      </c>
    </row>
    <row r="131" spans="1:4" ht="18" customHeight="1" x14ac:dyDescent="0.15">
      <c r="A131" s="4" t="s">
        <v>0</v>
      </c>
      <c r="B131" s="20">
        <v>868</v>
      </c>
      <c r="C131" s="2">
        <v>911</v>
      </c>
      <c r="D131" s="1">
        <v>177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4B2B00-0972-4144-BE7C-8D2C9FF716DB}">
  <sheetPr codeName="Sheet7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0</v>
      </c>
      <c r="C5" s="31">
        <v>9</v>
      </c>
      <c r="D5" s="30">
        <v>19</v>
      </c>
    </row>
    <row r="6" spans="1:4" ht="18" customHeight="1" x14ac:dyDescent="0.15">
      <c r="A6" s="8">
        <v>1</v>
      </c>
      <c r="B6" s="26">
        <v>12</v>
      </c>
      <c r="C6" s="6">
        <v>10</v>
      </c>
      <c r="D6" s="5">
        <v>22</v>
      </c>
    </row>
    <row r="7" spans="1:4" ht="18" customHeight="1" x14ac:dyDescent="0.15">
      <c r="A7" s="8">
        <v>2</v>
      </c>
      <c r="B7" s="26">
        <v>10</v>
      </c>
      <c r="C7" s="6">
        <v>11</v>
      </c>
      <c r="D7" s="5">
        <v>21</v>
      </c>
    </row>
    <row r="8" spans="1:4" ht="18" customHeight="1" x14ac:dyDescent="0.15">
      <c r="A8" s="8">
        <v>3</v>
      </c>
      <c r="B8" s="26">
        <v>17</v>
      </c>
      <c r="C8" s="6">
        <v>12</v>
      </c>
      <c r="D8" s="5">
        <v>29</v>
      </c>
    </row>
    <row r="9" spans="1:4" ht="18" customHeight="1" x14ac:dyDescent="0.15">
      <c r="A9" s="8">
        <v>4</v>
      </c>
      <c r="B9" s="29">
        <v>17</v>
      </c>
      <c r="C9" s="28">
        <v>8</v>
      </c>
      <c r="D9" s="27">
        <v>25</v>
      </c>
    </row>
    <row r="10" spans="1:4" ht="18" customHeight="1" x14ac:dyDescent="0.15">
      <c r="A10" s="8" t="s">
        <v>25</v>
      </c>
      <c r="B10" s="21">
        <v>66</v>
      </c>
      <c r="C10" s="6">
        <v>50</v>
      </c>
      <c r="D10" s="5">
        <v>116</v>
      </c>
    </row>
    <row r="11" spans="1:4" ht="18" customHeight="1" x14ac:dyDescent="0.15">
      <c r="A11" s="8">
        <v>5</v>
      </c>
      <c r="B11" s="26">
        <v>11</v>
      </c>
      <c r="C11" s="6">
        <v>17</v>
      </c>
      <c r="D11" s="5">
        <v>28</v>
      </c>
    </row>
    <row r="12" spans="1:4" ht="18" customHeight="1" x14ac:dyDescent="0.15">
      <c r="A12" s="8">
        <v>6</v>
      </c>
      <c r="B12" s="26">
        <v>20</v>
      </c>
      <c r="C12" s="6">
        <v>25</v>
      </c>
      <c r="D12" s="5">
        <v>45</v>
      </c>
    </row>
    <row r="13" spans="1:4" ht="18" customHeight="1" x14ac:dyDescent="0.15">
      <c r="A13" s="8">
        <v>7</v>
      </c>
      <c r="B13" s="26">
        <v>12</v>
      </c>
      <c r="C13" s="6">
        <v>19</v>
      </c>
      <c r="D13" s="5">
        <v>31</v>
      </c>
    </row>
    <row r="14" spans="1:4" ht="18" customHeight="1" x14ac:dyDescent="0.15">
      <c r="A14" s="8">
        <v>8</v>
      </c>
      <c r="B14" s="26">
        <v>17</v>
      </c>
      <c r="C14" s="6">
        <v>23</v>
      </c>
      <c r="D14" s="5">
        <v>40</v>
      </c>
    </row>
    <row r="15" spans="1:4" ht="18" customHeight="1" x14ac:dyDescent="0.15">
      <c r="A15" s="8">
        <v>9</v>
      </c>
      <c r="B15" s="26">
        <v>19</v>
      </c>
      <c r="C15" s="6">
        <v>31</v>
      </c>
      <c r="D15" s="5">
        <v>50</v>
      </c>
    </row>
    <row r="16" spans="1:4" ht="18" customHeight="1" x14ac:dyDescent="0.15">
      <c r="A16" s="8" t="s">
        <v>24</v>
      </c>
      <c r="B16" s="21">
        <v>79</v>
      </c>
      <c r="C16" s="6">
        <v>115</v>
      </c>
      <c r="D16" s="5">
        <v>194</v>
      </c>
    </row>
    <row r="17" spans="1:4" ht="18" customHeight="1" x14ac:dyDescent="0.15">
      <c r="A17" s="8">
        <v>10</v>
      </c>
      <c r="B17" s="21">
        <v>19</v>
      </c>
      <c r="C17" s="6">
        <v>23</v>
      </c>
      <c r="D17" s="5">
        <v>42</v>
      </c>
    </row>
    <row r="18" spans="1:4" ht="18" customHeight="1" x14ac:dyDescent="0.15">
      <c r="A18" s="8">
        <v>11</v>
      </c>
      <c r="B18" s="21">
        <v>25</v>
      </c>
      <c r="C18" s="6">
        <v>25</v>
      </c>
      <c r="D18" s="5">
        <v>50</v>
      </c>
    </row>
    <row r="19" spans="1:4" ht="18" customHeight="1" x14ac:dyDescent="0.15">
      <c r="A19" s="8">
        <v>12</v>
      </c>
      <c r="B19" s="21">
        <v>35</v>
      </c>
      <c r="C19" s="6">
        <v>29</v>
      </c>
      <c r="D19" s="5">
        <v>64</v>
      </c>
    </row>
    <row r="20" spans="1:4" ht="18" customHeight="1" x14ac:dyDescent="0.15">
      <c r="A20" s="8">
        <v>13</v>
      </c>
      <c r="B20" s="21">
        <v>24</v>
      </c>
      <c r="C20" s="6">
        <v>28</v>
      </c>
      <c r="D20" s="5">
        <v>52</v>
      </c>
    </row>
    <row r="21" spans="1:4" ht="18" customHeight="1" x14ac:dyDescent="0.15">
      <c r="A21" s="8">
        <v>14</v>
      </c>
      <c r="B21" s="21">
        <v>22</v>
      </c>
      <c r="C21" s="6">
        <v>15</v>
      </c>
      <c r="D21" s="5">
        <v>37</v>
      </c>
    </row>
    <row r="22" spans="1:4" ht="18" customHeight="1" x14ac:dyDescent="0.15">
      <c r="A22" s="8" t="s">
        <v>23</v>
      </c>
      <c r="B22" s="21">
        <v>125</v>
      </c>
      <c r="C22" s="6">
        <v>120</v>
      </c>
      <c r="D22" s="5">
        <v>245</v>
      </c>
    </row>
    <row r="23" spans="1:4" ht="18" customHeight="1" x14ac:dyDescent="0.15">
      <c r="A23" s="8" t="s">
        <v>22</v>
      </c>
      <c r="B23" s="21">
        <v>270</v>
      </c>
      <c r="C23" s="6">
        <v>285</v>
      </c>
      <c r="D23" s="5">
        <v>555</v>
      </c>
    </row>
    <row r="24" spans="1:4" ht="18" customHeight="1" x14ac:dyDescent="0.15">
      <c r="A24" s="8">
        <v>15</v>
      </c>
      <c r="B24" s="21">
        <v>20</v>
      </c>
      <c r="C24" s="6">
        <v>27</v>
      </c>
      <c r="D24" s="5">
        <v>47</v>
      </c>
    </row>
    <row r="25" spans="1:4" ht="18" customHeight="1" x14ac:dyDescent="0.15">
      <c r="A25" s="8">
        <v>16</v>
      </c>
      <c r="B25" s="21">
        <v>29</v>
      </c>
      <c r="C25" s="6">
        <v>25</v>
      </c>
      <c r="D25" s="5">
        <v>54</v>
      </c>
    </row>
    <row r="26" spans="1:4" ht="18" customHeight="1" x14ac:dyDescent="0.15">
      <c r="A26" s="8">
        <v>17</v>
      </c>
      <c r="B26" s="21">
        <v>25</v>
      </c>
      <c r="C26" s="6">
        <v>23</v>
      </c>
      <c r="D26" s="5">
        <v>48</v>
      </c>
    </row>
    <row r="27" spans="1:4" ht="18" customHeight="1" x14ac:dyDescent="0.15">
      <c r="A27" s="8">
        <v>18</v>
      </c>
      <c r="B27" s="21">
        <v>20</v>
      </c>
      <c r="C27" s="6">
        <v>24</v>
      </c>
      <c r="D27" s="5">
        <v>44</v>
      </c>
    </row>
    <row r="28" spans="1:4" ht="18" customHeight="1" x14ac:dyDescent="0.15">
      <c r="A28" s="8">
        <v>19</v>
      </c>
      <c r="B28" s="21">
        <v>42</v>
      </c>
      <c r="C28" s="6">
        <v>21</v>
      </c>
      <c r="D28" s="5">
        <v>63</v>
      </c>
    </row>
    <row r="29" spans="1:4" ht="18" customHeight="1" x14ac:dyDescent="0.15">
      <c r="A29" s="8" t="s">
        <v>21</v>
      </c>
      <c r="B29" s="21">
        <v>136</v>
      </c>
      <c r="C29" s="6">
        <v>120</v>
      </c>
      <c r="D29" s="5">
        <v>256</v>
      </c>
    </row>
    <row r="30" spans="1:4" ht="18" customHeight="1" x14ac:dyDescent="0.15">
      <c r="A30" s="8">
        <v>20</v>
      </c>
      <c r="B30" s="21">
        <v>23</v>
      </c>
      <c r="C30" s="6">
        <v>26</v>
      </c>
      <c r="D30" s="5">
        <v>49</v>
      </c>
    </row>
    <row r="31" spans="1:4" ht="18" customHeight="1" x14ac:dyDescent="0.15">
      <c r="A31" s="8">
        <v>21</v>
      </c>
      <c r="B31" s="21">
        <v>43</v>
      </c>
      <c r="C31" s="6">
        <v>31</v>
      </c>
      <c r="D31" s="5">
        <v>74</v>
      </c>
    </row>
    <row r="32" spans="1:4" ht="18" customHeight="1" x14ac:dyDescent="0.15">
      <c r="A32" s="8">
        <v>22</v>
      </c>
      <c r="B32" s="21">
        <v>27</v>
      </c>
      <c r="C32" s="6">
        <v>28</v>
      </c>
      <c r="D32" s="5">
        <v>55</v>
      </c>
    </row>
    <row r="33" spans="1:4" ht="18" customHeight="1" x14ac:dyDescent="0.15">
      <c r="A33" s="8">
        <v>23</v>
      </c>
      <c r="B33" s="21">
        <v>41</v>
      </c>
      <c r="C33" s="6">
        <v>23</v>
      </c>
      <c r="D33" s="5">
        <v>64</v>
      </c>
    </row>
    <row r="34" spans="1:4" ht="18" customHeight="1" x14ac:dyDescent="0.15">
      <c r="A34" s="8">
        <v>24</v>
      </c>
      <c r="B34" s="21">
        <v>40</v>
      </c>
      <c r="C34" s="6">
        <v>29</v>
      </c>
      <c r="D34" s="5">
        <v>69</v>
      </c>
    </row>
    <row r="35" spans="1:4" ht="18" customHeight="1" x14ac:dyDescent="0.15">
      <c r="A35" s="8" t="s">
        <v>20</v>
      </c>
      <c r="B35" s="21">
        <v>174</v>
      </c>
      <c r="C35" s="6">
        <v>137</v>
      </c>
      <c r="D35" s="5">
        <v>311</v>
      </c>
    </row>
    <row r="36" spans="1:4" ht="18" customHeight="1" x14ac:dyDescent="0.15">
      <c r="A36" s="8">
        <v>25</v>
      </c>
      <c r="B36" s="21">
        <v>32</v>
      </c>
      <c r="C36" s="6">
        <v>37</v>
      </c>
      <c r="D36" s="5">
        <v>69</v>
      </c>
    </row>
    <row r="37" spans="1:4" ht="18" customHeight="1" x14ac:dyDescent="0.15">
      <c r="A37" s="8">
        <v>26</v>
      </c>
      <c r="B37" s="21">
        <v>47</v>
      </c>
      <c r="C37" s="6">
        <v>21</v>
      </c>
      <c r="D37" s="5">
        <v>68</v>
      </c>
    </row>
    <row r="38" spans="1:4" ht="18" customHeight="1" x14ac:dyDescent="0.15">
      <c r="A38" s="8">
        <v>27</v>
      </c>
      <c r="B38" s="21">
        <v>38</v>
      </c>
      <c r="C38" s="6">
        <v>22</v>
      </c>
      <c r="D38" s="5">
        <v>60</v>
      </c>
    </row>
    <row r="39" spans="1:4" ht="18" customHeight="1" x14ac:dyDescent="0.15">
      <c r="A39" s="8">
        <v>28</v>
      </c>
      <c r="B39" s="21">
        <v>33</v>
      </c>
      <c r="C39" s="6">
        <v>25</v>
      </c>
      <c r="D39" s="5">
        <v>58</v>
      </c>
    </row>
    <row r="40" spans="1:4" ht="18" customHeight="1" x14ac:dyDescent="0.15">
      <c r="A40" s="8">
        <v>29</v>
      </c>
      <c r="B40" s="21">
        <v>34</v>
      </c>
      <c r="C40" s="6">
        <v>25</v>
      </c>
      <c r="D40" s="5">
        <v>59</v>
      </c>
    </row>
    <row r="41" spans="1:4" ht="18" customHeight="1" x14ac:dyDescent="0.15">
      <c r="A41" s="8" t="s">
        <v>19</v>
      </c>
      <c r="B41" s="21">
        <v>184</v>
      </c>
      <c r="C41" s="6">
        <v>130</v>
      </c>
      <c r="D41" s="5">
        <v>314</v>
      </c>
    </row>
    <row r="42" spans="1:4" ht="18" customHeight="1" x14ac:dyDescent="0.15">
      <c r="A42" s="8">
        <v>30</v>
      </c>
      <c r="B42" s="21">
        <v>30</v>
      </c>
      <c r="C42" s="6">
        <v>22</v>
      </c>
      <c r="D42" s="5">
        <v>52</v>
      </c>
    </row>
    <row r="43" spans="1:4" ht="18" customHeight="1" x14ac:dyDescent="0.15">
      <c r="A43" s="8">
        <v>31</v>
      </c>
      <c r="B43" s="21">
        <v>32</v>
      </c>
      <c r="C43" s="6">
        <v>20</v>
      </c>
      <c r="D43" s="5">
        <v>52</v>
      </c>
    </row>
    <row r="44" spans="1:4" ht="18" customHeight="1" x14ac:dyDescent="0.15">
      <c r="A44" s="8">
        <v>32</v>
      </c>
      <c r="B44" s="21">
        <v>31</v>
      </c>
      <c r="C44" s="6">
        <v>17</v>
      </c>
      <c r="D44" s="5">
        <v>48</v>
      </c>
    </row>
    <row r="45" spans="1:4" ht="18" customHeight="1" x14ac:dyDescent="0.15">
      <c r="A45" s="8">
        <v>33</v>
      </c>
      <c r="B45" s="21">
        <v>31</v>
      </c>
      <c r="C45" s="6">
        <v>35</v>
      </c>
      <c r="D45" s="5">
        <v>66</v>
      </c>
    </row>
    <row r="46" spans="1:4" ht="18" customHeight="1" x14ac:dyDescent="0.15">
      <c r="A46" s="8">
        <v>34</v>
      </c>
      <c r="B46" s="21">
        <v>28</v>
      </c>
      <c r="C46" s="6">
        <v>24</v>
      </c>
      <c r="D46" s="5">
        <v>52</v>
      </c>
    </row>
    <row r="47" spans="1:4" ht="18" customHeight="1" x14ac:dyDescent="0.15">
      <c r="A47" s="8" t="s">
        <v>18</v>
      </c>
      <c r="B47" s="21">
        <v>152</v>
      </c>
      <c r="C47" s="6">
        <v>118</v>
      </c>
      <c r="D47" s="5">
        <v>270</v>
      </c>
    </row>
    <row r="48" spans="1:4" ht="18" customHeight="1" x14ac:dyDescent="0.15">
      <c r="A48" s="8">
        <v>35</v>
      </c>
      <c r="B48" s="21">
        <v>27</v>
      </c>
      <c r="C48" s="6">
        <v>20</v>
      </c>
      <c r="D48" s="5">
        <v>47</v>
      </c>
    </row>
    <row r="49" spans="1:4" ht="18" customHeight="1" x14ac:dyDescent="0.15">
      <c r="A49" s="8">
        <v>36</v>
      </c>
      <c r="B49" s="21">
        <v>33</v>
      </c>
      <c r="C49" s="6">
        <v>27</v>
      </c>
      <c r="D49" s="5">
        <v>60</v>
      </c>
    </row>
    <row r="50" spans="1:4" ht="18" customHeight="1" x14ac:dyDescent="0.15">
      <c r="A50" s="8">
        <v>37</v>
      </c>
      <c r="B50" s="21">
        <v>39</v>
      </c>
      <c r="C50" s="6">
        <v>22</v>
      </c>
      <c r="D50" s="5">
        <v>61</v>
      </c>
    </row>
    <row r="51" spans="1:4" ht="18" customHeight="1" x14ac:dyDescent="0.15">
      <c r="A51" s="8">
        <v>38</v>
      </c>
      <c r="B51" s="21">
        <v>34</v>
      </c>
      <c r="C51" s="6">
        <v>28</v>
      </c>
      <c r="D51" s="5">
        <v>62</v>
      </c>
    </row>
    <row r="52" spans="1:4" ht="18" customHeight="1" x14ac:dyDescent="0.15">
      <c r="A52" s="8">
        <v>39</v>
      </c>
      <c r="B52" s="21">
        <v>29</v>
      </c>
      <c r="C52" s="6">
        <v>29</v>
      </c>
      <c r="D52" s="5">
        <v>58</v>
      </c>
    </row>
    <row r="53" spans="1:4" ht="18" customHeight="1" x14ac:dyDescent="0.15">
      <c r="A53" s="8" t="s">
        <v>17</v>
      </c>
      <c r="B53" s="21">
        <v>162</v>
      </c>
      <c r="C53" s="6">
        <v>126</v>
      </c>
      <c r="D53" s="5">
        <v>288</v>
      </c>
    </row>
    <row r="54" spans="1:4" ht="18" customHeight="1" x14ac:dyDescent="0.15">
      <c r="A54" s="8">
        <v>40</v>
      </c>
      <c r="B54" s="21">
        <v>28</v>
      </c>
      <c r="C54" s="6">
        <v>33</v>
      </c>
      <c r="D54" s="5">
        <v>61</v>
      </c>
    </row>
    <row r="55" spans="1:4" ht="18" customHeight="1" x14ac:dyDescent="0.15">
      <c r="A55" s="8">
        <v>41</v>
      </c>
      <c r="B55" s="21">
        <v>36</v>
      </c>
      <c r="C55" s="6">
        <v>37</v>
      </c>
      <c r="D55" s="5">
        <v>73</v>
      </c>
    </row>
    <row r="56" spans="1:4" ht="18" customHeight="1" x14ac:dyDescent="0.15">
      <c r="A56" s="8">
        <v>42</v>
      </c>
      <c r="B56" s="21">
        <v>35</v>
      </c>
      <c r="C56" s="6">
        <v>34</v>
      </c>
      <c r="D56" s="5">
        <v>69</v>
      </c>
    </row>
    <row r="57" spans="1:4" ht="18" customHeight="1" x14ac:dyDescent="0.15">
      <c r="A57" s="8">
        <v>43</v>
      </c>
      <c r="B57" s="21">
        <v>36</v>
      </c>
      <c r="C57" s="6">
        <v>38</v>
      </c>
      <c r="D57" s="5">
        <v>74</v>
      </c>
    </row>
    <row r="58" spans="1:4" ht="18" customHeight="1" x14ac:dyDescent="0.15">
      <c r="A58" s="8">
        <v>44</v>
      </c>
      <c r="B58" s="21">
        <v>36</v>
      </c>
      <c r="C58" s="6">
        <v>34</v>
      </c>
      <c r="D58" s="5">
        <v>70</v>
      </c>
    </row>
    <row r="59" spans="1:4" ht="18" customHeight="1" x14ac:dyDescent="0.15">
      <c r="A59" s="8" t="s">
        <v>16</v>
      </c>
      <c r="B59" s="21">
        <v>171</v>
      </c>
      <c r="C59" s="6">
        <v>176</v>
      </c>
      <c r="D59" s="5">
        <v>347</v>
      </c>
    </row>
    <row r="60" spans="1:4" ht="18" customHeight="1" x14ac:dyDescent="0.15">
      <c r="A60" s="8">
        <v>45</v>
      </c>
      <c r="B60" s="21">
        <v>45</v>
      </c>
      <c r="C60" s="6">
        <v>41</v>
      </c>
      <c r="D60" s="5">
        <v>86</v>
      </c>
    </row>
    <row r="61" spans="1:4" ht="18" customHeight="1" x14ac:dyDescent="0.15">
      <c r="A61" s="8">
        <v>46</v>
      </c>
      <c r="B61" s="21">
        <v>46</v>
      </c>
      <c r="C61" s="6">
        <v>48</v>
      </c>
      <c r="D61" s="5">
        <v>94</v>
      </c>
    </row>
    <row r="62" spans="1:4" ht="18" customHeight="1" x14ac:dyDescent="0.15">
      <c r="A62" s="8">
        <v>47</v>
      </c>
      <c r="B62" s="21">
        <v>34</v>
      </c>
      <c r="C62" s="6">
        <v>34</v>
      </c>
      <c r="D62" s="5">
        <v>68</v>
      </c>
    </row>
    <row r="63" spans="1:4" ht="18" customHeight="1" x14ac:dyDescent="0.15">
      <c r="A63" s="8">
        <v>48</v>
      </c>
      <c r="B63" s="21">
        <v>39</v>
      </c>
      <c r="C63" s="6">
        <v>48</v>
      </c>
      <c r="D63" s="5">
        <v>87</v>
      </c>
    </row>
    <row r="64" spans="1:4" ht="18" customHeight="1" x14ac:dyDescent="0.15">
      <c r="A64" s="8">
        <v>49</v>
      </c>
      <c r="B64" s="21">
        <v>50</v>
      </c>
      <c r="C64" s="6">
        <v>42</v>
      </c>
      <c r="D64" s="5">
        <v>92</v>
      </c>
    </row>
    <row r="65" spans="1:4" ht="18" customHeight="1" x14ac:dyDescent="0.15">
      <c r="A65" s="8" t="s">
        <v>15</v>
      </c>
      <c r="B65" s="21">
        <v>214</v>
      </c>
      <c r="C65" s="6">
        <v>213</v>
      </c>
      <c r="D65" s="5">
        <v>427</v>
      </c>
    </row>
    <row r="66" spans="1:4" ht="18" customHeight="1" x14ac:dyDescent="0.15">
      <c r="A66" s="8">
        <v>50</v>
      </c>
      <c r="B66" s="21">
        <v>48</v>
      </c>
      <c r="C66" s="6">
        <v>42</v>
      </c>
      <c r="D66" s="5">
        <v>90</v>
      </c>
    </row>
    <row r="67" spans="1:4" ht="18" customHeight="1" x14ac:dyDescent="0.15">
      <c r="A67" s="8">
        <v>51</v>
      </c>
      <c r="B67" s="21">
        <v>42</v>
      </c>
      <c r="C67" s="6">
        <v>43</v>
      </c>
      <c r="D67" s="5">
        <v>85</v>
      </c>
    </row>
    <row r="68" spans="1:4" ht="18" customHeight="1" x14ac:dyDescent="0.15">
      <c r="A68" s="8">
        <v>52</v>
      </c>
      <c r="B68" s="21">
        <v>52</v>
      </c>
      <c r="C68" s="6">
        <v>50</v>
      </c>
      <c r="D68" s="5">
        <v>102</v>
      </c>
    </row>
    <row r="69" spans="1:4" ht="18" customHeight="1" x14ac:dyDescent="0.15">
      <c r="A69" s="8">
        <v>53</v>
      </c>
      <c r="B69" s="21">
        <v>54</v>
      </c>
      <c r="C69" s="6">
        <v>62</v>
      </c>
      <c r="D69" s="5">
        <v>116</v>
      </c>
    </row>
    <row r="70" spans="1:4" ht="18" customHeight="1" x14ac:dyDescent="0.15">
      <c r="A70" s="8">
        <v>54</v>
      </c>
      <c r="B70" s="21">
        <v>49</v>
      </c>
      <c r="C70" s="6">
        <v>36</v>
      </c>
      <c r="D70" s="5">
        <v>85</v>
      </c>
    </row>
    <row r="71" spans="1:4" ht="18" customHeight="1" x14ac:dyDescent="0.15">
      <c r="A71" s="8" t="s">
        <v>14</v>
      </c>
      <c r="B71" s="21">
        <v>245</v>
      </c>
      <c r="C71" s="6">
        <v>233</v>
      </c>
      <c r="D71" s="5">
        <v>478</v>
      </c>
    </row>
    <row r="72" spans="1:4" ht="18" customHeight="1" x14ac:dyDescent="0.15">
      <c r="A72" s="8">
        <v>55</v>
      </c>
      <c r="B72" s="21">
        <v>66</v>
      </c>
      <c r="C72" s="6">
        <v>46</v>
      </c>
      <c r="D72" s="5">
        <v>112</v>
      </c>
    </row>
    <row r="73" spans="1:4" ht="18" customHeight="1" x14ac:dyDescent="0.15">
      <c r="A73" s="8">
        <v>56</v>
      </c>
      <c r="B73" s="21">
        <v>42</v>
      </c>
      <c r="C73" s="6">
        <v>50</v>
      </c>
      <c r="D73" s="5">
        <v>92</v>
      </c>
    </row>
    <row r="74" spans="1:4" ht="18" customHeight="1" x14ac:dyDescent="0.15">
      <c r="A74" s="8">
        <v>57</v>
      </c>
      <c r="B74" s="21">
        <v>48</v>
      </c>
      <c r="C74" s="6">
        <v>51</v>
      </c>
      <c r="D74" s="5">
        <v>99</v>
      </c>
    </row>
    <row r="75" spans="1:4" ht="18" customHeight="1" x14ac:dyDescent="0.15">
      <c r="A75" s="8">
        <v>58</v>
      </c>
      <c r="B75" s="21">
        <v>59</v>
      </c>
      <c r="C75" s="6">
        <v>51</v>
      </c>
      <c r="D75" s="5">
        <v>110</v>
      </c>
    </row>
    <row r="76" spans="1:4" ht="18" customHeight="1" x14ac:dyDescent="0.15">
      <c r="A76" s="8">
        <v>59</v>
      </c>
      <c r="B76" s="21">
        <v>32</v>
      </c>
      <c r="C76" s="6">
        <v>35</v>
      </c>
      <c r="D76" s="5">
        <v>67</v>
      </c>
    </row>
    <row r="77" spans="1:4" ht="18" customHeight="1" x14ac:dyDescent="0.15">
      <c r="A77" s="8" t="s">
        <v>13</v>
      </c>
      <c r="B77" s="21">
        <v>247</v>
      </c>
      <c r="C77" s="6">
        <v>233</v>
      </c>
      <c r="D77" s="5">
        <v>480</v>
      </c>
    </row>
    <row r="78" spans="1:4" ht="18" customHeight="1" x14ac:dyDescent="0.15">
      <c r="A78" s="8">
        <v>60</v>
      </c>
      <c r="B78" s="21">
        <v>51</v>
      </c>
      <c r="C78" s="6">
        <v>40</v>
      </c>
      <c r="D78" s="5">
        <v>91</v>
      </c>
    </row>
    <row r="79" spans="1:4" ht="18" customHeight="1" x14ac:dyDescent="0.15">
      <c r="A79" s="8">
        <v>61</v>
      </c>
      <c r="B79" s="21">
        <v>46</v>
      </c>
      <c r="C79" s="6">
        <v>41</v>
      </c>
      <c r="D79" s="5">
        <v>87</v>
      </c>
    </row>
    <row r="80" spans="1:4" ht="18" customHeight="1" x14ac:dyDescent="0.15">
      <c r="A80" s="8">
        <v>62</v>
      </c>
      <c r="B80" s="21">
        <v>41</v>
      </c>
      <c r="C80" s="6">
        <v>42</v>
      </c>
      <c r="D80" s="5">
        <v>83</v>
      </c>
    </row>
    <row r="81" spans="1:4" ht="18" customHeight="1" x14ac:dyDescent="0.15">
      <c r="A81" s="8">
        <v>63</v>
      </c>
      <c r="B81" s="21">
        <v>48</v>
      </c>
      <c r="C81" s="6">
        <v>39</v>
      </c>
      <c r="D81" s="5">
        <v>87</v>
      </c>
    </row>
    <row r="82" spans="1:4" ht="18" customHeight="1" x14ac:dyDescent="0.15">
      <c r="A82" s="8">
        <v>64</v>
      </c>
      <c r="B82" s="21">
        <v>41</v>
      </c>
      <c r="C82" s="6">
        <v>57</v>
      </c>
      <c r="D82" s="5">
        <v>98</v>
      </c>
    </row>
    <row r="83" spans="1:4" ht="18" customHeight="1" x14ac:dyDescent="0.15">
      <c r="A83" s="8" t="s">
        <v>12</v>
      </c>
      <c r="B83" s="21">
        <v>227</v>
      </c>
      <c r="C83" s="6">
        <v>219</v>
      </c>
      <c r="D83" s="5">
        <v>446</v>
      </c>
    </row>
    <row r="84" spans="1:4" ht="18" customHeight="1" x14ac:dyDescent="0.15">
      <c r="A84" s="8" t="s">
        <v>11</v>
      </c>
      <c r="B84" s="21">
        <v>1912</v>
      </c>
      <c r="C84" s="6">
        <v>1705</v>
      </c>
      <c r="D84" s="5">
        <v>3617</v>
      </c>
    </row>
    <row r="85" spans="1:4" ht="18" customHeight="1" x14ac:dyDescent="0.15">
      <c r="A85" s="8">
        <v>65</v>
      </c>
      <c r="B85" s="21">
        <v>48</v>
      </c>
      <c r="C85" s="6">
        <v>52</v>
      </c>
      <c r="D85" s="5">
        <v>100</v>
      </c>
    </row>
    <row r="86" spans="1:4" ht="18" customHeight="1" x14ac:dyDescent="0.15">
      <c r="A86" s="8">
        <v>66</v>
      </c>
      <c r="B86" s="21">
        <v>43</v>
      </c>
      <c r="C86" s="6">
        <v>35</v>
      </c>
      <c r="D86" s="5">
        <v>78</v>
      </c>
    </row>
    <row r="87" spans="1:4" ht="18" customHeight="1" x14ac:dyDescent="0.15">
      <c r="A87" s="8">
        <v>67</v>
      </c>
      <c r="B87" s="21">
        <v>42</v>
      </c>
      <c r="C87" s="6">
        <v>36</v>
      </c>
      <c r="D87" s="5">
        <v>78</v>
      </c>
    </row>
    <row r="88" spans="1:4" ht="18" customHeight="1" x14ac:dyDescent="0.15">
      <c r="A88" s="8">
        <v>68</v>
      </c>
      <c r="B88" s="21">
        <v>40</v>
      </c>
      <c r="C88" s="6">
        <v>49</v>
      </c>
      <c r="D88" s="5">
        <v>89</v>
      </c>
    </row>
    <row r="89" spans="1:4" ht="18" customHeight="1" x14ac:dyDescent="0.15">
      <c r="A89" s="8">
        <v>69</v>
      </c>
      <c r="B89" s="21">
        <v>50</v>
      </c>
      <c r="C89" s="6">
        <v>44</v>
      </c>
      <c r="D89" s="5">
        <v>94</v>
      </c>
    </row>
    <row r="90" spans="1:4" ht="18" customHeight="1" x14ac:dyDescent="0.15">
      <c r="A90" s="8" t="s">
        <v>10</v>
      </c>
      <c r="B90" s="21">
        <v>223</v>
      </c>
      <c r="C90" s="6">
        <v>216</v>
      </c>
      <c r="D90" s="5">
        <v>439</v>
      </c>
    </row>
    <row r="91" spans="1:4" ht="18" customHeight="1" x14ac:dyDescent="0.15">
      <c r="A91" s="8">
        <v>70</v>
      </c>
      <c r="B91" s="21">
        <v>48</v>
      </c>
      <c r="C91" s="6">
        <v>37</v>
      </c>
      <c r="D91" s="5">
        <v>85</v>
      </c>
    </row>
    <row r="92" spans="1:4" ht="18" customHeight="1" x14ac:dyDescent="0.15">
      <c r="A92" s="8">
        <v>71</v>
      </c>
      <c r="B92" s="21">
        <v>50</v>
      </c>
      <c r="C92" s="6">
        <v>62</v>
      </c>
      <c r="D92" s="5">
        <v>112</v>
      </c>
    </row>
    <row r="93" spans="1:4" ht="18" customHeight="1" x14ac:dyDescent="0.15">
      <c r="A93" s="8">
        <v>72</v>
      </c>
      <c r="B93" s="21">
        <v>53</v>
      </c>
      <c r="C93" s="6">
        <v>54</v>
      </c>
      <c r="D93" s="5">
        <v>107</v>
      </c>
    </row>
    <row r="94" spans="1:4" ht="18" customHeight="1" x14ac:dyDescent="0.15">
      <c r="A94" s="8">
        <v>73</v>
      </c>
      <c r="B94" s="21">
        <v>61</v>
      </c>
      <c r="C94" s="6">
        <v>46</v>
      </c>
      <c r="D94" s="5">
        <v>107</v>
      </c>
    </row>
    <row r="95" spans="1:4" ht="18" customHeight="1" x14ac:dyDescent="0.15">
      <c r="A95" s="8">
        <v>74</v>
      </c>
      <c r="B95" s="21">
        <v>42</v>
      </c>
      <c r="C95" s="6">
        <v>63</v>
      </c>
      <c r="D95" s="5">
        <v>105</v>
      </c>
    </row>
    <row r="96" spans="1:4" ht="18" customHeight="1" x14ac:dyDescent="0.15">
      <c r="A96" s="8" t="s">
        <v>9</v>
      </c>
      <c r="B96" s="21">
        <v>254</v>
      </c>
      <c r="C96" s="6">
        <v>262</v>
      </c>
      <c r="D96" s="5">
        <v>516</v>
      </c>
    </row>
    <row r="97" spans="1:4" ht="18" customHeight="1" x14ac:dyDescent="0.15">
      <c r="A97" s="8">
        <v>75</v>
      </c>
      <c r="B97" s="21">
        <v>66</v>
      </c>
      <c r="C97" s="6">
        <v>57</v>
      </c>
      <c r="D97" s="5">
        <v>123</v>
      </c>
    </row>
    <row r="98" spans="1:4" ht="18" customHeight="1" x14ac:dyDescent="0.15">
      <c r="A98" s="8">
        <v>76</v>
      </c>
      <c r="B98" s="21">
        <v>57</v>
      </c>
      <c r="C98" s="6">
        <v>49</v>
      </c>
      <c r="D98" s="5">
        <v>106</v>
      </c>
    </row>
    <row r="99" spans="1:4" ht="18" customHeight="1" x14ac:dyDescent="0.15">
      <c r="A99" s="8">
        <v>77</v>
      </c>
      <c r="B99" s="21">
        <v>63</v>
      </c>
      <c r="C99" s="6">
        <v>65</v>
      </c>
      <c r="D99" s="5">
        <v>128</v>
      </c>
    </row>
    <row r="100" spans="1:4" ht="18" customHeight="1" x14ac:dyDescent="0.15">
      <c r="A100" s="8">
        <v>78</v>
      </c>
      <c r="B100" s="21">
        <v>58</v>
      </c>
      <c r="C100" s="6">
        <v>59</v>
      </c>
      <c r="D100" s="5">
        <v>117</v>
      </c>
    </row>
    <row r="101" spans="1:4" ht="18" customHeight="1" x14ac:dyDescent="0.15">
      <c r="A101" s="8">
        <v>79</v>
      </c>
      <c r="B101" s="21">
        <v>30</v>
      </c>
      <c r="C101" s="6">
        <v>34</v>
      </c>
      <c r="D101" s="5">
        <v>64</v>
      </c>
    </row>
    <row r="102" spans="1:4" ht="18" customHeight="1" x14ac:dyDescent="0.15">
      <c r="A102" s="8" t="s">
        <v>8</v>
      </c>
      <c r="B102" s="21">
        <v>274</v>
      </c>
      <c r="C102" s="6">
        <v>264</v>
      </c>
      <c r="D102" s="5">
        <v>538</v>
      </c>
    </row>
    <row r="103" spans="1:4" ht="18" customHeight="1" x14ac:dyDescent="0.15">
      <c r="A103" s="8">
        <v>80</v>
      </c>
      <c r="B103" s="21">
        <v>29</v>
      </c>
      <c r="C103" s="6">
        <v>30</v>
      </c>
      <c r="D103" s="5">
        <v>59</v>
      </c>
    </row>
    <row r="104" spans="1:4" ht="18" customHeight="1" x14ac:dyDescent="0.15">
      <c r="A104" s="8">
        <v>81</v>
      </c>
      <c r="B104" s="21">
        <v>34</v>
      </c>
      <c r="C104" s="6">
        <v>47</v>
      </c>
      <c r="D104" s="5">
        <v>81</v>
      </c>
    </row>
    <row r="105" spans="1:4" ht="18" customHeight="1" x14ac:dyDescent="0.15">
      <c r="A105" s="8">
        <v>82</v>
      </c>
      <c r="B105" s="21">
        <v>31</v>
      </c>
      <c r="C105" s="6">
        <v>39</v>
      </c>
      <c r="D105" s="5">
        <v>70</v>
      </c>
    </row>
    <row r="106" spans="1:4" ht="18" customHeight="1" x14ac:dyDescent="0.15">
      <c r="A106" s="8">
        <v>83</v>
      </c>
      <c r="B106" s="21">
        <v>37</v>
      </c>
      <c r="C106" s="6">
        <v>49</v>
      </c>
      <c r="D106" s="5">
        <v>86</v>
      </c>
    </row>
    <row r="107" spans="1:4" ht="18" customHeight="1" x14ac:dyDescent="0.15">
      <c r="A107" s="8">
        <v>84</v>
      </c>
      <c r="B107" s="21">
        <v>28</v>
      </c>
      <c r="C107" s="6">
        <v>36</v>
      </c>
      <c r="D107" s="5">
        <v>64</v>
      </c>
    </row>
    <row r="108" spans="1:4" ht="18" customHeight="1" x14ac:dyDescent="0.15">
      <c r="A108" s="8" t="s">
        <v>7</v>
      </c>
      <c r="B108" s="21">
        <v>159</v>
      </c>
      <c r="C108" s="6">
        <v>201</v>
      </c>
      <c r="D108" s="5">
        <v>360</v>
      </c>
    </row>
    <row r="109" spans="1:4" ht="18" customHeight="1" x14ac:dyDescent="0.15">
      <c r="A109" s="8">
        <v>85</v>
      </c>
      <c r="B109" s="21">
        <v>14</v>
      </c>
      <c r="C109" s="6">
        <v>34</v>
      </c>
      <c r="D109" s="5">
        <v>48</v>
      </c>
    </row>
    <row r="110" spans="1:4" ht="18" customHeight="1" x14ac:dyDescent="0.15">
      <c r="A110" s="8">
        <v>86</v>
      </c>
      <c r="B110" s="21">
        <v>16</v>
      </c>
      <c r="C110" s="6">
        <v>22</v>
      </c>
      <c r="D110" s="5">
        <v>38</v>
      </c>
    </row>
    <row r="111" spans="1:4" ht="18" customHeight="1" x14ac:dyDescent="0.15">
      <c r="A111" s="8">
        <v>87</v>
      </c>
      <c r="B111" s="21">
        <v>13</v>
      </c>
      <c r="C111" s="6">
        <v>18</v>
      </c>
      <c r="D111" s="5">
        <v>31</v>
      </c>
    </row>
    <row r="112" spans="1:4" ht="18" customHeight="1" x14ac:dyDescent="0.15">
      <c r="A112" s="8">
        <v>88</v>
      </c>
      <c r="B112" s="21">
        <v>17</v>
      </c>
      <c r="C112" s="6">
        <v>33</v>
      </c>
      <c r="D112" s="5">
        <v>50</v>
      </c>
    </row>
    <row r="113" spans="1:4" ht="18" customHeight="1" x14ac:dyDescent="0.15">
      <c r="A113" s="8">
        <v>89</v>
      </c>
      <c r="B113" s="21">
        <v>18</v>
      </c>
      <c r="C113" s="6">
        <v>30</v>
      </c>
      <c r="D113" s="5">
        <v>48</v>
      </c>
    </row>
    <row r="114" spans="1:4" ht="18" customHeight="1" x14ac:dyDescent="0.15">
      <c r="A114" s="8" t="s">
        <v>6</v>
      </c>
      <c r="B114" s="21">
        <v>78</v>
      </c>
      <c r="C114" s="6">
        <v>137</v>
      </c>
      <c r="D114" s="5">
        <v>215</v>
      </c>
    </row>
    <row r="115" spans="1:4" ht="18" customHeight="1" x14ac:dyDescent="0.15">
      <c r="A115" s="8">
        <v>90</v>
      </c>
      <c r="B115" s="21">
        <v>10</v>
      </c>
      <c r="C115" s="6">
        <v>17</v>
      </c>
      <c r="D115" s="5">
        <v>27</v>
      </c>
    </row>
    <row r="116" spans="1:4" ht="18" customHeight="1" x14ac:dyDescent="0.15">
      <c r="A116" s="8">
        <v>91</v>
      </c>
      <c r="B116" s="21">
        <v>10</v>
      </c>
      <c r="C116" s="6">
        <v>24</v>
      </c>
      <c r="D116" s="5">
        <v>34</v>
      </c>
    </row>
    <row r="117" spans="1:4" ht="18" customHeight="1" x14ac:dyDescent="0.15">
      <c r="A117" s="8">
        <v>92</v>
      </c>
      <c r="B117" s="21">
        <v>6</v>
      </c>
      <c r="C117" s="6">
        <v>17</v>
      </c>
      <c r="D117" s="5">
        <v>23</v>
      </c>
    </row>
    <row r="118" spans="1:4" ht="18" customHeight="1" x14ac:dyDescent="0.15">
      <c r="A118" s="8">
        <v>93</v>
      </c>
      <c r="B118" s="21">
        <v>6</v>
      </c>
      <c r="C118" s="6">
        <v>10</v>
      </c>
      <c r="D118" s="5">
        <v>16</v>
      </c>
    </row>
    <row r="119" spans="1:4" ht="18" customHeight="1" x14ac:dyDescent="0.15">
      <c r="A119" s="8">
        <v>94</v>
      </c>
      <c r="B119" s="21">
        <v>0</v>
      </c>
      <c r="C119" s="6">
        <v>12</v>
      </c>
      <c r="D119" s="5">
        <v>12</v>
      </c>
    </row>
    <row r="120" spans="1:4" ht="18" customHeight="1" x14ac:dyDescent="0.15">
      <c r="A120" s="8" t="s">
        <v>5</v>
      </c>
      <c r="B120" s="21">
        <v>32</v>
      </c>
      <c r="C120" s="6">
        <v>80</v>
      </c>
      <c r="D120" s="5">
        <v>112</v>
      </c>
    </row>
    <row r="121" spans="1:4" ht="18" customHeight="1" x14ac:dyDescent="0.15">
      <c r="A121" s="8">
        <v>95</v>
      </c>
      <c r="B121" s="21">
        <v>5</v>
      </c>
      <c r="C121" s="6">
        <v>17</v>
      </c>
      <c r="D121" s="5">
        <v>22</v>
      </c>
    </row>
    <row r="122" spans="1:4" ht="18" customHeight="1" x14ac:dyDescent="0.15">
      <c r="A122" s="8">
        <v>96</v>
      </c>
      <c r="B122" s="21">
        <v>3</v>
      </c>
      <c r="C122" s="6">
        <v>6</v>
      </c>
      <c r="D122" s="5">
        <v>9</v>
      </c>
    </row>
    <row r="123" spans="1:4" ht="18" customHeight="1" x14ac:dyDescent="0.15">
      <c r="A123" s="8">
        <v>97</v>
      </c>
      <c r="B123" s="21">
        <v>1</v>
      </c>
      <c r="C123" s="6">
        <v>6</v>
      </c>
      <c r="D123" s="5">
        <v>7</v>
      </c>
    </row>
    <row r="124" spans="1:4" ht="18" customHeight="1" x14ac:dyDescent="0.15">
      <c r="A124" s="8">
        <v>98</v>
      </c>
      <c r="B124" s="21">
        <v>2</v>
      </c>
      <c r="C124" s="6">
        <v>5</v>
      </c>
      <c r="D124" s="5">
        <v>7</v>
      </c>
    </row>
    <row r="125" spans="1:4" ht="18" customHeight="1" x14ac:dyDescent="0.15">
      <c r="A125" s="8">
        <v>99</v>
      </c>
      <c r="B125" s="21">
        <v>2</v>
      </c>
      <c r="C125" s="6">
        <v>5</v>
      </c>
      <c r="D125" s="5">
        <v>7</v>
      </c>
    </row>
    <row r="126" spans="1:4" ht="18" customHeight="1" x14ac:dyDescent="0.15">
      <c r="A126" s="8" t="s">
        <v>4</v>
      </c>
      <c r="B126" s="21">
        <v>13</v>
      </c>
      <c r="C126" s="6">
        <v>39</v>
      </c>
      <c r="D126" s="5">
        <v>52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033</v>
      </c>
      <c r="C130" s="6">
        <v>1201</v>
      </c>
      <c r="D130" s="5">
        <v>2234</v>
      </c>
    </row>
    <row r="131" spans="1:4" ht="18" customHeight="1" x14ac:dyDescent="0.15">
      <c r="A131" s="4" t="s">
        <v>0</v>
      </c>
      <c r="B131" s="20">
        <v>3215</v>
      </c>
      <c r="C131" s="2">
        <v>3191</v>
      </c>
      <c r="D131" s="1">
        <v>640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6E26F5-0F1B-43FB-989E-2338A167FAA7}">
  <sheetPr codeName="Sheet7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3</v>
      </c>
      <c r="C5" s="31">
        <v>12</v>
      </c>
      <c r="D5" s="30">
        <v>25</v>
      </c>
    </row>
    <row r="6" spans="1:4" ht="18" customHeight="1" x14ac:dyDescent="0.15">
      <c r="A6" s="8">
        <v>1</v>
      </c>
      <c r="B6" s="26">
        <v>14</v>
      </c>
      <c r="C6" s="6">
        <v>10</v>
      </c>
      <c r="D6" s="5">
        <v>24</v>
      </c>
    </row>
    <row r="7" spans="1:4" ht="18" customHeight="1" x14ac:dyDescent="0.15">
      <c r="A7" s="8">
        <v>2</v>
      </c>
      <c r="B7" s="26">
        <v>15</v>
      </c>
      <c r="C7" s="6">
        <v>11</v>
      </c>
      <c r="D7" s="5">
        <v>26</v>
      </c>
    </row>
    <row r="8" spans="1:4" ht="18" customHeight="1" x14ac:dyDescent="0.15">
      <c r="A8" s="8">
        <v>3</v>
      </c>
      <c r="B8" s="26">
        <v>11</v>
      </c>
      <c r="C8" s="6">
        <v>12</v>
      </c>
      <c r="D8" s="5">
        <v>23</v>
      </c>
    </row>
    <row r="9" spans="1:4" ht="18" customHeight="1" x14ac:dyDescent="0.15">
      <c r="A9" s="8">
        <v>4</v>
      </c>
      <c r="B9" s="29">
        <v>19</v>
      </c>
      <c r="C9" s="28">
        <v>18</v>
      </c>
      <c r="D9" s="27">
        <v>37</v>
      </c>
    </row>
    <row r="10" spans="1:4" ht="18" customHeight="1" x14ac:dyDescent="0.15">
      <c r="A10" s="8" t="s">
        <v>25</v>
      </c>
      <c r="B10" s="21">
        <v>72</v>
      </c>
      <c r="C10" s="6">
        <v>63</v>
      </c>
      <c r="D10" s="5">
        <v>135</v>
      </c>
    </row>
    <row r="11" spans="1:4" ht="18" customHeight="1" x14ac:dyDescent="0.15">
      <c r="A11" s="8">
        <v>5</v>
      </c>
      <c r="B11" s="26">
        <v>17</v>
      </c>
      <c r="C11" s="6">
        <v>23</v>
      </c>
      <c r="D11" s="5">
        <v>40</v>
      </c>
    </row>
    <row r="12" spans="1:4" ht="18" customHeight="1" x14ac:dyDescent="0.15">
      <c r="A12" s="8">
        <v>6</v>
      </c>
      <c r="B12" s="26">
        <v>21</v>
      </c>
      <c r="C12" s="6">
        <v>19</v>
      </c>
      <c r="D12" s="5">
        <v>40</v>
      </c>
    </row>
    <row r="13" spans="1:4" ht="18" customHeight="1" x14ac:dyDescent="0.15">
      <c r="A13" s="8">
        <v>7</v>
      </c>
      <c r="B13" s="26">
        <v>16</v>
      </c>
      <c r="C13" s="6">
        <v>22</v>
      </c>
      <c r="D13" s="5">
        <v>38</v>
      </c>
    </row>
    <row r="14" spans="1:4" ht="18" customHeight="1" x14ac:dyDescent="0.15">
      <c r="A14" s="8">
        <v>8</v>
      </c>
      <c r="B14" s="26">
        <v>27</v>
      </c>
      <c r="C14" s="6">
        <v>34</v>
      </c>
      <c r="D14" s="5">
        <v>61</v>
      </c>
    </row>
    <row r="15" spans="1:4" ht="18" customHeight="1" x14ac:dyDescent="0.15">
      <c r="A15" s="8">
        <v>9</v>
      </c>
      <c r="B15" s="26">
        <v>24</v>
      </c>
      <c r="C15" s="6">
        <v>24</v>
      </c>
      <c r="D15" s="5">
        <v>48</v>
      </c>
    </row>
    <row r="16" spans="1:4" ht="18" customHeight="1" x14ac:dyDescent="0.15">
      <c r="A16" s="8" t="s">
        <v>24</v>
      </c>
      <c r="B16" s="21">
        <v>105</v>
      </c>
      <c r="C16" s="6">
        <v>122</v>
      </c>
      <c r="D16" s="5">
        <v>227</v>
      </c>
    </row>
    <row r="17" spans="1:4" ht="18" customHeight="1" x14ac:dyDescent="0.15">
      <c r="A17" s="8">
        <v>10</v>
      </c>
      <c r="B17" s="21">
        <v>26</v>
      </c>
      <c r="C17" s="6">
        <v>20</v>
      </c>
      <c r="D17" s="5">
        <v>46</v>
      </c>
    </row>
    <row r="18" spans="1:4" ht="18" customHeight="1" x14ac:dyDescent="0.15">
      <c r="A18" s="8">
        <v>11</v>
      </c>
      <c r="B18" s="21">
        <v>28</v>
      </c>
      <c r="C18" s="6">
        <v>19</v>
      </c>
      <c r="D18" s="5">
        <v>47</v>
      </c>
    </row>
    <row r="19" spans="1:4" ht="18" customHeight="1" x14ac:dyDescent="0.15">
      <c r="A19" s="8">
        <v>12</v>
      </c>
      <c r="B19" s="21">
        <v>24</v>
      </c>
      <c r="C19" s="6">
        <v>22</v>
      </c>
      <c r="D19" s="5">
        <v>46</v>
      </c>
    </row>
    <row r="20" spans="1:4" ht="18" customHeight="1" x14ac:dyDescent="0.15">
      <c r="A20" s="8">
        <v>13</v>
      </c>
      <c r="B20" s="21">
        <v>23</v>
      </c>
      <c r="C20" s="6">
        <v>19</v>
      </c>
      <c r="D20" s="5">
        <v>42</v>
      </c>
    </row>
    <row r="21" spans="1:4" ht="18" customHeight="1" x14ac:dyDescent="0.15">
      <c r="A21" s="8">
        <v>14</v>
      </c>
      <c r="B21" s="21">
        <v>34</v>
      </c>
      <c r="C21" s="6">
        <v>23</v>
      </c>
      <c r="D21" s="5">
        <v>57</v>
      </c>
    </row>
    <row r="22" spans="1:4" ht="18" customHeight="1" x14ac:dyDescent="0.15">
      <c r="A22" s="8" t="s">
        <v>23</v>
      </c>
      <c r="B22" s="21">
        <v>135</v>
      </c>
      <c r="C22" s="6">
        <v>103</v>
      </c>
      <c r="D22" s="5">
        <v>238</v>
      </c>
    </row>
    <row r="23" spans="1:4" ht="18" customHeight="1" x14ac:dyDescent="0.15">
      <c r="A23" s="8" t="s">
        <v>22</v>
      </c>
      <c r="B23" s="21">
        <v>312</v>
      </c>
      <c r="C23" s="6">
        <v>288</v>
      </c>
      <c r="D23" s="5">
        <v>600</v>
      </c>
    </row>
    <row r="24" spans="1:4" ht="18" customHeight="1" x14ac:dyDescent="0.15">
      <c r="A24" s="8">
        <v>15</v>
      </c>
      <c r="B24" s="21">
        <v>24</v>
      </c>
      <c r="C24" s="6">
        <v>43</v>
      </c>
      <c r="D24" s="5">
        <v>67</v>
      </c>
    </row>
    <row r="25" spans="1:4" ht="18" customHeight="1" x14ac:dyDescent="0.15">
      <c r="A25" s="8">
        <v>16</v>
      </c>
      <c r="B25" s="21">
        <v>32</v>
      </c>
      <c r="C25" s="6">
        <v>31</v>
      </c>
      <c r="D25" s="5">
        <v>63</v>
      </c>
    </row>
    <row r="26" spans="1:4" ht="18" customHeight="1" x14ac:dyDescent="0.15">
      <c r="A26" s="8">
        <v>17</v>
      </c>
      <c r="B26" s="21">
        <v>32</v>
      </c>
      <c r="C26" s="6">
        <v>39</v>
      </c>
      <c r="D26" s="5">
        <v>71</v>
      </c>
    </row>
    <row r="27" spans="1:4" ht="18" customHeight="1" x14ac:dyDescent="0.15">
      <c r="A27" s="8">
        <v>18</v>
      </c>
      <c r="B27" s="21">
        <v>34</v>
      </c>
      <c r="C27" s="6">
        <v>27</v>
      </c>
      <c r="D27" s="5">
        <v>61</v>
      </c>
    </row>
    <row r="28" spans="1:4" ht="18" customHeight="1" x14ac:dyDescent="0.15">
      <c r="A28" s="8">
        <v>19</v>
      </c>
      <c r="B28" s="21">
        <v>29</v>
      </c>
      <c r="C28" s="6">
        <v>38</v>
      </c>
      <c r="D28" s="5">
        <v>67</v>
      </c>
    </row>
    <row r="29" spans="1:4" ht="18" customHeight="1" x14ac:dyDescent="0.15">
      <c r="A29" s="8" t="s">
        <v>21</v>
      </c>
      <c r="B29" s="21">
        <v>151</v>
      </c>
      <c r="C29" s="6">
        <v>178</v>
      </c>
      <c r="D29" s="5">
        <v>329</v>
      </c>
    </row>
    <row r="30" spans="1:4" ht="18" customHeight="1" x14ac:dyDescent="0.15">
      <c r="A30" s="8">
        <v>20</v>
      </c>
      <c r="B30" s="21">
        <v>29</v>
      </c>
      <c r="C30" s="6">
        <v>40</v>
      </c>
      <c r="D30" s="5">
        <v>69</v>
      </c>
    </row>
    <row r="31" spans="1:4" ht="18" customHeight="1" x14ac:dyDescent="0.15">
      <c r="A31" s="8">
        <v>21</v>
      </c>
      <c r="B31" s="21">
        <v>36</v>
      </c>
      <c r="C31" s="6">
        <v>36</v>
      </c>
      <c r="D31" s="5">
        <v>72</v>
      </c>
    </row>
    <row r="32" spans="1:4" ht="18" customHeight="1" x14ac:dyDescent="0.15">
      <c r="A32" s="8">
        <v>22</v>
      </c>
      <c r="B32" s="21">
        <v>27</v>
      </c>
      <c r="C32" s="6">
        <v>45</v>
      </c>
      <c r="D32" s="5">
        <v>72</v>
      </c>
    </row>
    <row r="33" spans="1:4" ht="18" customHeight="1" x14ac:dyDescent="0.15">
      <c r="A33" s="8">
        <v>23</v>
      </c>
      <c r="B33" s="21">
        <v>40</v>
      </c>
      <c r="C33" s="6">
        <v>30</v>
      </c>
      <c r="D33" s="5">
        <v>70</v>
      </c>
    </row>
    <row r="34" spans="1:4" ht="18" customHeight="1" x14ac:dyDescent="0.15">
      <c r="A34" s="8">
        <v>24</v>
      </c>
      <c r="B34" s="21">
        <v>34</v>
      </c>
      <c r="C34" s="6">
        <v>31</v>
      </c>
      <c r="D34" s="5">
        <v>65</v>
      </c>
    </row>
    <row r="35" spans="1:4" ht="18" customHeight="1" x14ac:dyDescent="0.15">
      <c r="A35" s="8" t="s">
        <v>20</v>
      </c>
      <c r="B35" s="21">
        <v>166</v>
      </c>
      <c r="C35" s="6">
        <v>182</v>
      </c>
      <c r="D35" s="5">
        <v>348</v>
      </c>
    </row>
    <row r="36" spans="1:4" ht="18" customHeight="1" x14ac:dyDescent="0.15">
      <c r="A36" s="8">
        <v>25</v>
      </c>
      <c r="B36" s="21">
        <v>36</v>
      </c>
      <c r="C36" s="6">
        <v>30</v>
      </c>
      <c r="D36" s="5">
        <v>66</v>
      </c>
    </row>
    <row r="37" spans="1:4" ht="18" customHeight="1" x14ac:dyDescent="0.15">
      <c r="A37" s="8">
        <v>26</v>
      </c>
      <c r="B37" s="21">
        <v>27</v>
      </c>
      <c r="C37" s="6">
        <v>38</v>
      </c>
      <c r="D37" s="5">
        <v>65</v>
      </c>
    </row>
    <row r="38" spans="1:4" ht="18" customHeight="1" x14ac:dyDescent="0.15">
      <c r="A38" s="8">
        <v>27</v>
      </c>
      <c r="B38" s="21">
        <v>33</v>
      </c>
      <c r="C38" s="6">
        <v>26</v>
      </c>
      <c r="D38" s="5">
        <v>59</v>
      </c>
    </row>
    <row r="39" spans="1:4" ht="18" customHeight="1" x14ac:dyDescent="0.15">
      <c r="A39" s="8">
        <v>28</v>
      </c>
      <c r="B39" s="21">
        <v>25</v>
      </c>
      <c r="C39" s="6">
        <v>24</v>
      </c>
      <c r="D39" s="5">
        <v>49</v>
      </c>
    </row>
    <row r="40" spans="1:4" ht="18" customHeight="1" x14ac:dyDescent="0.15">
      <c r="A40" s="8">
        <v>29</v>
      </c>
      <c r="B40" s="21">
        <v>36</v>
      </c>
      <c r="C40" s="6">
        <v>23</v>
      </c>
      <c r="D40" s="5">
        <v>59</v>
      </c>
    </row>
    <row r="41" spans="1:4" ht="18" customHeight="1" x14ac:dyDescent="0.15">
      <c r="A41" s="8" t="s">
        <v>19</v>
      </c>
      <c r="B41" s="21">
        <v>157</v>
      </c>
      <c r="C41" s="6">
        <v>141</v>
      </c>
      <c r="D41" s="5">
        <v>298</v>
      </c>
    </row>
    <row r="42" spans="1:4" ht="18" customHeight="1" x14ac:dyDescent="0.15">
      <c r="A42" s="8">
        <v>30</v>
      </c>
      <c r="B42" s="21">
        <v>16</v>
      </c>
      <c r="C42" s="6">
        <v>26</v>
      </c>
      <c r="D42" s="5">
        <v>42</v>
      </c>
    </row>
    <row r="43" spans="1:4" ht="18" customHeight="1" x14ac:dyDescent="0.15">
      <c r="A43" s="8">
        <v>31</v>
      </c>
      <c r="B43" s="21">
        <v>30</v>
      </c>
      <c r="C43" s="6">
        <v>17</v>
      </c>
      <c r="D43" s="5">
        <v>47</v>
      </c>
    </row>
    <row r="44" spans="1:4" ht="18" customHeight="1" x14ac:dyDescent="0.15">
      <c r="A44" s="8">
        <v>32</v>
      </c>
      <c r="B44" s="21">
        <v>16</v>
      </c>
      <c r="C44" s="6">
        <v>16</v>
      </c>
      <c r="D44" s="5">
        <v>32</v>
      </c>
    </row>
    <row r="45" spans="1:4" ht="18" customHeight="1" x14ac:dyDescent="0.15">
      <c r="A45" s="8">
        <v>33</v>
      </c>
      <c r="B45" s="21">
        <v>28</v>
      </c>
      <c r="C45" s="6">
        <v>23</v>
      </c>
      <c r="D45" s="5">
        <v>51</v>
      </c>
    </row>
    <row r="46" spans="1:4" ht="18" customHeight="1" x14ac:dyDescent="0.15">
      <c r="A46" s="8">
        <v>34</v>
      </c>
      <c r="B46" s="21">
        <v>19</v>
      </c>
      <c r="C46" s="6">
        <v>16</v>
      </c>
      <c r="D46" s="5">
        <v>35</v>
      </c>
    </row>
    <row r="47" spans="1:4" ht="18" customHeight="1" x14ac:dyDescent="0.15">
      <c r="A47" s="8" t="s">
        <v>18</v>
      </c>
      <c r="B47" s="21">
        <v>109</v>
      </c>
      <c r="C47" s="6">
        <v>98</v>
      </c>
      <c r="D47" s="5">
        <v>207</v>
      </c>
    </row>
    <row r="48" spans="1:4" ht="18" customHeight="1" x14ac:dyDescent="0.15">
      <c r="A48" s="8">
        <v>35</v>
      </c>
      <c r="B48" s="21">
        <v>19</v>
      </c>
      <c r="C48" s="6">
        <v>20</v>
      </c>
      <c r="D48" s="5">
        <v>39</v>
      </c>
    </row>
    <row r="49" spans="1:4" ht="18" customHeight="1" x14ac:dyDescent="0.15">
      <c r="A49" s="8">
        <v>36</v>
      </c>
      <c r="B49" s="21">
        <v>27</v>
      </c>
      <c r="C49" s="6">
        <v>29</v>
      </c>
      <c r="D49" s="5">
        <v>56</v>
      </c>
    </row>
    <row r="50" spans="1:4" ht="18" customHeight="1" x14ac:dyDescent="0.15">
      <c r="A50" s="8">
        <v>37</v>
      </c>
      <c r="B50" s="21">
        <v>28</v>
      </c>
      <c r="C50" s="6">
        <v>28</v>
      </c>
      <c r="D50" s="5">
        <v>56</v>
      </c>
    </row>
    <row r="51" spans="1:4" ht="18" customHeight="1" x14ac:dyDescent="0.15">
      <c r="A51" s="8">
        <v>38</v>
      </c>
      <c r="B51" s="21">
        <v>29</v>
      </c>
      <c r="C51" s="6">
        <v>27</v>
      </c>
      <c r="D51" s="5">
        <v>56</v>
      </c>
    </row>
    <row r="52" spans="1:4" ht="18" customHeight="1" x14ac:dyDescent="0.15">
      <c r="A52" s="8">
        <v>39</v>
      </c>
      <c r="B52" s="21">
        <v>23</v>
      </c>
      <c r="C52" s="6">
        <v>28</v>
      </c>
      <c r="D52" s="5">
        <v>51</v>
      </c>
    </row>
    <row r="53" spans="1:4" ht="18" customHeight="1" x14ac:dyDescent="0.15">
      <c r="A53" s="8" t="s">
        <v>17</v>
      </c>
      <c r="B53" s="21">
        <v>126</v>
      </c>
      <c r="C53" s="6">
        <v>132</v>
      </c>
      <c r="D53" s="5">
        <v>258</v>
      </c>
    </row>
    <row r="54" spans="1:4" ht="18" customHeight="1" x14ac:dyDescent="0.15">
      <c r="A54" s="8">
        <v>40</v>
      </c>
      <c r="B54" s="21">
        <v>34</v>
      </c>
      <c r="C54" s="6">
        <v>25</v>
      </c>
      <c r="D54" s="5">
        <v>59</v>
      </c>
    </row>
    <row r="55" spans="1:4" ht="18" customHeight="1" x14ac:dyDescent="0.15">
      <c r="A55" s="8">
        <v>41</v>
      </c>
      <c r="B55" s="21">
        <v>24</v>
      </c>
      <c r="C55" s="6">
        <v>32</v>
      </c>
      <c r="D55" s="5">
        <v>56</v>
      </c>
    </row>
    <row r="56" spans="1:4" ht="18" customHeight="1" x14ac:dyDescent="0.15">
      <c r="A56" s="8">
        <v>42</v>
      </c>
      <c r="B56" s="21">
        <v>30</v>
      </c>
      <c r="C56" s="6">
        <v>34</v>
      </c>
      <c r="D56" s="5">
        <v>64</v>
      </c>
    </row>
    <row r="57" spans="1:4" ht="18" customHeight="1" x14ac:dyDescent="0.15">
      <c r="A57" s="8">
        <v>43</v>
      </c>
      <c r="B57" s="21">
        <v>44</v>
      </c>
      <c r="C57" s="6">
        <v>42</v>
      </c>
      <c r="D57" s="5">
        <v>86</v>
      </c>
    </row>
    <row r="58" spans="1:4" ht="18" customHeight="1" x14ac:dyDescent="0.15">
      <c r="A58" s="8">
        <v>44</v>
      </c>
      <c r="B58" s="21">
        <v>53</v>
      </c>
      <c r="C58" s="6">
        <v>41</v>
      </c>
      <c r="D58" s="5">
        <v>94</v>
      </c>
    </row>
    <row r="59" spans="1:4" ht="18" customHeight="1" x14ac:dyDescent="0.15">
      <c r="A59" s="8" t="s">
        <v>16</v>
      </c>
      <c r="B59" s="21">
        <v>185</v>
      </c>
      <c r="C59" s="6">
        <v>174</v>
      </c>
      <c r="D59" s="5">
        <v>359</v>
      </c>
    </row>
    <row r="60" spans="1:4" ht="18" customHeight="1" x14ac:dyDescent="0.15">
      <c r="A60" s="8">
        <v>45</v>
      </c>
      <c r="B60" s="21">
        <v>39</v>
      </c>
      <c r="C60" s="6">
        <v>28</v>
      </c>
      <c r="D60" s="5">
        <v>67</v>
      </c>
    </row>
    <row r="61" spans="1:4" ht="18" customHeight="1" x14ac:dyDescent="0.15">
      <c r="A61" s="8">
        <v>46</v>
      </c>
      <c r="B61" s="21">
        <v>48</v>
      </c>
      <c r="C61" s="6">
        <v>43</v>
      </c>
      <c r="D61" s="5">
        <v>91</v>
      </c>
    </row>
    <row r="62" spans="1:4" ht="18" customHeight="1" x14ac:dyDescent="0.15">
      <c r="A62" s="8">
        <v>47</v>
      </c>
      <c r="B62" s="21">
        <v>41</v>
      </c>
      <c r="C62" s="6">
        <v>49</v>
      </c>
      <c r="D62" s="5">
        <v>90</v>
      </c>
    </row>
    <row r="63" spans="1:4" ht="18" customHeight="1" x14ac:dyDescent="0.15">
      <c r="A63" s="8">
        <v>48</v>
      </c>
      <c r="B63" s="21">
        <v>53</v>
      </c>
      <c r="C63" s="6">
        <v>38</v>
      </c>
      <c r="D63" s="5">
        <v>91</v>
      </c>
    </row>
    <row r="64" spans="1:4" ht="18" customHeight="1" x14ac:dyDescent="0.15">
      <c r="A64" s="8">
        <v>49</v>
      </c>
      <c r="B64" s="21">
        <v>52</v>
      </c>
      <c r="C64" s="6">
        <v>50</v>
      </c>
      <c r="D64" s="5">
        <v>102</v>
      </c>
    </row>
    <row r="65" spans="1:4" ht="18" customHeight="1" x14ac:dyDescent="0.15">
      <c r="A65" s="8" t="s">
        <v>15</v>
      </c>
      <c r="B65" s="21">
        <v>233</v>
      </c>
      <c r="C65" s="6">
        <v>208</v>
      </c>
      <c r="D65" s="5">
        <v>441</v>
      </c>
    </row>
    <row r="66" spans="1:4" ht="18" customHeight="1" x14ac:dyDescent="0.15">
      <c r="A66" s="8">
        <v>50</v>
      </c>
      <c r="B66" s="21">
        <v>61</v>
      </c>
      <c r="C66" s="6">
        <v>67</v>
      </c>
      <c r="D66" s="5">
        <v>128</v>
      </c>
    </row>
    <row r="67" spans="1:4" ht="18" customHeight="1" x14ac:dyDescent="0.15">
      <c r="A67" s="8">
        <v>51</v>
      </c>
      <c r="B67" s="21">
        <v>52</v>
      </c>
      <c r="C67" s="6">
        <v>52</v>
      </c>
      <c r="D67" s="5">
        <v>104</v>
      </c>
    </row>
    <row r="68" spans="1:4" ht="18" customHeight="1" x14ac:dyDescent="0.15">
      <c r="A68" s="8">
        <v>52</v>
      </c>
      <c r="B68" s="21">
        <v>64</v>
      </c>
      <c r="C68" s="6">
        <v>54</v>
      </c>
      <c r="D68" s="5">
        <v>118</v>
      </c>
    </row>
    <row r="69" spans="1:4" ht="18" customHeight="1" x14ac:dyDescent="0.15">
      <c r="A69" s="8">
        <v>53</v>
      </c>
      <c r="B69" s="21">
        <v>53</v>
      </c>
      <c r="C69" s="6">
        <v>47</v>
      </c>
      <c r="D69" s="5">
        <v>100</v>
      </c>
    </row>
    <row r="70" spans="1:4" ht="18" customHeight="1" x14ac:dyDescent="0.15">
      <c r="A70" s="8">
        <v>54</v>
      </c>
      <c r="B70" s="21">
        <v>58</v>
      </c>
      <c r="C70" s="6">
        <v>59</v>
      </c>
      <c r="D70" s="5">
        <v>117</v>
      </c>
    </row>
    <row r="71" spans="1:4" ht="18" customHeight="1" x14ac:dyDescent="0.15">
      <c r="A71" s="8" t="s">
        <v>14</v>
      </c>
      <c r="B71" s="21">
        <v>288</v>
      </c>
      <c r="C71" s="6">
        <v>279</v>
      </c>
      <c r="D71" s="5">
        <v>567</v>
      </c>
    </row>
    <row r="72" spans="1:4" ht="18" customHeight="1" x14ac:dyDescent="0.15">
      <c r="A72" s="8">
        <v>55</v>
      </c>
      <c r="B72" s="21">
        <v>47</v>
      </c>
      <c r="C72" s="6">
        <v>52</v>
      </c>
      <c r="D72" s="5">
        <v>99</v>
      </c>
    </row>
    <row r="73" spans="1:4" ht="18" customHeight="1" x14ac:dyDescent="0.15">
      <c r="A73" s="8">
        <v>56</v>
      </c>
      <c r="B73" s="21">
        <v>46</v>
      </c>
      <c r="C73" s="6">
        <v>41</v>
      </c>
      <c r="D73" s="5">
        <v>87</v>
      </c>
    </row>
    <row r="74" spans="1:4" ht="18" customHeight="1" x14ac:dyDescent="0.15">
      <c r="A74" s="8">
        <v>57</v>
      </c>
      <c r="B74" s="21">
        <v>33</v>
      </c>
      <c r="C74" s="6">
        <v>45</v>
      </c>
      <c r="D74" s="5">
        <v>78</v>
      </c>
    </row>
    <row r="75" spans="1:4" ht="18" customHeight="1" x14ac:dyDescent="0.15">
      <c r="A75" s="8">
        <v>58</v>
      </c>
      <c r="B75" s="21">
        <v>41</v>
      </c>
      <c r="C75" s="6">
        <v>42</v>
      </c>
      <c r="D75" s="5">
        <v>83</v>
      </c>
    </row>
    <row r="76" spans="1:4" ht="18" customHeight="1" x14ac:dyDescent="0.15">
      <c r="A76" s="8">
        <v>59</v>
      </c>
      <c r="B76" s="21">
        <v>27</v>
      </c>
      <c r="C76" s="6">
        <v>27</v>
      </c>
      <c r="D76" s="5">
        <v>54</v>
      </c>
    </row>
    <row r="77" spans="1:4" ht="18" customHeight="1" x14ac:dyDescent="0.15">
      <c r="A77" s="8" t="s">
        <v>13</v>
      </c>
      <c r="B77" s="21">
        <v>194</v>
      </c>
      <c r="C77" s="6">
        <v>207</v>
      </c>
      <c r="D77" s="5">
        <v>401</v>
      </c>
    </row>
    <row r="78" spans="1:4" ht="18" customHeight="1" x14ac:dyDescent="0.15">
      <c r="A78" s="8">
        <v>60</v>
      </c>
      <c r="B78" s="21">
        <v>50</v>
      </c>
      <c r="C78" s="6">
        <v>31</v>
      </c>
      <c r="D78" s="5">
        <v>81</v>
      </c>
    </row>
    <row r="79" spans="1:4" ht="18" customHeight="1" x14ac:dyDescent="0.15">
      <c r="A79" s="8">
        <v>61</v>
      </c>
      <c r="B79" s="21">
        <v>46</v>
      </c>
      <c r="C79" s="6">
        <v>42</v>
      </c>
      <c r="D79" s="5">
        <v>88</v>
      </c>
    </row>
    <row r="80" spans="1:4" ht="18" customHeight="1" x14ac:dyDescent="0.15">
      <c r="A80" s="8">
        <v>62</v>
      </c>
      <c r="B80" s="21">
        <v>42</v>
      </c>
      <c r="C80" s="6">
        <v>49</v>
      </c>
      <c r="D80" s="5">
        <v>91</v>
      </c>
    </row>
    <row r="81" spans="1:4" ht="18" customHeight="1" x14ac:dyDescent="0.15">
      <c r="A81" s="8">
        <v>63</v>
      </c>
      <c r="B81" s="21">
        <v>41</v>
      </c>
      <c r="C81" s="6">
        <v>35</v>
      </c>
      <c r="D81" s="5">
        <v>76</v>
      </c>
    </row>
    <row r="82" spans="1:4" ht="18" customHeight="1" x14ac:dyDescent="0.15">
      <c r="A82" s="8">
        <v>64</v>
      </c>
      <c r="B82" s="21">
        <v>39</v>
      </c>
      <c r="C82" s="6">
        <v>32</v>
      </c>
      <c r="D82" s="5">
        <v>71</v>
      </c>
    </row>
    <row r="83" spans="1:4" ht="18" customHeight="1" x14ac:dyDescent="0.15">
      <c r="A83" s="8" t="s">
        <v>12</v>
      </c>
      <c r="B83" s="21">
        <v>218</v>
      </c>
      <c r="C83" s="6">
        <v>189</v>
      </c>
      <c r="D83" s="5">
        <v>407</v>
      </c>
    </row>
    <row r="84" spans="1:4" ht="18" customHeight="1" x14ac:dyDescent="0.15">
      <c r="A84" s="8" t="s">
        <v>11</v>
      </c>
      <c r="B84" s="21">
        <v>1827</v>
      </c>
      <c r="C84" s="6">
        <v>1788</v>
      </c>
      <c r="D84" s="5">
        <v>3615</v>
      </c>
    </row>
    <row r="85" spans="1:4" ht="18" customHeight="1" x14ac:dyDescent="0.15">
      <c r="A85" s="8">
        <v>65</v>
      </c>
      <c r="B85" s="21">
        <v>46</v>
      </c>
      <c r="C85" s="6">
        <v>36</v>
      </c>
      <c r="D85" s="5">
        <v>82</v>
      </c>
    </row>
    <row r="86" spans="1:4" ht="18" customHeight="1" x14ac:dyDescent="0.15">
      <c r="A86" s="8">
        <v>66</v>
      </c>
      <c r="B86" s="21">
        <v>34</v>
      </c>
      <c r="C86" s="6">
        <v>41</v>
      </c>
      <c r="D86" s="5">
        <v>75</v>
      </c>
    </row>
    <row r="87" spans="1:4" ht="18" customHeight="1" x14ac:dyDescent="0.15">
      <c r="A87" s="8">
        <v>67</v>
      </c>
      <c r="B87" s="21">
        <v>38</v>
      </c>
      <c r="C87" s="6">
        <v>39</v>
      </c>
      <c r="D87" s="5">
        <v>77</v>
      </c>
    </row>
    <row r="88" spans="1:4" ht="18" customHeight="1" x14ac:dyDescent="0.15">
      <c r="A88" s="8">
        <v>68</v>
      </c>
      <c r="B88" s="21">
        <v>43</v>
      </c>
      <c r="C88" s="6">
        <v>43</v>
      </c>
      <c r="D88" s="5">
        <v>86</v>
      </c>
    </row>
    <row r="89" spans="1:4" ht="18" customHeight="1" x14ac:dyDescent="0.15">
      <c r="A89" s="8">
        <v>69</v>
      </c>
      <c r="B89" s="21">
        <v>37</v>
      </c>
      <c r="C89" s="6">
        <v>43</v>
      </c>
      <c r="D89" s="5">
        <v>80</v>
      </c>
    </row>
    <row r="90" spans="1:4" ht="18" customHeight="1" x14ac:dyDescent="0.15">
      <c r="A90" s="8" t="s">
        <v>10</v>
      </c>
      <c r="B90" s="21">
        <v>198</v>
      </c>
      <c r="C90" s="6">
        <v>202</v>
      </c>
      <c r="D90" s="5">
        <v>400</v>
      </c>
    </row>
    <row r="91" spans="1:4" ht="18" customHeight="1" x14ac:dyDescent="0.15">
      <c r="A91" s="8">
        <v>70</v>
      </c>
      <c r="B91" s="21">
        <v>46</v>
      </c>
      <c r="C91" s="6">
        <v>55</v>
      </c>
      <c r="D91" s="5">
        <v>101</v>
      </c>
    </row>
    <row r="92" spans="1:4" ht="18" customHeight="1" x14ac:dyDescent="0.15">
      <c r="A92" s="8">
        <v>71</v>
      </c>
      <c r="B92" s="21">
        <v>49</v>
      </c>
      <c r="C92" s="6">
        <v>41</v>
      </c>
      <c r="D92" s="5">
        <v>90</v>
      </c>
    </row>
    <row r="93" spans="1:4" ht="18" customHeight="1" x14ac:dyDescent="0.15">
      <c r="A93" s="8">
        <v>72</v>
      </c>
      <c r="B93" s="21">
        <v>52</v>
      </c>
      <c r="C93" s="6">
        <v>46</v>
      </c>
      <c r="D93" s="5">
        <v>98</v>
      </c>
    </row>
    <row r="94" spans="1:4" ht="18" customHeight="1" x14ac:dyDescent="0.15">
      <c r="A94" s="8">
        <v>73</v>
      </c>
      <c r="B94" s="21">
        <v>41</v>
      </c>
      <c r="C94" s="6">
        <v>57</v>
      </c>
      <c r="D94" s="5">
        <v>98</v>
      </c>
    </row>
    <row r="95" spans="1:4" ht="18" customHeight="1" x14ac:dyDescent="0.15">
      <c r="A95" s="8">
        <v>74</v>
      </c>
      <c r="B95" s="21">
        <v>47</v>
      </c>
      <c r="C95" s="6">
        <v>70</v>
      </c>
      <c r="D95" s="5">
        <v>117</v>
      </c>
    </row>
    <row r="96" spans="1:4" ht="18" customHeight="1" x14ac:dyDescent="0.15">
      <c r="A96" s="8" t="s">
        <v>9</v>
      </c>
      <c r="B96" s="21">
        <v>235</v>
      </c>
      <c r="C96" s="6">
        <v>269</v>
      </c>
      <c r="D96" s="5">
        <v>504</v>
      </c>
    </row>
    <row r="97" spans="1:4" ht="18" customHeight="1" x14ac:dyDescent="0.15">
      <c r="A97" s="8">
        <v>75</v>
      </c>
      <c r="B97" s="21">
        <v>54</v>
      </c>
      <c r="C97" s="6">
        <v>70</v>
      </c>
      <c r="D97" s="5">
        <v>124</v>
      </c>
    </row>
    <row r="98" spans="1:4" ht="18" customHeight="1" x14ac:dyDescent="0.15">
      <c r="A98" s="8">
        <v>76</v>
      </c>
      <c r="B98" s="21">
        <v>71</v>
      </c>
      <c r="C98" s="6">
        <v>79</v>
      </c>
      <c r="D98" s="5">
        <v>150</v>
      </c>
    </row>
    <row r="99" spans="1:4" ht="18" customHeight="1" x14ac:dyDescent="0.15">
      <c r="A99" s="8">
        <v>77</v>
      </c>
      <c r="B99" s="21">
        <v>74</v>
      </c>
      <c r="C99" s="6">
        <v>51</v>
      </c>
      <c r="D99" s="5">
        <v>125</v>
      </c>
    </row>
    <row r="100" spans="1:4" ht="18" customHeight="1" x14ac:dyDescent="0.15">
      <c r="A100" s="8">
        <v>78</v>
      </c>
      <c r="B100" s="21">
        <v>55</v>
      </c>
      <c r="C100" s="6">
        <v>69</v>
      </c>
      <c r="D100" s="5">
        <v>124</v>
      </c>
    </row>
    <row r="101" spans="1:4" ht="18" customHeight="1" x14ac:dyDescent="0.15">
      <c r="A101" s="8">
        <v>79</v>
      </c>
      <c r="B101" s="21">
        <v>24</v>
      </c>
      <c r="C101" s="6">
        <v>43</v>
      </c>
      <c r="D101" s="5">
        <v>67</v>
      </c>
    </row>
    <row r="102" spans="1:4" ht="18" customHeight="1" x14ac:dyDescent="0.15">
      <c r="A102" s="8" t="s">
        <v>8</v>
      </c>
      <c r="B102" s="21">
        <v>278</v>
      </c>
      <c r="C102" s="6">
        <v>312</v>
      </c>
      <c r="D102" s="5">
        <v>590</v>
      </c>
    </row>
    <row r="103" spans="1:4" ht="18" customHeight="1" x14ac:dyDescent="0.15">
      <c r="A103" s="8">
        <v>80</v>
      </c>
      <c r="B103" s="21">
        <v>22</v>
      </c>
      <c r="C103" s="6">
        <v>23</v>
      </c>
      <c r="D103" s="5">
        <v>45</v>
      </c>
    </row>
    <row r="104" spans="1:4" ht="18" customHeight="1" x14ac:dyDescent="0.15">
      <c r="A104" s="8">
        <v>81</v>
      </c>
      <c r="B104" s="21">
        <v>41</v>
      </c>
      <c r="C104" s="6">
        <v>34</v>
      </c>
      <c r="D104" s="5">
        <v>75</v>
      </c>
    </row>
    <row r="105" spans="1:4" ht="18" customHeight="1" x14ac:dyDescent="0.15">
      <c r="A105" s="8">
        <v>82</v>
      </c>
      <c r="B105" s="21">
        <v>34</v>
      </c>
      <c r="C105" s="6">
        <v>27</v>
      </c>
      <c r="D105" s="5">
        <v>61</v>
      </c>
    </row>
    <row r="106" spans="1:4" ht="18" customHeight="1" x14ac:dyDescent="0.15">
      <c r="A106" s="8">
        <v>83</v>
      </c>
      <c r="B106" s="21">
        <v>25</v>
      </c>
      <c r="C106" s="6">
        <v>31</v>
      </c>
      <c r="D106" s="5">
        <v>56</v>
      </c>
    </row>
    <row r="107" spans="1:4" ht="18" customHeight="1" x14ac:dyDescent="0.15">
      <c r="A107" s="8">
        <v>84</v>
      </c>
      <c r="B107" s="21">
        <v>31</v>
      </c>
      <c r="C107" s="6">
        <v>33</v>
      </c>
      <c r="D107" s="5">
        <v>64</v>
      </c>
    </row>
    <row r="108" spans="1:4" ht="18" customHeight="1" x14ac:dyDescent="0.15">
      <c r="A108" s="8" t="s">
        <v>7</v>
      </c>
      <c r="B108" s="21">
        <v>153</v>
      </c>
      <c r="C108" s="6">
        <v>148</v>
      </c>
      <c r="D108" s="5">
        <v>301</v>
      </c>
    </row>
    <row r="109" spans="1:4" ht="18" customHeight="1" x14ac:dyDescent="0.15">
      <c r="A109" s="8">
        <v>85</v>
      </c>
      <c r="B109" s="21">
        <v>19</v>
      </c>
      <c r="C109" s="6">
        <v>23</v>
      </c>
      <c r="D109" s="5">
        <v>42</v>
      </c>
    </row>
    <row r="110" spans="1:4" ht="18" customHeight="1" x14ac:dyDescent="0.15">
      <c r="A110" s="8">
        <v>86</v>
      </c>
      <c r="B110" s="21">
        <v>17</v>
      </c>
      <c r="C110" s="6">
        <v>35</v>
      </c>
      <c r="D110" s="5">
        <v>52</v>
      </c>
    </row>
    <row r="111" spans="1:4" ht="18" customHeight="1" x14ac:dyDescent="0.15">
      <c r="A111" s="8">
        <v>87</v>
      </c>
      <c r="B111" s="21">
        <v>14</v>
      </c>
      <c r="C111" s="6">
        <v>27</v>
      </c>
      <c r="D111" s="5">
        <v>41</v>
      </c>
    </row>
    <row r="112" spans="1:4" ht="18" customHeight="1" x14ac:dyDescent="0.15">
      <c r="A112" s="8">
        <v>88</v>
      </c>
      <c r="B112" s="21">
        <v>14</v>
      </c>
      <c r="C112" s="6">
        <v>32</v>
      </c>
      <c r="D112" s="5">
        <v>46</v>
      </c>
    </row>
    <row r="113" spans="1:4" ht="18" customHeight="1" x14ac:dyDescent="0.15">
      <c r="A113" s="8">
        <v>89</v>
      </c>
      <c r="B113" s="21">
        <v>16</v>
      </c>
      <c r="C113" s="6">
        <v>23</v>
      </c>
      <c r="D113" s="5">
        <v>39</v>
      </c>
    </row>
    <row r="114" spans="1:4" ht="18" customHeight="1" x14ac:dyDescent="0.15">
      <c r="A114" s="8" t="s">
        <v>6</v>
      </c>
      <c r="B114" s="21">
        <v>80</v>
      </c>
      <c r="C114" s="6">
        <v>140</v>
      </c>
      <c r="D114" s="5">
        <v>220</v>
      </c>
    </row>
    <row r="115" spans="1:4" ht="18" customHeight="1" x14ac:dyDescent="0.15">
      <c r="A115" s="8">
        <v>90</v>
      </c>
      <c r="B115" s="21">
        <v>13</v>
      </c>
      <c r="C115" s="6">
        <v>24</v>
      </c>
      <c r="D115" s="5">
        <v>37</v>
      </c>
    </row>
    <row r="116" spans="1:4" ht="18" customHeight="1" x14ac:dyDescent="0.15">
      <c r="A116" s="8">
        <v>91</v>
      </c>
      <c r="B116" s="21">
        <v>7</v>
      </c>
      <c r="C116" s="6">
        <v>28</v>
      </c>
      <c r="D116" s="5">
        <v>35</v>
      </c>
    </row>
    <row r="117" spans="1:4" ht="18" customHeight="1" x14ac:dyDescent="0.15">
      <c r="A117" s="8">
        <v>92</v>
      </c>
      <c r="B117" s="21">
        <v>5</v>
      </c>
      <c r="C117" s="6">
        <v>22</v>
      </c>
      <c r="D117" s="5">
        <v>27</v>
      </c>
    </row>
    <row r="118" spans="1:4" ht="18" customHeight="1" x14ac:dyDescent="0.15">
      <c r="A118" s="8">
        <v>93</v>
      </c>
      <c r="B118" s="21">
        <v>6</v>
      </c>
      <c r="C118" s="6">
        <v>25</v>
      </c>
      <c r="D118" s="5">
        <v>31</v>
      </c>
    </row>
    <row r="119" spans="1:4" ht="18" customHeight="1" x14ac:dyDescent="0.15">
      <c r="A119" s="8">
        <v>94</v>
      </c>
      <c r="B119" s="21">
        <v>6</v>
      </c>
      <c r="C119" s="6">
        <v>11</v>
      </c>
      <c r="D119" s="5">
        <v>17</v>
      </c>
    </row>
    <row r="120" spans="1:4" ht="18" customHeight="1" x14ac:dyDescent="0.15">
      <c r="A120" s="8" t="s">
        <v>5</v>
      </c>
      <c r="B120" s="21">
        <v>37</v>
      </c>
      <c r="C120" s="6">
        <v>110</v>
      </c>
      <c r="D120" s="5">
        <v>147</v>
      </c>
    </row>
    <row r="121" spans="1:4" ht="18" customHeight="1" x14ac:dyDescent="0.15">
      <c r="A121" s="8">
        <v>95</v>
      </c>
      <c r="B121" s="21">
        <v>4</v>
      </c>
      <c r="C121" s="6">
        <v>9</v>
      </c>
      <c r="D121" s="5">
        <v>13</v>
      </c>
    </row>
    <row r="122" spans="1:4" ht="18" customHeight="1" x14ac:dyDescent="0.15">
      <c r="A122" s="8">
        <v>96</v>
      </c>
      <c r="B122" s="21">
        <v>2</v>
      </c>
      <c r="C122" s="6">
        <v>12</v>
      </c>
      <c r="D122" s="5">
        <v>14</v>
      </c>
    </row>
    <row r="123" spans="1:4" ht="18" customHeight="1" x14ac:dyDescent="0.15">
      <c r="A123" s="8">
        <v>97</v>
      </c>
      <c r="B123" s="21">
        <v>3</v>
      </c>
      <c r="C123" s="6">
        <v>6</v>
      </c>
      <c r="D123" s="5">
        <v>9</v>
      </c>
    </row>
    <row r="124" spans="1:4" ht="18" customHeight="1" x14ac:dyDescent="0.15">
      <c r="A124" s="8">
        <v>98</v>
      </c>
      <c r="B124" s="21">
        <v>1</v>
      </c>
      <c r="C124" s="6">
        <v>1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0</v>
      </c>
      <c r="C126" s="6">
        <v>29</v>
      </c>
      <c r="D126" s="5">
        <v>39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991</v>
      </c>
      <c r="C130" s="6">
        <v>1214</v>
      </c>
      <c r="D130" s="5">
        <v>2205</v>
      </c>
    </row>
    <row r="131" spans="1:4" ht="18" customHeight="1" x14ac:dyDescent="0.15">
      <c r="A131" s="4" t="s">
        <v>0</v>
      </c>
      <c r="B131" s="20">
        <v>3130</v>
      </c>
      <c r="C131" s="2">
        <v>3290</v>
      </c>
      <c r="D131" s="1">
        <v>642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91F4A7-CBFA-43A3-9E9F-FB514D63AD4D}">
  <sheetPr codeName="Sheet7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</v>
      </c>
      <c r="C5" s="31">
        <v>0</v>
      </c>
      <c r="D5" s="30">
        <v>2</v>
      </c>
    </row>
    <row r="6" spans="1:4" ht="18" customHeight="1" x14ac:dyDescent="0.15">
      <c r="A6" s="8">
        <v>1</v>
      </c>
      <c r="B6" s="26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6">
        <v>1</v>
      </c>
      <c r="C7" s="6">
        <v>0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1</v>
      </c>
      <c r="D8" s="5">
        <v>1</v>
      </c>
    </row>
    <row r="9" spans="1:4" ht="18" customHeight="1" x14ac:dyDescent="0.15">
      <c r="A9" s="8">
        <v>4</v>
      </c>
      <c r="B9" s="29">
        <v>1</v>
      </c>
      <c r="C9" s="28">
        <v>1</v>
      </c>
      <c r="D9" s="27">
        <v>2</v>
      </c>
    </row>
    <row r="10" spans="1:4" ht="18" customHeight="1" x14ac:dyDescent="0.15">
      <c r="A10" s="8" t="s">
        <v>25</v>
      </c>
      <c r="B10" s="21">
        <v>4</v>
      </c>
      <c r="C10" s="6">
        <v>3</v>
      </c>
      <c r="D10" s="5">
        <v>7</v>
      </c>
    </row>
    <row r="11" spans="1:4" ht="18" customHeight="1" x14ac:dyDescent="0.15">
      <c r="A11" s="8">
        <v>5</v>
      </c>
      <c r="B11" s="26">
        <v>2</v>
      </c>
      <c r="C11" s="6">
        <v>0</v>
      </c>
      <c r="D11" s="5">
        <v>2</v>
      </c>
    </row>
    <row r="12" spans="1:4" ht="18" customHeight="1" x14ac:dyDescent="0.15">
      <c r="A12" s="8">
        <v>6</v>
      </c>
      <c r="B12" s="26">
        <v>1</v>
      </c>
      <c r="C12" s="6">
        <v>1</v>
      </c>
      <c r="D12" s="5">
        <v>2</v>
      </c>
    </row>
    <row r="13" spans="1:4" ht="18" customHeight="1" x14ac:dyDescent="0.15">
      <c r="A13" s="8">
        <v>7</v>
      </c>
      <c r="B13" s="26">
        <v>0</v>
      </c>
      <c r="C13" s="6">
        <v>5</v>
      </c>
      <c r="D13" s="5">
        <v>5</v>
      </c>
    </row>
    <row r="14" spans="1:4" ht="18" customHeight="1" x14ac:dyDescent="0.15">
      <c r="A14" s="8">
        <v>8</v>
      </c>
      <c r="B14" s="26">
        <v>3</v>
      </c>
      <c r="C14" s="6">
        <v>0</v>
      </c>
      <c r="D14" s="5">
        <v>3</v>
      </c>
    </row>
    <row r="15" spans="1:4" ht="18" customHeight="1" x14ac:dyDescent="0.15">
      <c r="A15" s="8">
        <v>9</v>
      </c>
      <c r="B15" s="26">
        <v>1</v>
      </c>
      <c r="C15" s="6">
        <v>4</v>
      </c>
      <c r="D15" s="5">
        <v>5</v>
      </c>
    </row>
    <row r="16" spans="1:4" ht="18" customHeight="1" x14ac:dyDescent="0.15">
      <c r="A16" s="8" t="s">
        <v>24</v>
      </c>
      <c r="B16" s="21">
        <v>7</v>
      </c>
      <c r="C16" s="6">
        <v>10</v>
      </c>
      <c r="D16" s="5">
        <v>17</v>
      </c>
    </row>
    <row r="17" spans="1:4" ht="18" customHeight="1" x14ac:dyDescent="0.15">
      <c r="A17" s="8">
        <v>10</v>
      </c>
      <c r="B17" s="21">
        <v>2</v>
      </c>
      <c r="C17" s="6">
        <v>3</v>
      </c>
      <c r="D17" s="5">
        <v>5</v>
      </c>
    </row>
    <row r="18" spans="1:4" ht="18" customHeight="1" x14ac:dyDescent="0.15">
      <c r="A18" s="8">
        <v>11</v>
      </c>
      <c r="B18" s="21">
        <v>1</v>
      </c>
      <c r="C18" s="6">
        <v>4</v>
      </c>
      <c r="D18" s="5">
        <v>5</v>
      </c>
    </row>
    <row r="19" spans="1:4" ht="18" customHeight="1" x14ac:dyDescent="0.15">
      <c r="A19" s="8">
        <v>12</v>
      </c>
      <c r="B19" s="21">
        <v>3</v>
      </c>
      <c r="C19" s="6">
        <v>4</v>
      </c>
      <c r="D19" s="5">
        <v>7</v>
      </c>
    </row>
    <row r="20" spans="1:4" ht="18" customHeight="1" x14ac:dyDescent="0.15">
      <c r="A20" s="8">
        <v>13</v>
      </c>
      <c r="B20" s="21">
        <v>1</v>
      </c>
      <c r="C20" s="6">
        <v>1</v>
      </c>
      <c r="D20" s="5">
        <v>2</v>
      </c>
    </row>
    <row r="21" spans="1:4" ht="18" customHeight="1" x14ac:dyDescent="0.15">
      <c r="A21" s="8">
        <v>14</v>
      </c>
      <c r="B21" s="21">
        <v>0</v>
      </c>
      <c r="C21" s="6">
        <v>5</v>
      </c>
      <c r="D21" s="5">
        <v>5</v>
      </c>
    </row>
    <row r="22" spans="1:4" ht="18" customHeight="1" x14ac:dyDescent="0.15">
      <c r="A22" s="8" t="s">
        <v>23</v>
      </c>
      <c r="B22" s="21">
        <v>7</v>
      </c>
      <c r="C22" s="6">
        <v>17</v>
      </c>
      <c r="D22" s="5">
        <v>24</v>
      </c>
    </row>
    <row r="23" spans="1:4" ht="18" customHeight="1" x14ac:dyDescent="0.15">
      <c r="A23" s="8" t="s">
        <v>22</v>
      </c>
      <c r="B23" s="21">
        <v>18</v>
      </c>
      <c r="C23" s="6">
        <v>30</v>
      </c>
      <c r="D23" s="5">
        <v>48</v>
      </c>
    </row>
    <row r="24" spans="1:4" ht="18" customHeight="1" x14ac:dyDescent="0.15">
      <c r="A24" s="8">
        <v>15</v>
      </c>
      <c r="B24" s="21">
        <v>1</v>
      </c>
      <c r="C24" s="6">
        <v>4</v>
      </c>
      <c r="D24" s="5">
        <v>5</v>
      </c>
    </row>
    <row r="25" spans="1:4" ht="18" customHeight="1" x14ac:dyDescent="0.15">
      <c r="A25" s="8">
        <v>16</v>
      </c>
      <c r="B25" s="21">
        <v>3</v>
      </c>
      <c r="C25" s="6">
        <v>1</v>
      </c>
      <c r="D25" s="5">
        <v>4</v>
      </c>
    </row>
    <row r="26" spans="1:4" ht="18" customHeight="1" x14ac:dyDescent="0.15">
      <c r="A26" s="8">
        <v>17</v>
      </c>
      <c r="B26" s="21">
        <v>4</v>
      </c>
      <c r="C26" s="6">
        <v>3</v>
      </c>
      <c r="D26" s="5">
        <v>7</v>
      </c>
    </row>
    <row r="27" spans="1:4" ht="18" customHeight="1" x14ac:dyDescent="0.15">
      <c r="A27" s="8">
        <v>18</v>
      </c>
      <c r="B27" s="21">
        <v>2</v>
      </c>
      <c r="C27" s="6">
        <v>3</v>
      </c>
      <c r="D27" s="5">
        <v>5</v>
      </c>
    </row>
    <row r="28" spans="1:4" ht="18" customHeight="1" x14ac:dyDescent="0.15">
      <c r="A28" s="8">
        <v>19</v>
      </c>
      <c r="B28" s="21">
        <v>2</v>
      </c>
      <c r="C28" s="6">
        <v>1</v>
      </c>
      <c r="D28" s="5">
        <v>3</v>
      </c>
    </row>
    <row r="29" spans="1:4" ht="18" customHeight="1" x14ac:dyDescent="0.15">
      <c r="A29" s="8" t="s">
        <v>21</v>
      </c>
      <c r="B29" s="21">
        <v>12</v>
      </c>
      <c r="C29" s="6">
        <v>12</v>
      </c>
      <c r="D29" s="5">
        <v>24</v>
      </c>
    </row>
    <row r="30" spans="1:4" ht="18" customHeight="1" x14ac:dyDescent="0.15">
      <c r="A30" s="8">
        <v>20</v>
      </c>
      <c r="B30" s="21">
        <v>6</v>
      </c>
      <c r="C30" s="6">
        <v>2</v>
      </c>
      <c r="D30" s="5">
        <v>8</v>
      </c>
    </row>
    <row r="31" spans="1:4" ht="18" customHeight="1" x14ac:dyDescent="0.15">
      <c r="A31" s="8">
        <v>21</v>
      </c>
      <c r="B31" s="21">
        <v>4</v>
      </c>
      <c r="C31" s="6">
        <v>2</v>
      </c>
      <c r="D31" s="5">
        <v>6</v>
      </c>
    </row>
    <row r="32" spans="1:4" ht="18" customHeight="1" x14ac:dyDescent="0.15">
      <c r="A32" s="8">
        <v>22</v>
      </c>
      <c r="B32" s="21">
        <v>3</v>
      </c>
      <c r="C32" s="6">
        <v>3</v>
      </c>
      <c r="D32" s="5">
        <v>6</v>
      </c>
    </row>
    <row r="33" spans="1:4" ht="18" customHeight="1" x14ac:dyDescent="0.15">
      <c r="A33" s="8">
        <v>23</v>
      </c>
      <c r="B33" s="21">
        <v>2</v>
      </c>
      <c r="C33" s="6">
        <v>5</v>
      </c>
      <c r="D33" s="5">
        <v>7</v>
      </c>
    </row>
    <row r="34" spans="1:4" ht="18" customHeight="1" x14ac:dyDescent="0.15">
      <c r="A34" s="8">
        <v>24</v>
      </c>
      <c r="B34" s="21">
        <v>8</v>
      </c>
      <c r="C34" s="6">
        <v>1</v>
      </c>
      <c r="D34" s="5">
        <v>9</v>
      </c>
    </row>
    <row r="35" spans="1:4" ht="18" customHeight="1" x14ac:dyDescent="0.15">
      <c r="A35" s="8" t="s">
        <v>20</v>
      </c>
      <c r="B35" s="21">
        <v>23</v>
      </c>
      <c r="C35" s="6">
        <v>13</v>
      </c>
      <c r="D35" s="5">
        <v>36</v>
      </c>
    </row>
    <row r="36" spans="1:4" ht="18" customHeight="1" x14ac:dyDescent="0.15">
      <c r="A36" s="8">
        <v>25</v>
      </c>
      <c r="B36" s="21">
        <v>2</v>
      </c>
      <c r="C36" s="6">
        <v>3</v>
      </c>
      <c r="D36" s="5">
        <v>5</v>
      </c>
    </row>
    <row r="37" spans="1:4" ht="18" customHeight="1" x14ac:dyDescent="0.15">
      <c r="A37" s="8">
        <v>26</v>
      </c>
      <c r="B37" s="21">
        <v>2</v>
      </c>
      <c r="C37" s="6">
        <v>1</v>
      </c>
      <c r="D37" s="5">
        <v>3</v>
      </c>
    </row>
    <row r="38" spans="1:4" ht="18" customHeight="1" x14ac:dyDescent="0.15">
      <c r="A38" s="8">
        <v>27</v>
      </c>
      <c r="B38" s="21">
        <v>1</v>
      </c>
      <c r="C38" s="6">
        <v>1</v>
      </c>
      <c r="D38" s="5">
        <v>2</v>
      </c>
    </row>
    <row r="39" spans="1:4" ht="18" customHeight="1" x14ac:dyDescent="0.15">
      <c r="A39" s="8">
        <v>28</v>
      </c>
      <c r="B39" s="21">
        <v>1</v>
      </c>
      <c r="C39" s="6">
        <v>1</v>
      </c>
      <c r="D39" s="5">
        <v>2</v>
      </c>
    </row>
    <row r="40" spans="1:4" ht="18" customHeight="1" x14ac:dyDescent="0.15">
      <c r="A40" s="8">
        <v>29</v>
      </c>
      <c r="B40" s="21">
        <v>2</v>
      </c>
      <c r="C40" s="6">
        <v>0</v>
      </c>
      <c r="D40" s="5">
        <v>2</v>
      </c>
    </row>
    <row r="41" spans="1:4" ht="18" customHeight="1" x14ac:dyDescent="0.15">
      <c r="A41" s="8" t="s">
        <v>19</v>
      </c>
      <c r="B41" s="21">
        <v>8</v>
      </c>
      <c r="C41" s="6">
        <v>6</v>
      </c>
      <c r="D41" s="5">
        <v>14</v>
      </c>
    </row>
    <row r="42" spans="1:4" ht="18" customHeight="1" x14ac:dyDescent="0.15">
      <c r="A42" s="8">
        <v>30</v>
      </c>
      <c r="B42" s="21">
        <v>3</v>
      </c>
      <c r="C42" s="6">
        <v>1</v>
      </c>
      <c r="D42" s="5">
        <v>4</v>
      </c>
    </row>
    <row r="43" spans="1:4" ht="18" customHeight="1" x14ac:dyDescent="0.15">
      <c r="A43" s="8">
        <v>31</v>
      </c>
      <c r="B43" s="21">
        <v>1</v>
      </c>
      <c r="C43" s="6">
        <v>1</v>
      </c>
      <c r="D43" s="5">
        <v>2</v>
      </c>
    </row>
    <row r="44" spans="1:4" ht="18" customHeight="1" x14ac:dyDescent="0.15">
      <c r="A44" s="8">
        <v>32</v>
      </c>
      <c r="B44" s="21">
        <v>1</v>
      </c>
      <c r="C44" s="6">
        <v>5</v>
      </c>
      <c r="D44" s="5">
        <v>6</v>
      </c>
    </row>
    <row r="45" spans="1:4" ht="18" customHeight="1" x14ac:dyDescent="0.15">
      <c r="A45" s="8">
        <v>33</v>
      </c>
      <c r="B45" s="21">
        <v>3</v>
      </c>
      <c r="C45" s="6">
        <v>0</v>
      </c>
      <c r="D45" s="5">
        <v>3</v>
      </c>
    </row>
    <row r="46" spans="1:4" ht="18" customHeight="1" x14ac:dyDescent="0.15">
      <c r="A46" s="8">
        <v>34</v>
      </c>
      <c r="B46" s="21">
        <v>2</v>
      </c>
      <c r="C46" s="6">
        <v>1</v>
      </c>
      <c r="D46" s="5">
        <v>3</v>
      </c>
    </row>
    <row r="47" spans="1:4" ht="18" customHeight="1" x14ac:dyDescent="0.15">
      <c r="A47" s="8" t="s">
        <v>18</v>
      </c>
      <c r="B47" s="21">
        <v>10</v>
      </c>
      <c r="C47" s="6">
        <v>8</v>
      </c>
      <c r="D47" s="5">
        <v>18</v>
      </c>
    </row>
    <row r="48" spans="1:4" ht="18" customHeight="1" x14ac:dyDescent="0.15">
      <c r="A48" s="8">
        <v>35</v>
      </c>
      <c r="B48" s="21">
        <v>2</v>
      </c>
      <c r="C48" s="6">
        <v>1</v>
      </c>
      <c r="D48" s="5">
        <v>3</v>
      </c>
    </row>
    <row r="49" spans="1:4" ht="18" customHeight="1" x14ac:dyDescent="0.15">
      <c r="A49" s="8">
        <v>36</v>
      </c>
      <c r="B49" s="21">
        <v>1</v>
      </c>
      <c r="C49" s="6">
        <v>4</v>
      </c>
      <c r="D49" s="5">
        <v>5</v>
      </c>
    </row>
    <row r="50" spans="1:4" ht="18" customHeight="1" x14ac:dyDescent="0.15">
      <c r="A50" s="8">
        <v>37</v>
      </c>
      <c r="B50" s="21">
        <v>2</v>
      </c>
      <c r="C50" s="6">
        <v>1</v>
      </c>
      <c r="D50" s="5">
        <v>3</v>
      </c>
    </row>
    <row r="51" spans="1:4" ht="18" customHeight="1" x14ac:dyDescent="0.15">
      <c r="A51" s="8">
        <v>38</v>
      </c>
      <c r="B51" s="21">
        <v>1</v>
      </c>
      <c r="C51" s="6">
        <v>5</v>
      </c>
      <c r="D51" s="5">
        <v>6</v>
      </c>
    </row>
    <row r="52" spans="1:4" ht="18" customHeight="1" x14ac:dyDescent="0.15">
      <c r="A52" s="8">
        <v>39</v>
      </c>
      <c r="B52" s="21">
        <v>4</v>
      </c>
      <c r="C52" s="6">
        <v>4</v>
      </c>
      <c r="D52" s="5">
        <v>8</v>
      </c>
    </row>
    <row r="53" spans="1:4" ht="18" customHeight="1" x14ac:dyDescent="0.15">
      <c r="A53" s="8" t="s">
        <v>17</v>
      </c>
      <c r="B53" s="21">
        <v>10</v>
      </c>
      <c r="C53" s="6">
        <v>15</v>
      </c>
      <c r="D53" s="5">
        <v>25</v>
      </c>
    </row>
    <row r="54" spans="1:4" ht="18" customHeight="1" x14ac:dyDescent="0.15">
      <c r="A54" s="8">
        <v>40</v>
      </c>
      <c r="B54" s="21">
        <v>3</v>
      </c>
      <c r="C54" s="6">
        <v>1</v>
      </c>
      <c r="D54" s="5">
        <v>4</v>
      </c>
    </row>
    <row r="55" spans="1:4" ht="18" customHeight="1" x14ac:dyDescent="0.15">
      <c r="A55" s="8">
        <v>41</v>
      </c>
      <c r="B55" s="21">
        <v>3</v>
      </c>
      <c r="C55" s="6">
        <v>1</v>
      </c>
      <c r="D55" s="5">
        <v>4</v>
      </c>
    </row>
    <row r="56" spans="1:4" ht="18" customHeight="1" x14ac:dyDescent="0.15">
      <c r="A56" s="8">
        <v>42</v>
      </c>
      <c r="B56" s="21">
        <v>3</v>
      </c>
      <c r="C56" s="6">
        <v>2</v>
      </c>
      <c r="D56" s="5">
        <v>5</v>
      </c>
    </row>
    <row r="57" spans="1:4" ht="18" customHeight="1" x14ac:dyDescent="0.15">
      <c r="A57" s="8">
        <v>43</v>
      </c>
      <c r="B57" s="21">
        <v>0</v>
      </c>
      <c r="C57" s="6">
        <v>2</v>
      </c>
      <c r="D57" s="5">
        <v>2</v>
      </c>
    </row>
    <row r="58" spans="1:4" ht="18" customHeight="1" x14ac:dyDescent="0.15">
      <c r="A58" s="8">
        <v>44</v>
      </c>
      <c r="B58" s="21">
        <v>3</v>
      </c>
      <c r="C58" s="6">
        <v>3</v>
      </c>
      <c r="D58" s="5">
        <v>6</v>
      </c>
    </row>
    <row r="59" spans="1:4" ht="18" customHeight="1" x14ac:dyDescent="0.15">
      <c r="A59" s="8" t="s">
        <v>16</v>
      </c>
      <c r="B59" s="21">
        <v>12</v>
      </c>
      <c r="C59" s="6">
        <v>9</v>
      </c>
      <c r="D59" s="5">
        <v>21</v>
      </c>
    </row>
    <row r="60" spans="1:4" ht="18" customHeight="1" x14ac:dyDescent="0.15">
      <c r="A60" s="8">
        <v>45</v>
      </c>
      <c r="B60" s="21">
        <v>1</v>
      </c>
      <c r="C60" s="6">
        <v>3</v>
      </c>
      <c r="D60" s="5">
        <v>4</v>
      </c>
    </row>
    <row r="61" spans="1:4" ht="18" customHeight="1" x14ac:dyDescent="0.15">
      <c r="A61" s="8">
        <v>46</v>
      </c>
      <c r="B61" s="21">
        <v>7</v>
      </c>
      <c r="C61" s="6">
        <v>4</v>
      </c>
      <c r="D61" s="5">
        <v>11</v>
      </c>
    </row>
    <row r="62" spans="1:4" ht="18" customHeight="1" x14ac:dyDescent="0.15">
      <c r="A62" s="8">
        <v>47</v>
      </c>
      <c r="B62" s="21">
        <v>6</v>
      </c>
      <c r="C62" s="6">
        <v>2</v>
      </c>
      <c r="D62" s="5">
        <v>8</v>
      </c>
    </row>
    <row r="63" spans="1:4" ht="18" customHeight="1" x14ac:dyDescent="0.15">
      <c r="A63" s="8">
        <v>48</v>
      </c>
      <c r="B63" s="21">
        <v>2</v>
      </c>
      <c r="C63" s="6">
        <v>2</v>
      </c>
      <c r="D63" s="5">
        <v>4</v>
      </c>
    </row>
    <row r="64" spans="1:4" ht="18" customHeight="1" x14ac:dyDescent="0.15">
      <c r="A64" s="8">
        <v>49</v>
      </c>
      <c r="B64" s="21">
        <v>3</v>
      </c>
      <c r="C64" s="6">
        <v>4</v>
      </c>
      <c r="D64" s="5">
        <v>7</v>
      </c>
    </row>
    <row r="65" spans="1:4" ht="18" customHeight="1" x14ac:dyDescent="0.15">
      <c r="A65" s="8" t="s">
        <v>15</v>
      </c>
      <c r="B65" s="21">
        <v>19</v>
      </c>
      <c r="C65" s="6">
        <v>15</v>
      </c>
      <c r="D65" s="5">
        <v>34</v>
      </c>
    </row>
    <row r="66" spans="1:4" ht="18" customHeight="1" x14ac:dyDescent="0.15">
      <c r="A66" s="8">
        <v>50</v>
      </c>
      <c r="B66" s="21">
        <v>7</v>
      </c>
      <c r="C66" s="6">
        <v>2</v>
      </c>
      <c r="D66" s="5">
        <v>9</v>
      </c>
    </row>
    <row r="67" spans="1:4" ht="18" customHeight="1" x14ac:dyDescent="0.15">
      <c r="A67" s="8">
        <v>51</v>
      </c>
      <c r="B67" s="21">
        <v>1</v>
      </c>
      <c r="C67" s="6">
        <v>4</v>
      </c>
      <c r="D67" s="5">
        <v>5</v>
      </c>
    </row>
    <row r="68" spans="1:4" ht="18" customHeight="1" x14ac:dyDescent="0.15">
      <c r="A68" s="8">
        <v>52</v>
      </c>
      <c r="B68" s="21">
        <v>5</v>
      </c>
      <c r="C68" s="6">
        <v>3</v>
      </c>
      <c r="D68" s="5">
        <v>8</v>
      </c>
    </row>
    <row r="69" spans="1:4" ht="18" customHeight="1" x14ac:dyDescent="0.15">
      <c r="A69" s="8">
        <v>53</v>
      </c>
      <c r="B69" s="21">
        <v>8</v>
      </c>
      <c r="C69" s="6">
        <v>8</v>
      </c>
      <c r="D69" s="5">
        <v>16</v>
      </c>
    </row>
    <row r="70" spans="1:4" ht="18" customHeight="1" x14ac:dyDescent="0.15">
      <c r="A70" s="8">
        <v>54</v>
      </c>
      <c r="B70" s="21">
        <v>6</v>
      </c>
      <c r="C70" s="6">
        <v>5</v>
      </c>
      <c r="D70" s="5">
        <v>11</v>
      </c>
    </row>
    <row r="71" spans="1:4" ht="18" customHeight="1" x14ac:dyDescent="0.15">
      <c r="A71" s="8" t="s">
        <v>14</v>
      </c>
      <c r="B71" s="21">
        <v>27</v>
      </c>
      <c r="C71" s="6">
        <v>22</v>
      </c>
      <c r="D71" s="5">
        <v>49</v>
      </c>
    </row>
    <row r="72" spans="1:4" ht="18" customHeight="1" x14ac:dyDescent="0.15">
      <c r="A72" s="8">
        <v>55</v>
      </c>
      <c r="B72" s="21">
        <v>5</v>
      </c>
      <c r="C72" s="6">
        <v>6</v>
      </c>
      <c r="D72" s="5">
        <v>11</v>
      </c>
    </row>
    <row r="73" spans="1:4" ht="18" customHeight="1" x14ac:dyDescent="0.15">
      <c r="A73" s="8">
        <v>56</v>
      </c>
      <c r="B73" s="21">
        <v>5</v>
      </c>
      <c r="C73" s="6">
        <v>4</v>
      </c>
      <c r="D73" s="5">
        <v>9</v>
      </c>
    </row>
    <row r="74" spans="1:4" ht="18" customHeight="1" x14ac:dyDescent="0.15">
      <c r="A74" s="8">
        <v>57</v>
      </c>
      <c r="B74" s="21">
        <v>2</v>
      </c>
      <c r="C74" s="6">
        <v>7</v>
      </c>
      <c r="D74" s="5">
        <v>9</v>
      </c>
    </row>
    <row r="75" spans="1:4" ht="18" customHeight="1" x14ac:dyDescent="0.15">
      <c r="A75" s="8">
        <v>58</v>
      </c>
      <c r="B75" s="21">
        <v>4</v>
      </c>
      <c r="C75" s="6">
        <v>6</v>
      </c>
      <c r="D75" s="5">
        <v>10</v>
      </c>
    </row>
    <row r="76" spans="1:4" ht="18" customHeight="1" x14ac:dyDescent="0.15">
      <c r="A76" s="8">
        <v>59</v>
      </c>
      <c r="B76" s="21">
        <v>4</v>
      </c>
      <c r="C76" s="6">
        <v>3</v>
      </c>
      <c r="D76" s="5">
        <v>7</v>
      </c>
    </row>
    <row r="77" spans="1:4" ht="18" customHeight="1" x14ac:dyDescent="0.15">
      <c r="A77" s="8" t="s">
        <v>13</v>
      </c>
      <c r="B77" s="21">
        <v>20</v>
      </c>
      <c r="C77" s="6">
        <v>26</v>
      </c>
      <c r="D77" s="5">
        <v>46</v>
      </c>
    </row>
    <row r="78" spans="1:4" ht="18" customHeight="1" x14ac:dyDescent="0.15">
      <c r="A78" s="8">
        <v>60</v>
      </c>
      <c r="B78" s="21">
        <v>2</v>
      </c>
      <c r="C78" s="6">
        <v>4</v>
      </c>
      <c r="D78" s="5">
        <v>6</v>
      </c>
    </row>
    <row r="79" spans="1:4" ht="18" customHeight="1" x14ac:dyDescent="0.15">
      <c r="A79" s="8">
        <v>61</v>
      </c>
      <c r="B79" s="21">
        <v>2</v>
      </c>
      <c r="C79" s="6">
        <v>6</v>
      </c>
      <c r="D79" s="5">
        <v>8</v>
      </c>
    </row>
    <row r="80" spans="1:4" ht="18" customHeight="1" x14ac:dyDescent="0.15">
      <c r="A80" s="8">
        <v>62</v>
      </c>
      <c r="B80" s="21">
        <v>2</v>
      </c>
      <c r="C80" s="6">
        <v>6</v>
      </c>
      <c r="D80" s="5">
        <v>8</v>
      </c>
    </row>
    <row r="81" spans="1:4" ht="18" customHeight="1" x14ac:dyDescent="0.15">
      <c r="A81" s="8">
        <v>63</v>
      </c>
      <c r="B81" s="21">
        <v>9</v>
      </c>
      <c r="C81" s="6">
        <v>2</v>
      </c>
      <c r="D81" s="5">
        <v>11</v>
      </c>
    </row>
    <row r="82" spans="1:4" ht="18" customHeight="1" x14ac:dyDescent="0.15">
      <c r="A82" s="8">
        <v>64</v>
      </c>
      <c r="B82" s="21">
        <v>4</v>
      </c>
      <c r="C82" s="6">
        <v>8</v>
      </c>
      <c r="D82" s="5">
        <v>12</v>
      </c>
    </row>
    <row r="83" spans="1:4" ht="18" customHeight="1" x14ac:dyDescent="0.15">
      <c r="A83" s="8" t="s">
        <v>12</v>
      </c>
      <c r="B83" s="21">
        <v>19</v>
      </c>
      <c r="C83" s="6">
        <v>26</v>
      </c>
      <c r="D83" s="5">
        <v>45</v>
      </c>
    </row>
    <row r="84" spans="1:4" ht="18" customHeight="1" x14ac:dyDescent="0.15">
      <c r="A84" s="8" t="s">
        <v>11</v>
      </c>
      <c r="B84" s="21">
        <v>160</v>
      </c>
      <c r="C84" s="6">
        <v>152</v>
      </c>
      <c r="D84" s="5">
        <v>312</v>
      </c>
    </row>
    <row r="85" spans="1:4" ht="18" customHeight="1" x14ac:dyDescent="0.15">
      <c r="A85" s="8">
        <v>65</v>
      </c>
      <c r="B85" s="21">
        <v>3</v>
      </c>
      <c r="C85" s="6">
        <v>4</v>
      </c>
      <c r="D85" s="5">
        <v>7</v>
      </c>
    </row>
    <row r="86" spans="1:4" ht="18" customHeight="1" x14ac:dyDescent="0.15">
      <c r="A86" s="8">
        <v>66</v>
      </c>
      <c r="B86" s="21">
        <v>6</v>
      </c>
      <c r="C86" s="6">
        <v>8</v>
      </c>
      <c r="D86" s="5">
        <v>14</v>
      </c>
    </row>
    <row r="87" spans="1:4" ht="18" customHeight="1" x14ac:dyDescent="0.15">
      <c r="A87" s="8">
        <v>67</v>
      </c>
      <c r="B87" s="21">
        <v>7</v>
      </c>
      <c r="C87" s="6">
        <v>8</v>
      </c>
      <c r="D87" s="5">
        <v>15</v>
      </c>
    </row>
    <row r="88" spans="1:4" ht="18" customHeight="1" x14ac:dyDescent="0.15">
      <c r="A88" s="8">
        <v>68</v>
      </c>
      <c r="B88" s="21">
        <v>6</v>
      </c>
      <c r="C88" s="6">
        <v>6</v>
      </c>
      <c r="D88" s="5">
        <v>12</v>
      </c>
    </row>
    <row r="89" spans="1:4" ht="18" customHeight="1" x14ac:dyDescent="0.15">
      <c r="A89" s="8">
        <v>69</v>
      </c>
      <c r="B89" s="21">
        <v>10</v>
      </c>
      <c r="C89" s="6">
        <v>8</v>
      </c>
      <c r="D89" s="5">
        <v>18</v>
      </c>
    </row>
    <row r="90" spans="1:4" ht="18" customHeight="1" x14ac:dyDescent="0.15">
      <c r="A90" s="8" t="s">
        <v>10</v>
      </c>
      <c r="B90" s="21">
        <v>32</v>
      </c>
      <c r="C90" s="6">
        <v>34</v>
      </c>
      <c r="D90" s="5">
        <v>66</v>
      </c>
    </row>
    <row r="91" spans="1:4" ht="18" customHeight="1" x14ac:dyDescent="0.15">
      <c r="A91" s="8">
        <v>70</v>
      </c>
      <c r="B91" s="21">
        <v>7</v>
      </c>
      <c r="C91" s="6">
        <v>6</v>
      </c>
      <c r="D91" s="5">
        <v>13</v>
      </c>
    </row>
    <row r="92" spans="1:4" ht="18" customHeight="1" x14ac:dyDescent="0.15">
      <c r="A92" s="8">
        <v>71</v>
      </c>
      <c r="B92" s="21">
        <v>8</v>
      </c>
      <c r="C92" s="6">
        <v>10</v>
      </c>
      <c r="D92" s="5">
        <v>18</v>
      </c>
    </row>
    <row r="93" spans="1:4" ht="18" customHeight="1" x14ac:dyDescent="0.15">
      <c r="A93" s="8">
        <v>72</v>
      </c>
      <c r="B93" s="21">
        <v>13</v>
      </c>
      <c r="C93" s="6">
        <v>8</v>
      </c>
      <c r="D93" s="5">
        <v>21</v>
      </c>
    </row>
    <row r="94" spans="1:4" ht="18" customHeight="1" x14ac:dyDescent="0.15">
      <c r="A94" s="8">
        <v>73</v>
      </c>
      <c r="B94" s="21">
        <v>6</v>
      </c>
      <c r="C94" s="6">
        <v>5</v>
      </c>
      <c r="D94" s="5">
        <v>11</v>
      </c>
    </row>
    <row r="95" spans="1:4" ht="18" customHeight="1" x14ac:dyDescent="0.15">
      <c r="A95" s="8">
        <v>74</v>
      </c>
      <c r="B95" s="21">
        <v>5</v>
      </c>
      <c r="C95" s="6">
        <v>7</v>
      </c>
      <c r="D95" s="5">
        <v>12</v>
      </c>
    </row>
    <row r="96" spans="1:4" ht="18" customHeight="1" x14ac:dyDescent="0.15">
      <c r="A96" s="8" t="s">
        <v>9</v>
      </c>
      <c r="B96" s="21">
        <v>39</v>
      </c>
      <c r="C96" s="6">
        <v>36</v>
      </c>
      <c r="D96" s="5">
        <v>75</v>
      </c>
    </row>
    <row r="97" spans="1:4" ht="18" customHeight="1" x14ac:dyDescent="0.15">
      <c r="A97" s="8">
        <v>75</v>
      </c>
      <c r="B97" s="21">
        <v>6</v>
      </c>
      <c r="C97" s="6">
        <v>10</v>
      </c>
      <c r="D97" s="5">
        <v>16</v>
      </c>
    </row>
    <row r="98" spans="1:4" ht="18" customHeight="1" x14ac:dyDescent="0.15">
      <c r="A98" s="8">
        <v>76</v>
      </c>
      <c r="B98" s="21">
        <v>8</v>
      </c>
      <c r="C98" s="6">
        <v>7</v>
      </c>
      <c r="D98" s="5">
        <v>15</v>
      </c>
    </row>
    <row r="99" spans="1:4" ht="18" customHeight="1" x14ac:dyDescent="0.15">
      <c r="A99" s="8">
        <v>77</v>
      </c>
      <c r="B99" s="21">
        <v>7</v>
      </c>
      <c r="C99" s="6">
        <v>10</v>
      </c>
      <c r="D99" s="5">
        <v>17</v>
      </c>
    </row>
    <row r="100" spans="1:4" ht="18" customHeight="1" x14ac:dyDescent="0.15">
      <c r="A100" s="8">
        <v>78</v>
      </c>
      <c r="B100" s="21">
        <v>8</v>
      </c>
      <c r="C100" s="6">
        <v>8</v>
      </c>
      <c r="D100" s="5">
        <v>16</v>
      </c>
    </row>
    <row r="101" spans="1:4" ht="18" customHeight="1" x14ac:dyDescent="0.15">
      <c r="A101" s="8">
        <v>79</v>
      </c>
      <c r="B101" s="21">
        <v>8</v>
      </c>
      <c r="C101" s="6">
        <v>4</v>
      </c>
      <c r="D101" s="5">
        <v>12</v>
      </c>
    </row>
    <row r="102" spans="1:4" ht="18" customHeight="1" x14ac:dyDescent="0.15">
      <c r="A102" s="8" t="s">
        <v>8</v>
      </c>
      <c r="B102" s="21">
        <v>37</v>
      </c>
      <c r="C102" s="6">
        <v>39</v>
      </c>
      <c r="D102" s="5">
        <v>76</v>
      </c>
    </row>
    <row r="103" spans="1:4" ht="18" customHeight="1" x14ac:dyDescent="0.15">
      <c r="A103" s="8">
        <v>80</v>
      </c>
      <c r="B103" s="21">
        <v>1</v>
      </c>
      <c r="C103" s="6">
        <v>8</v>
      </c>
      <c r="D103" s="5">
        <v>9</v>
      </c>
    </row>
    <row r="104" spans="1:4" ht="18" customHeight="1" x14ac:dyDescent="0.15">
      <c r="A104" s="8">
        <v>81</v>
      </c>
      <c r="B104" s="21">
        <v>7</v>
      </c>
      <c r="C104" s="6">
        <v>4</v>
      </c>
      <c r="D104" s="5">
        <v>11</v>
      </c>
    </row>
    <row r="105" spans="1:4" ht="18" customHeight="1" x14ac:dyDescent="0.15">
      <c r="A105" s="8">
        <v>82</v>
      </c>
      <c r="B105" s="21">
        <v>9</v>
      </c>
      <c r="C105" s="6">
        <v>2</v>
      </c>
      <c r="D105" s="5">
        <v>11</v>
      </c>
    </row>
    <row r="106" spans="1:4" ht="18" customHeight="1" x14ac:dyDescent="0.15">
      <c r="A106" s="8">
        <v>83</v>
      </c>
      <c r="B106" s="21">
        <v>3</v>
      </c>
      <c r="C106" s="6">
        <v>5</v>
      </c>
      <c r="D106" s="5">
        <v>8</v>
      </c>
    </row>
    <row r="107" spans="1:4" ht="18" customHeight="1" x14ac:dyDescent="0.15">
      <c r="A107" s="8">
        <v>84</v>
      </c>
      <c r="B107" s="21">
        <v>4</v>
      </c>
      <c r="C107" s="6">
        <v>5</v>
      </c>
      <c r="D107" s="5">
        <v>9</v>
      </c>
    </row>
    <row r="108" spans="1:4" ht="18" customHeight="1" x14ac:dyDescent="0.15">
      <c r="A108" s="8" t="s">
        <v>7</v>
      </c>
      <c r="B108" s="21">
        <v>24</v>
      </c>
      <c r="C108" s="6">
        <v>24</v>
      </c>
      <c r="D108" s="5">
        <v>48</v>
      </c>
    </row>
    <row r="109" spans="1:4" ht="18" customHeight="1" x14ac:dyDescent="0.15">
      <c r="A109" s="8">
        <v>85</v>
      </c>
      <c r="B109" s="21">
        <v>1</v>
      </c>
      <c r="C109" s="6">
        <v>3</v>
      </c>
      <c r="D109" s="5">
        <v>4</v>
      </c>
    </row>
    <row r="110" spans="1:4" ht="18" customHeight="1" x14ac:dyDescent="0.15">
      <c r="A110" s="8">
        <v>86</v>
      </c>
      <c r="B110" s="21">
        <v>2</v>
      </c>
      <c r="C110" s="6">
        <v>4</v>
      </c>
      <c r="D110" s="5">
        <v>6</v>
      </c>
    </row>
    <row r="111" spans="1:4" ht="18" customHeight="1" x14ac:dyDescent="0.15">
      <c r="A111" s="8">
        <v>87</v>
      </c>
      <c r="B111" s="21">
        <v>1</v>
      </c>
      <c r="C111" s="6">
        <v>7</v>
      </c>
      <c r="D111" s="5">
        <v>8</v>
      </c>
    </row>
    <row r="112" spans="1:4" ht="18" customHeight="1" x14ac:dyDescent="0.15">
      <c r="A112" s="8">
        <v>88</v>
      </c>
      <c r="B112" s="21">
        <v>0</v>
      </c>
      <c r="C112" s="6">
        <v>6</v>
      </c>
      <c r="D112" s="5">
        <v>6</v>
      </c>
    </row>
    <row r="113" spans="1:4" ht="18" customHeight="1" x14ac:dyDescent="0.15">
      <c r="A113" s="8">
        <v>89</v>
      </c>
      <c r="B113" s="21">
        <v>2</v>
      </c>
      <c r="C113" s="6">
        <v>7</v>
      </c>
      <c r="D113" s="5">
        <v>9</v>
      </c>
    </row>
    <row r="114" spans="1:4" ht="18" customHeight="1" x14ac:dyDescent="0.15">
      <c r="A114" s="8" t="s">
        <v>6</v>
      </c>
      <c r="B114" s="21">
        <v>6</v>
      </c>
      <c r="C114" s="6">
        <v>27</v>
      </c>
      <c r="D114" s="5">
        <v>33</v>
      </c>
    </row>
    <row r="115" spans="1:4" ht="18" customHeight="1" x14ac:dyDescent="0.15">
      <c r="A115" s="8">
        <v>90</v>
      </c>
      <c r="B115" s="21">
        <v>2</v>
      </c>
      <c r="C115" s="6">
        <v>4</v>
      </c>
      <c r="D115" s="5">
        <v>6</v>
      </c>
    </row>
    <row r="116" spans="1:4" ht="18" customHeight="1" x14ac:dyDescent="0.15">
      <c r="A116" s="8">
        <v>91</v>
      </c>
      <c r="B116" s="21">
        <v>3</v>
      </c>
      <c r="C116" s="6">
        <v>5</v>
      </c>
      <c r="D116" s="5">
        <v>8</v>
      </c>
    </row>
    <row r="117" spans="1:4" ht="18" customHeight="1" x14ac:dyDescent="0.15">
      <c r="A117" s="8">
        <v>92</v>
      </c>
      <c r="B117" s="21">
        <v>1</v>
      </c>
      <c r="C117" s="6">
        <v>1</v>
      </c>
      <c r="D117" s="5">
        <v>2</v>
      </c>
    </row>
    <row r="118" spans="1:4" ht="18" customHeight="1" x14ac:dyDescent="0.15">
      <c r="A118" s="8">
        <v>93</v>
      </c>
      <c r="B118" s="21">
        <v>1</v>
      </c>
      <c r="C118" s="6">
        <v>6</v>
      </c>
      <c r="D118" s="5">
        <v>7</v>
      </c>
    </row>
    <row r="119" spans="1:4" ht="18" customHeight="1" x14ac:dyDescent="0.15">
      <c r="A119" s="8">
        <v>94</v>
      </c>
      <c r="B119" s="21">
        <v>1</v>
      </c>
      <c r="C119" s="6">
        <v>4</v>
      </c>
      <c r="D119" s="5">
        <v>5</v>
      </c>
    </row>
    <row r="120" spans="1:4" ht="18" customHeight="1" x14ac:dyDescent="0.15">
      <c r="A120" s="8" t="s">
        <v>5</v>
      </c>
      <c r="B120" s="21">
        <v>8</v>
      </c>
      <c r="C120" s="6">
        <v>20</v>
      </c>
      <c r="D120" s="5">
        <v>28</v>
      </c>
    </row>
    <row r="121" spans="1:4" ht="18" customHeight="1" x14ac:dyDescent="0.15">
      <c r="A121" s="8">
        <v>95</v>
      </c>
      <c r="B121" s="21">
        <v>0</v>
      </c>
      <c r="C121" s="6">
        <v>4</v>
      </c>
      <c r="D121" s="5">
        <v>4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4</v>
      </c>
      <c r="D123" s="5">
        <v>4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0</v>
      </c>
      <c r="C126" s="6">
        <v>14</v>
      </c>
      <c r="D126" s="5">
        <v>14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146</v>
      </c>
      <c r="C130" s="6">
        <v>197</v>
      </c>
      <c r="D130" s="5">
        <v>343</v>
      </c>
    </row>
    <row r="131" spans="1:4" ht="18" customHeight="1" x14ac:dyDescent="0.15">
      <c r="A131" s="4" t="s">
        <v>0</v>
      </c>
      <c r="B131" s="20">
        <v>324</v>
      </c>
      <c r="C131" s="2">
        <v>379</v>
      </c>
      <c r="D131" s="1">
        <v>70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9FD96F-F4DA-404D-B6AC-B9AAC9F83C85}">
  <sheetPr codeName="Sheet7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1</v>
      </c>
      <c r="C9" s="28">
        <v>0</v>
      </c>
      <c r="D9" s="27">
        <v>1</v>
      </c>
    </row>
    <row r="10" spans="1:4" ht="18" customHeight="1" x14ac:dyDescent="0.15">
      <c r="A10" s="8" t="s">
        <v>25</v>
      </c>
      <c r="B10" s="21">
        <v>1</v>
      </c>
      <c r="C10" s="6">
        <v>0</v>
      </c>
      <c r="D10" s="5">
        <v>1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1</v>
      </c>
      <c r="C16" s="6">
        <v>2</v>
      </c>
      <c r="D16" s="5">
        <v>3</v>
      </c>
    </row>
    <row r="17" spans="1:4" ht="18" customHeight="1" x14ac:dyDescent="0.15">
      <c r="A17" s="8">
        <v>10</v>
      </c>
      <c r="B17" s="21">
        <v>0</v>
      </c>
      <c r="C17" s="6">
        <v>0</v>
      </c>
      <c r="D17" s="5">
        <v>0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1</v>
      </c>
      <c r="C19" s="6">
        <v>0</v>
      </c>
      <c r="D19" s="5">
        <v>1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0</v>
      </c>
      <c r="C21" s="6">
        <v>0</v>
      </c>
      <c r="D21" s="5">
        <v>0</v>
      </c>
    </row>
    <row r="22" spans="1:4" ht="18" customHeight="1" x14ac:dyDescent="0.15">
      <c r="A22" s="8" t="s">
        <v>23</v>
      </c>
      <c r="B22" s="21">
        <v>1</v>
      </c>
      <c r="C22" s="6">
        <v>0</v>
      </c>
      <c r="D22" s="5">
        <v>1</v>
      </c>
    </row>
    <row r="23" spans="1:4" ht="18" customHeight="1" x14ac:dyDescent="0.15">
      <c r="A23" s="8" t="s">
        <v>22</v>
      </c>
      <c r="B23" s="21">
        <v>3</v>
      </c>
      <c r="C23" s="6">
        <v>2</v>
      </c>
      <c r="D23" s="5">
        <v>5</v>
      </c>
    </row>
    <row r="24" spans="1:4" ht="18" customHeight="1" x14ac:dyDescent="0.15">
      <c r="A24" s="8">
        <v>15</v>
      </c>
      <c r="B24" s="21">
        <v>0</v>
      </c>
      <c r="C24" s="6">
        <v>0</v>
      </c>
      <c r="D24" s="5">
        <v>0</v>
      </c>
    </row>
    <row r="25" spans="1:4" ht="18" customHeight="1" x14ac:dyDescent="0.15">
      <c r="A25" s="8">
        <v>16</v>
      </c>
      <c r="B25" s="21">
        <v>3</v>
      </c>
      <c r="C25" s="6">
        <v>1</v>
      </c>
      <c r="D25" s="5">
        <v>4</v>
      </c>
    </row>
    <row r="26" spans="1:4" ht="18" customHeight="1" x14ac:dyDescent="0.15">
      <c r="A26" s="8">
        <v>17</v>
      </c>
      <c r="B26" s="21">
        <v>0</v>
      </c>
      <c r="C26" s="6">
        <v>2</v>
      </c>
      <c r="D26" s="5">
        <v>2</v>
      </c>
    </row>
    <row r="27" spans="1:4" ht="18" customHeight="1" x14ac:dyDescent="0.15">
      <c r="A27" s="8">
        <v>18</v>
      </c>
      <c r="B27" s="21">
        <v>1</v>
      </c>
      <c r="C27" s="6">
        <v>0</v>
      </c>
      <c r="D27" s="5">
        <v>1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4</v>
      </c>
      <c r="C29" s="6">
        <v>4</v>
      </c>
      <c r="D29" s="5">
        <v>8</v>
      </c>
    </row>
    <row r="30" spans="1:4" ht="18" customHeight="1" x14ac:dyDescent="0.15">
      <c r="A30" s="8">
        <v>20</v>
      </c>
      <c r="B30" s="21">
        <v>1</v>
      </c>
      <c r="C30" s="6">
        <v>2</v>
      </c>
      <c r="D30" s="5">
        <v>3</v>
      </c>
    </row>
    <row r="31" spans="1:4" ht="18" customHeight="1" x14ac:dyDescent="0.15">
      <c r="A31" s="8">
        <v>21</v>
      </c>
      <c r="B31" s="21">
        <v>1</v>
      </c>
      <c r="C31" s="6">
        <v>1</v>
      </c>
      <c r="D31" s="5">
        <v>2</v>
      </c>
    </row>
    <row r="32" spans="1:4" ht="18" customHeight="1" x14ac:dyDescent="0.15">
      <c r="A32" s="8">
        <v>22</v>
      </c>
      <c r="B32" s="21">
        <v>2</v>
      </c>
      <c r="C32" s="6">
        <v>0</v>
      </c>
      <c r="D32" s="5">
        <v>2</v>
      </c>
    </row>
    <row r="33" spans="1:4" ht="18" customHeight="1" x14ac:dyDescent="0.15">
      <c r="A33" s="8">
        <v>23</v>
      </c>
      <c r="B33" s="21">
        <v>1</v>
      </c>
      <c r="C33" s="6">
        <v>2</v>
      </c>
      <c r="D33" s="5">
        <v>3</v>
      </c>
    </row>
    <row r="34" spans="1:4" ht="18" customHeight="1" x14ac:dyDescent="0.15">
      <c r="A34" s="8">
        <v>24</v>
      </c>
      <c r="B34" s="21">
        <v>2</v>
      </c>
      <c r="C34" s="6">
        <v>0</v>
      </c>
      <c r="D34" s="5">
        <v>2</v>
      </c>
    </row>
    <row r="35" spans="1:4" ht="18" customHeight="1" x14ac:dyDescent="0.15">
      <c r="A35" s="8" t="s">
        <v>20</v>
      </c>
      <c r="B35" s="21">
        <v>7</v>
      </c>
      <c r="C35" s="6">
        <v>5</v>
      </c>
      <c r="D35" s="5">
        <v>12</v>
      </c>
    </row>
    <row r="36" spans="1:4" ht="18" customHeight="1" x14ac:dyDescent="0.15">
      <c r="A36" s="8">
        <v>25</v>
      </c>
      <c r="B36" s="21">
        <v>1</v>
      </c>
      <c r="C36" s="6">
        <v>2</v>
      </c>
      <c r="D36" s="5">
        <v>3</v>
      </c>
    </row>
    <row r="37" spans="1:4" ht="18" customHeight="1" x14ac:dyDescent="0.15">
      <c r="A37" s="8">
        <v>26</v>
      </c>
      <c r="B37" s="21">
        <v>1</v>
      </c>
      <c r="C37" s="6">
        <v>0</v>
      </c>
      <c r="D37" s="5">
        <v>1</v>
      </c>
    </row>
    <row r="38" spans="1:4" ht="18" customHeight="1" x14ac:dyDescent="0.15">
      <c r="A38" s="8">
        <v>27</v>
      </c>
      <c r="B38" s="21">
        <v>7</v>
      </c>
      <c r="C38" s="6">
        <v>2</v>
      </c>
      <c r="D38" s="5">
        <v>9</v>
      </c>
    </row>
    <row r="39" spans="1:4" ht="18" customHeight="1" x14ac:dyDescent="0.15">
      <c r="A39" s="8">
        <v>28</v>
      </c>
      <c r="B39" s="21">
        <v>1</v>
      </c>
      <c r="C39" s="6">
        <v>1</v>
      </c>
      <c r="D39" s="5">
        <v>2</v>
      </c>
    </row>
    <row r="40" spans="1:4" ht="18" customHeight="1" x14ac:dyDescent="0.15">
      <c r="A40" s="8">
        <v>29</v>
      </c>
      <c r="B40" s="21">
        <v>1</v>
      </c>
      <c r="C40" s="6">
        <v>0</v>
      </c>
      <c r="D40" s="5">
        <v>1</v>
      </c>
    </row>
    <row r="41" spans="1:4" ht="18" customHeight="1" x14ac:dyDescent="0.15">
      <c r="A41" s="8" t="s">
        <v>19</v>
      </c>
      <c r="B41" s="21">
        <v>11</v>
      </c>
      <c r="C41" s="6">
        <v>5</v>
      </c>
      <c r="D41" s="5">
        <v>16</v>
      </c>
    </row>
    <row r="42" spans="1:4" ht="18" customHeight="1" x14ac:dyDescent="0.15">
      <c r="A42" s="8">
        <v>30</v>
      </c>
      <c r="B42" s="21">
        <v>2</v>
      </c>
      <c r="C42" s="6">
        <v>1</v>
      </c>
      <c r="D42" s="5">
        <v>3</v>
      </c>
    </row>
    <row r="43" spans="1:4" ht="18" customHeight="1" x14ac:dyDescent="0.15">
      <c r="A43" s="8">
        <v>31</v>
      </c>
      <c r="B43" s="21">
        <v>4</v>
      </c>
      <c r="C43" s="6">
        <v>1</v>
      </c>
      <c r="D43" s="5">
        <v>5</v>
      </c>
    </row>
    <row r="44" spans="1:4" ht="18" customHeight="1" x14ac:dyDescent="0.15">
      <c r="A44" s="8">
        <v>32</v>
      </c>
      <c r="B44" s="21">
        <v>3</v>
      </c>
      <c r="C44" s="6">
        <v>1</v>
      </c>
      <c r="D44" s="5">
        <v>4</v>
      </c>
    </row>
    <row r="45" spans="1:4" ht="18" customHeight="1" x14ac:dyDescent="0.15">
      <c r="A45" s="8">
        <v>33</v>
      </c>
      <c r="B45" s="21">
        <v>1</v>
      </c>
      <c r="C45" s="6">
        <v>0</v>
      </c>
      <c r="D45" s="5">
        <v>1</v>
      </c>
    </row>
    <row r="46" spans="1:4" ht="18" customHeight="1" x14ac:dyDescent="0.15">
      <c r="A46" s="8">
        <v>34</v>
      </c>
      <c r="B46" s="21">
        <v>4</v>
      </c>
      <c r="C46" s="6">
        <v>1</v>
      </c>
      <c r="D46" s="5">
        <v>5</v>
      </c>
    </row>
    <row r="47" spans="1:4" ht="18" customHeight="1" x14ac:dyDescent="0.15">
      <c r="A47" s="8" t="s">
        <v>18</v>
      </c>
      <c r="B47" s="21">
        <v>14</v>
      </c>
      <c r="C47" s="6">
        <v>4</v>
      </c>
      <c r="D47" s="5">
        <v>18</v>
      </c>
    </row>
    <row r="48" spans="1:4" ht="18" customHeight="1" x14ac:dyDescent="0.15">
      <c r="A48" s="8">
        <v>35</v>
      </c>
      <c r="B48" s="21">
        <v>0</v>
      </c>
      <c r="C48" s="6">
        <v>3</v>
      </c>
      <c r="D48" s="5">
        <v>3</v>
      </c>
    </row>
    <row r="49" spans="1:4" ht="18" customHeight="1" x14ac:dyDescent="0.15">
      <c r="A49" s="8">
        <v>36</v>
      </c>
      <c r="B49" s="21">
        <v>3</v>
      </c>
      <c r="C49" s="6">
        <v>1</v>
      </c>
      <c r="D49" s="5">
        <v>4</v>
      </c>
    </row>
    <row r="50" spans="1:4" ht="18" customHeight="1" x14ac:dyDescent="0.15">
      <c r="A50" s="8">
        <v>37</v>
      </c>
      <c r="B50" s="21">
        <v>2</v>
      </c>
      <c r="C50" s="6">
        <v>3</v>
      </c>
      <c r="D50" s="5">
        <v>5</v>
      </c>
    </row>
    <row r="51" spans="1:4" ht="18" customHeight="1" x14ac:dyDescent="0.15">
      <c r="A51" s="8">
        <v>38</v>
      </c>
      <c r="B51" s="21">
        <v>2</v>
      </c>
      <c r="C51" s="6">
        <v>1</v>
      </c>
      <c r="D51" s="5">
        <v>3</v>
      </c>
    </row>
    <row r="52" spans="1:4" ht="18" customHeight="1" x14ac:dyDescent="0.15">
      <c r="A52" s="8">
        <v>39</v>
      </c>
      <c r="B52" s="21">
        <v>2</v>
      </c>
      <c r="C52" s="6">
        <v>1</v>
      </c>
      <c r="D52" s="5">
        <v>3</v>
      </c>
    </row>
    <row r="53" spans="1:4" ht="18" customHeight="1" x14ac:dyDescent="0.15">
      <c r="A53" s="8" t="s">
        <v>17</v>
      </c>
      <c r="B53" s="21">
        <v>9</v>
      </c>
      <c r="C53" s="6">
        <v>9</v>
      </c>
      <c r="D53" s="5">
        <v>18</v>
      </c>
    </row>
    <row r="54" spans="1:4" ht="18" customHeight="1" x14ac:dyDescent="0.15">
      <c r="A54" s="8">
        <v>40</v>
      </c>
      <c r="B54" s="21">
        <v>2</v>
      </c>
      <c r="C54" s="6">
        <v>0</v>
      </c>
      <c r="D54" s="5">
        <v>2</v>
      </c>
    </row>
    <row r="55" spans="1:4" ht="18" customHeight="1" x14ac:dyDescent="0.15">
      <c r="A55" s="8">
        <v>41</v>
      </c>
      <c r="B55" s="21">
        <v>1</v>
      </c>
      <c r="C55" s="6">
        <v>2</v>
      </c>
      <c r="D55" s="5">
        <v>3</v>
      </c>
    </row>
    <row r="56" spans="1:4" ht="18" customHeight="1" x14ac:dyDescent="0.15">
      <c r="A56" s="8">
        <v>42</v>
      </c>
      <c r="B56" s="21">
        <v>1</v>
      </c>
      <c r="C56" s="6">
        <v>1</v>
      </c>
      <c r="D56" s="5">
        <v>2</v>
      </c>
    </row>
    <row r="57" spans="1:4" ht="18" customHeight="1" x14ac:dyDescent="0.15">
      <c r="A57" s="8">
        <v>43</v>
      </c>
      <c r="B57" s="21">
        <v>0</v>
      </c>
      <c r="C57" s="6">
        <v>0</v>
      </c>
      <c r="D57" s="5">
        <v>0</v>
      </c>
    </row>
    <row r="58" spans="1:4" ht="18" customHeight="1" x14ac:dyDescent="0.15">
      <c r="A58" s="8">
        <v>44</v>
      </c>
      <c r="B58" s="21">
        <v>1</v>
      </c>
      <c r="C58" s="6">
        <v>0</v>
      </c>
      <c r="D58" s="5">
        <v>1</v>
      </c>
    </row>
    <row r="59" spans="1:4" ht="18" customHeight="1" x14ac:dyDescent="0.15">
      <c r="A59" s="8" t="s">
        <v>16</v>
      </c>
      <c r="B59" s="21">
        <v>5</v>
      </c>
      <c r="C59" s="6">
        <v>3</v>
      </c>
      <c r="D59" s="5">
        <v>8</v>
      </c>
    </row>
    <row r="60" spans="1:4" ht="18" customHeight="1" x14ac:dyDescent="0.15">
      <c r="A60" s="8">
        <v>45</v>
      </c>
      <c r="B60" s="21">
        <v>1</v>
      </c>
      <c r="C60" s="6">
        <v>3</v>
      </c>
      <c r="D60" s="5">
        <v>4</v>
      </c>
    </row>
    <row r="61" spans="1:4" ht="18" customHeight="1" x14ac:dyDescent="0.15">
      <c r="A61" s="8">
        <v>46</v>
      </c>
      <c r="B61" s="21">
        <v>2</v>
      </c>
      <c r="C61" s="6">
        <v>1</v>
      </c>
      <c r="D61" s="5">
        <v>3</v>
      </c>
    </row>
    <row r="62" spans="1:4" ht="18" customHeight="1" x14ac:dyDescent="0.15">
      <c r="A62" s="8">
        <v>47</v>
      </c>
      <c r="B62" s="21">
        <v>1</v>
      </c>
      <c r="C62" s="6">
        <v>2</v>
      </c>
      <c r="D62" s="5">
        <v>3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2</v>
      </c>
      <c r="C64" s="6">
        <v>1</v>
      </c>
      <c r="D64" s="5">
        <v>3</v>
      </c>
    </row>
    <row r="65" spans="1:4" ht="18" customHeight="1" x14ac:dyDescent="0.15">
      <c r="A65" s="8" t="s">
        <v>15</v>
      </c>
      <c r="B65" s="21">
        <v>6</v>
      </c>
      <c r="C65" s="6">
        <v>7</v>
      </c>
      <c r="D65" s="5">
        <v>13</v>
      </c>
    </row>
    <row r="66" spans="1:4" ht="18" customHeight="1" x14ac:dyDescent="0.15">
      <c r="A66" s="8">
        <v>50</v>
      </c>
      <c r="B66" s="21">
        <v>2</v>
      </c>
      <c r="C66" s="6">
        <v>4</v>
      </c>
      <c r="D66" s="5">
        <v>6</v>
      </c>
    </row>
    <row r="67" spans="1:4" ht="18" customHeight="1" x14ac:dyDescent="0.15">
      <c r="A67" s="8">
        <v>51</v>
      </c>
      <c r="B67" s="21">
        <v>4</v>
      </c>
      <c r="C67" s="6">
        <v>1</v>
      </c>
      <c r="D67" s="5">
        <v>5</v>
      </c>
    </row>
    <row r="68" spans="1:4" ht="18" customHeight="1" x14ac:dyDescent="0.15">
      <c r="A68" s="8">
        <v>52</v>
      </c>
      <c r="B68" s="21">
        <v>1</v>
      </c>
      <c r="C68" s="6">
        <v>2</v>
      </c>
      <c r="D68" s="5">
        <v>3</v>
      </c>
    </row>
    <row r="69" spans="1:4" ht="18" customHeight="1" x14ac:dyDescent="0.15">
      <c r="A69" s="8">
        <v>53</v>
      </c>
      <c r="B69" s="21">
        <v>2</v>
      </c>
      <c r="C69" s="6">
        <v>2</v>
      </c>
      <c r="D69" s="5">
        <v>4</v>
      </c>
    </row>
    <row r="70" spans="1:4" ht="18" customHeight="1" x14ac:dyDescent="0.15">
      <c r="A70" s="8">
        <v>54</v>
      </c>
      <c r="B70" s="21">
        <v>1</v>
      </c>
      <c r="C70" s="6">
        <v>2</v>
      </c>
      <c r="D70" s="5">
        <v>3</v>
      </c>
    </row>
    <row r="71" spans="1:4" ht="18" customHeight="1" x14ac:dyDescent="0.15">
      <c r="A71" s="8" t="s">
        <v>14</v>
      </c>
      <c r="B71" s="21">
        <v>10</v>
      </c>
      <c r="C71" s="6">
        <v>11</v>
      </c>
      <c r="D71" s="5">
        <v>21</v>
      </c>
    </row>
    <row r="72" spans="1:4" ht="18" customHeight="1" x14ac:dyDescent="0.15">
      <c r="A72" s="8">
        <v>55</v>
      </c>
      <c r="B72" s="21">
        <v>2</v>
      </c>
      <c r="C72" s="6">
        <v>0</v>
      </c>
      <c r="D72" s="5">
        <v>2</v>
      </c>
    </row>
    <row r="73" spans="1:4" ht="18" customHeight="1" x14ac:dyDescent="0.15">
      <c r="A73" s="8">
        <v>56</v>
      </c>
      <c r="B73" s="21">
        <v>3</v>
      </c>
      <c r="C73" s="6">
        <v>0</v>
      </c>
      <c r="D73" s="5">
        <v>3</v>
      </c>
    </row>
    <row r="74" spans="1:4" ht="18" customHeight="1" x14ac:dyDescent="0.15">
      <c r="A74" s="8">
        <v>57</v>
      </c>
      <c r="B74" s="21">
        <v>4</v>
      </c>
      <c r="C74" s="6">
        <v>5</v>
      </c>
      <c r="D74" s="5">
        <v>9</v>
      </c>
    </row>
    <row r="75" spans="1:4" ht="18" customHeight="1" x14ac:dyDescent="0.15">
      <c r="A75" s="8">
        <v>58</v>
      </c>
      <c r="B75" s="21">
        <v>4</v>
      </c>
      <c r="C75" s="6">
        <v>4</v>
      </c>
      <c r="D75" s="5">
        <v>8</v>
      </c>
    </row>
    <row r="76" spans="1:4" ht="18" customHeight="1" x14ac:dyDescent="0.15">
      <c r="A76" s="8">
        <v>59</v>
      </c>
      <c r="B76" s="21">
        <v>1</v>
      </c>
      <c r="C76" s="6">
        <v>3</v>
      </c>
      <c r="D76" s="5">
        <v>4</v>
      </c>
    </row>
    <row r="77" spans="1:4" ht="18" customHeight="1" x14ac:dyDescent="0.15">
      <c r="A77" s="8" t="s">
        <v>13</v>
      </c>
      <c r="B77" s="21">
        <v>14</v>
      </c>
      <c r="C77" s="6">
        <v>12</v>
      </c>
      <c r="D77" s="5">
        <v>26</v>
      </c>
    </row>
    <row r="78" spans="1:4" ht="18" customHeight="1" x14ac:dyDescent="0.15">
      <c r="A78" s="8">
        <v>60</v>
      </c>
      <c r="B78" s="21">
        <v>5</v>
      </c>
      <c r="C78" s="6">
        <v>7</v>
      </c>
      <c r="D78" s="5">
        <v>12</v>
      </c>
    </row>
    <row r="79" spans="1:4" ht="18" customHeight="1" x14ac:dyDescent="0.15">
      <c r="A79" s="8">
        <v>61</v>
      </c>
      <c r="B79" s="21">
        <v>4</v>
      </c>
      <c r="C79" s="6">
        <v>1</v>
      </c>
      <c r="D79" s="5">
        <v>5</v>
      </c>
    </row>
    <row r="80" spans="1:4" ht="18" customHeight="1" x14ac:dyDescent="0.15">
      <c r="A80" s="8">
        <v>62</v>
      </c>
      <c r="B80" s="21">
        <v>2</v>
      </c>
      <c r="C80" s="6">
        <v>1</v>
      </c>
      <c r="D80" s="5">
        <v>3</v>
      </c>
    </row>
    <row r="81" spans="1:4" ht="18" customHeight="1" x14ac:dyDescent="0.15">
      <c r="A81" s="8">
        <v>63</v>
      </c>
      <c r="B81" s="21">
        <v>0</v>
      </c>
      <c r="C81" s="6">
        <v>7</v>
      </c>
      <c r="D81" s="5">
        <v>7</v>
      </c>
    </row>
    <row r="82" spans="1:4" ht="18" customHeight="1" x14ac:dyDescent="0.15">
      <c r="A82" s="8">
        <v>64</v>
      </c>
      <c r="B82" s="21">
        <v>0</v>
      </c>
      <c r="C82" s="6">
        <v>3</v>
      </c>
      <c r="D82" s="5">
        <v>3</v>
      </c>
    </row>
    <row r="83" spans="1:4" ht="18" customHeight="1" x14ac:dyDescent="0.15">
      <c r="A83" s="8" t="s">
        <v>12</v>
      </c>
      <c r="B83" s="21">
        <v>11</v>
      </c>
      <c r="C83" s="6">
        <v>19</v>
      </c>
      <c r="D83" s="5">
        <v>30</v>
      </c>
    </row>
    <row r="84" spans="1:4" ht="18" customHeight="1" x14ac:dyDescent="0.15">
      <c r="A84" s="8" t="s">
        <v>11</v>
      </c>
      <c r="B84" s="21">
        <v>91</v>
      </c>
      <c r="C84" s="6">
        <v>79</v>
      </c>
      <c r="D84" s="5">
        <v>170</v>
      </c>
    </row>
    <row r="85" spans="1:4" ht="18" customHeight="1" x14ac:dyDescent="0.15">
      <c r="A85" s="8">
        <v>65</v>
      </c>
      <c r="B85" s="21">
        <v>4</v>
      </c>
      <c r="C85" s="6">
        <v>2</v>
      </c>
      <c r="D85" s="5">
        <v>6</v>
      </c>
    </row>
    <row r="86" spans="1:4" ht="18" customHeight="1" x14ac:dyDescent="0.15">
      <c r="A86" s="8">
        <v>66</v>
      </c>
      <c r="B86" s="21">
        <v>3</v>
      </c>
      <c r="C86" s="6">
        <v>3</v>
      </c>
      <c r="D86" s="5">
        <v>6</v>
      </c>
    </row>
    <row r="87" spans="1:4" ht="18" customHeight="1" x14ac:dyDescent="0.15">
      <c r="A87" s="8">
        <v>67</v>
      </c>
      <c r="B87" s="21">
        <v>3</v>
      </c>
      <c r="C87" s="6">
        <v>2</v>
      </c>
      <c r="D87" s="5">
        <v>5</v>
      </c>
    </row>
    <row r="88" spans="1:4" ht="18" customHeight="1" x14ac:dyDescent="0.15">
      <c r="A88" s="8">
        <v>68</v>
      </c>
      <c r="B88" s="21">
        <v>4</v>
      </c>
      <c r="C88" s="6">
        <v>0</v>
      </c>
      <c r="D88" s="5">
        <v>4</v>
      </c>
    </row>
    <row r="89" spans="1:4" ht="18" customHeight="1" x14ac:dyDescent="0.15">
      <c r="A89" s="8">
        <v>69</v>
      </c>
      <c r="B89" s="21">
        <v>3</v>
      </c>
      <c r="C89" s="6">
        <v>6</v>
      </c>
      <c r="D89" s="5">
        <v>9</v>
      </c>
    </row>
    <row r="90" spans="1:4" ht="18" customHeight="1" x14ac:dyDescent="0.15">
      <c r="A90" s="8" t="s">
        <v>10</v>
      </c>
      <c r="B90" s="21">
        <v>17</v>
      </c>
      <c r="C90" s="6">
        <v>13</v>
      </c>
      <c r="D90" s="5">
        <v>30</v>
      </c>
    </row>
    <row r="91" spans="1:4" ht="18" customHeight="1" x14ac:dyDescent="0.15">
      <c r="A91" s="8">
        <v>70</v>
      </c>
      <c r="B91" s="21">
        <v>3</v>
      </c>
      <c r="C91" s="6">
        <v>2</v>
      </c>
      <c r="D91" s="5">
        <v>5</v>
      </c>
    </row>
    <row r="92" spans="1:4" ht="18" customHeight="1" x14ac:dyDescent="0.15">
      <c r="A92" s="8">
        <v>71</v>
      </c>
      <c r="B92" s="21">
        <v>6</v>
      </c>
      <c r="C92" s="6">
        <v>3</v>
      </c>
      <c r="D92" s="5">
        <v>9</v>
      </c>
    </row>
    <row r="93" spans="1:4" ht="18" customHeight="1" x14ac:dyDescent="0.15">
      <c r="A93" s="8">
        <v>72</v>
      </c>
      <c r="B93" s="21">
        <v>2</v>
      </c>
      <c r="C93" s="6">
        <v>5</v>
      </c>
      <c r="D93" s="5">
        <v>7</v>
      </c>
    </row>
    <row r="94" spans="1:4" ht="18" customHeight="1" x14ac:dyDescent="0.15">
      <c r="A94" s="8">
        <v>73</v>
      </c>
      <c r="B94" s="21">
        <v>3</v>
      </c>
      <c r="C94" s="6">
        <v>3</v>
      </c>
      <c r="D94" s="5">
        <v>6</v>
      </c>
    </row>
    <row r="95" spans="1:4" ht="18" customHeight="1" x14ac:dyDescent="0.15">
      <c r="A95" s="8">
        <v>74</v>
      </c>
      <c r="B95" s="21">
        <v>5</v>
      </c>
      <c r="C95" s="6">
        <v>4</v>
      </c>
      <c r="D95" s="5">
        <v>9</v>
      </c>
    </row>
    <row r="96" spans="1:4" ht="18" customHeight="1" x14ac:dyDescent="0.15">
      <c r="A96" s="8" t="s">
        <v>9</v>
      </c>
      <c r="B96" s="21">
        <v>19</v>
      </c>
      <c r="C96" s="6">
        <v>17</v>
      </c>
      <c r="D96" s="5">
        <v>36</v>
      </c>
    </row>
    <row r="97" spans="1:4" ht="18" customHeight="1" x14ac:dyDescent="0.15">
      <c r="A97" s="8">
        <v>75</v>
      </c>
      <c r="B97" s="21">
        <v>8</v>
      </c>
      <c r="C97" s="6">
        <v>4</v>
      </c>
      <c r="D97" s="5">
        <v>12</v>
      </c>
    </row>
    <row r="98" spans="1:4" ht="18" customHeight="1" x14ac:dyDescent="0.15">
      <c r="A98" s="8">
        <v>76</v>
      </c>
      <c r="B98" s="21">
        <v>4</v>
      </c>
      <c r="C98" s="6">
        <v>6</v>
      </c>
      <c r="D98" s="5">
        <v>10</v>
      </c>
    </row>
    <row r="99" spans="1:4" ht="18" customHeight="1" x14ac:dyDescent="0.15">
      <c r="A99" s="8">
        <v>77</v>
      </c>
      <c r="B99" s="21">
        <v>8</v>
      </c>
      <c r="C99" s="6">
        <v>3</v>
      </c>
      <c r="D99" s="5">
        <v>11</v>
      </c>
    </row>
    <row r="100" spans="1:4" ht="18" customHeight="1" x14ac:dyDescent="0.15">
      <c r="A100" s="8">
        <v>78</v>
      </c>
      <c r="B100" s="21">
        <v>4</v>
      </c>
      <c r="C100" s="6">
        <v>5</v>
      </c>
      <c r="D100" s="5">
        <v>9</v>
      </c>
    </row>
    <row r="101" spans="1:4" ht="18" customHeight="1" x14ac:dyDescent="0.15">
      <c r="A101" s="8">
        <v>79</v>
      </c>
      <c r="B101" s="21">
        <v>1</v>
      </c>
      <c r="C101" s="6">
        <v>1</v>
      </c>
      <c r="D101" s="5">
        <v>2</v>
      </c>
    </row>
    <row r="102" spans="1:4" ht="18" customHeight="1" x14ac:dyDescent="0.15">
      <c r="A102" s="8" t="s">
        <v>8</v>
      </c>
      <c r="B102" s="21">
        <v>25</v>
      </c>
      <c r="C102" s="6">
        <v>19</v>
      </c>
      <c r="D102" s="5">
        <v>44</v>
      </c>
    </row>
    <row r="103" spans="1:4" ht="18" customHeight="1" x14ac:dyDescent="0.15">
      <c r="A103" s="8">
        <v>80</v>
      </c>
      <c r="B103" s="21">
        <v>0</v>
      </c>
      <c r="C103" s="6">
        <v>2</v>
      </c>
      <c r="D103" s="5">
        <v>2</v>
      </c>
    </row>
    <row r="104" spans="1:4" ht="18" customHeight="1" x14ac:dyDescent="0.15">
      <c r="A104" s="8">
        <v>81</v>
      </c>
      <c r="B104" s="21">
        <v>0</v>
      </c>
      <c r="C104" s="6">
        <v>6</v>
      </c>
      <c r="D104" s="5">
        <v>6</v>
      </c>
    </row>
    <row r="105" spans="1:4" ht="18" customHeight="1" x14ac:dyDescent="0.15">
      <c r="A105" s="8">
        <v>82</v>
      </c>
      <c r="B105" s="21">
        <v>2</v>
      </c>
      <c r="C105" s="6">
        <v>3</v>
      </c>
      <c r="D105" s="5">
        <v>5</v>
      </c>
    </row>
    <row r="106" spans="1:4" ht="18" customHeight="1" x14ac:dyDescent="0.15">
      <c r="A106" s="8">
        <v>83</v>
      </c>
      <c r="B106" s="21">
        <v>2</v>
      </c>
      <c r="C106" s="6">
        <v>1</v>
      </c>
      <c r="D106" s="5">
        <v>3</v>
      </c>
    </row>
    <row r="107" spans="1:4" ht="18" customHeight="1" x14ac:dyDescent="0.15">
      <c r="A107" s="8">
        <v>84</v>
      </c>
      <c r="B107" s="21">
        <v>1</v>
      </c>
      <c r="C107" s="6">
        <v>0</v>
      </c>
      <c r="D107" s="5">
        <v>1</v>
      </c>
    </row>
    <row r="108" spans="1:4" ht="18" customHeight="1" x14ac:dyDescent="0.15">
      <c r="A108" s="8" t="s">
        <v>7</v>
      </c>
      <c r="B108" s="21">
        <v>5</v>
      </c>
      <c r="C108" s="6">
        <v>12</v>
      </c>
      <c r="D108" s="5">
        <v>17</v>
      </c>
    </row>
    <row r="109" spans="1:4" ht="18" customHeight="1" x14ac:dyDescent="0.15">
      <c r="A109" s="8">
        <v>85</v>
      </c>
      <c r="B109" s="21">
        <v>0</v>
      </c>
      <c r="C109" s="6">
        <v>2</v>
      </c>
      <c r="D109" s="5">
        <v>2</v>
      </c>
    </row>
    <row r="110" spans="1:4" ht="18" customHeight="1" x14ac:dyDescent="0.15">
      <c r="A110" s="8">
        <v>86</v>
      </c>
      <c r="B110" s="21">
        <v>1</v>
      </c>
      <c r="C110" s="6">
        <v>5</v>
      </c>
      <c r="D110" s="5">
        <v>6</v>
      </c>
    </row>
    <row r="111" spans="1:4" ht="18" customHeight="1" x14ac:dyDescent="0.15">
      <c r="A111" s="8">
        <v>87</v>
      </c>
      <c r="B111" s="21">
        <v>2</v>
      </c>
      <c r="C111" s="6">
        <v>4</v>
      </c>
      <c r="D111" s="5">
        <v>6</v>
      </c>
    </row>
    <row r="112" spans="1:4" ht="18" customHeight="1" x14ac:dyDescent="0.15">
      <c r="A112" s="8">
        <v>88</v>
      </c>
      <c r="B112" s="21">
        <v>2</v>
      </c>
      <c r="C112" s="6">
        <v>3</v>
      </c>
      <c r="D112" s="5">
        <v>5</v>
      </c>
    </row>
    <row r="113" spans="1:4" ht="18" customHeight="1" x14ac:dyDescent="0.15">
      <c r="A113" s="8">
        <v>89</v>
      </c>
      <c r="B113" s="21">
        <v>2</v>
      </c>
      <c r="C113" s="6">
        <v>3</v>
      </c>
      <c r="D113" s="5">
        <v>5</v>
      </c>
    </row>
    <row r="114" spans="1:4" ht="18" customHeight="1" x14ac:dyDescent="0.15">
      <c r="A114" s="8" t="s">
        <v>6</v>
      </c>
      <c r="B114" s="21">
        <v>7</v>
      </c>
      <c r="C114" s="6">
        <v>17</v>
      </c>
      <c r="D114" s="5">
        <v>24</v>
      </c>
    </row>
    <row r="115" spans="1:4" ht="18" customHeight="1" x14ac:dyDescent="0.15">
      <c r="A115" s="8">
        <v>90</v>
      </c>
      <c r="B115" s="21">
        <v>0</v>
      </c>
      <c r="C115" s="6">
        <v>2</v>
      </c>
      <c r="D115" s="5">
        <v>2</v>
      </c>
    </row>
    <row r="116" spans="1:4" ht="18" customHeight="1" x14ac:dyDescent="0.15">
      <c r="A116" s="8">
        <v>91</v>
      </c>
      <c r="B116" s="21">
        <v>1</v>
      </c>
      <c r="C116" s="6">
        <v>3</v>
      </c>
      <c r="D116" s="5">
        <v>4</v>
      </c>
    </row>
    <row r="117" spans="1:4" ht="18" customHeight="1" x14ac:dyDescent="0.15">
      <c r="A117" s="8">
        <v>92</v>
      </c>
      <c r="B117" s="21">
        <v>0</v>
      </c>
      <c r="C117" s="6">
        <v>1</v>
      </c>
      <c r="D117" s="5">
        <v>1</v>
      </c>
    </row>
    <row r="118" spans="1:4" ht="18" customHeight="1" x14ac:dyDescent="0.15">
      <c r="A118" s="8">
        <v>93</v>
      </c>
      <c r="B118" s="21">
        <v>1</v>
      </c>
      <c r="C118" s="6">
        <v>7</v>
      </c>
      <c r="D118" s="5">
        <v>8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2</v>
      </c>
      <c r="C120" s="6">
        <v>13</v>
      </c>
      <c r="D120" s="5">
        <v>15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1</v>
      </c>
      <c r="C122" s="6">
        <v>1</v>
      </c>
      <c r="D122" s="5">
        <v>2</v>
      </c>
    </row>
    <row r="123" spans="1:4" ht="18" customHeight="1" x14ac:dyDescent="0.15">
      <c r="A123" s="8">
        <v>97</v>
      </c>
      <c r="B123" s="21">
        <v>1</v>
      </c>
      <c r="C123" s="6">
        <v>1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2</v>
      </c>
      <c r="C126" s="6">
        <v>5</v>
      </c>
      <c r="D126" s="5">
        <v>7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77</v>
      </c>
      <c r="C130" s="6">
        <v>97</v>
      </c>
      <c r="D130" s="5">
        <v>174</v>
      </c>
    </row>
    <row r="131" spans="1:4" ht="18" customHeight="1" x14ac:dyDescent="0.15">
      <c r="A131" s="4" t="s">
        <v>0</v>
      </c>
      <c r="B131" s="20">
        <v>171</v>
      </c>
      <c r="C131" s="2">
        <v>178</v>
      </c>
      <c r="D131" s="1">
        <v>3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E92C87-1CB8-4DE7-A767-7DD584509841}">
  <sheetPr codeName="Sheet7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2</v>
      </c>
      <c r="C6" s="6">
        <v>2</v>
      </c>
      <c r="D6" s="5">
        <v>4</v>
      </c>
    </row>
    <row r="7" spans="1:4" ht="18" customHeight="1" x14ac:dyDescent="0.15">
      <c r="A7" s="8">
        <v>2</v>
      </c>
      <c r="B7" s="26">
        <v>4</v>
      </c>
      <c r="C7" s="6">
        <v>1</v>
      </c>
      <c r="D7" s="5">
        <v>5</v>
      </c>
    </row>
    <row r="8" spans="1:4" ht="18" customHeight="1" x14ac:dyDescent="0.15">
      <c r="A8" s="8">
        <v>3</v>
      </c>
      <c r="B8" s="26">
        <v>2</v>
      </c>
      <c r="C8" s="6">
        <v>0</v>
      </c>
      <c r="D8" s="5">
        <v>2</v>
      </c>
    </row>
    <row r="9" spans="1:4" ht="18" customHeight="1" x14ac:dyDescent="0.15">
      <c r="A9" s="8">
        <v>4</v>
      </c>
      <c r="B9" s="29">
        <v>2</v>
      </c>
      <c r="C9" s="28">
        <v>1</v>
      </c>
      <c r="D9" s="27">
        <v>3</v>
      </c>
    </row>
    <row r="10" spans="1:4" ht="18" customHeight="1" x14ac:dyDescent="0.15">
      <c r="A10" s="8" t="s">
        <v>25</v>
      </c>
      <c r="B10" s="21">
        <v>10</v>
      </c>
      <c r="C10" s="6">
        <v>4</v>
      </c>
      <c r="D10" s="5">
        <v>14</v>
      </c>
    </row>
    <row r="11" spans="1:4" ht="18" customHeight="1" x14ac:dyDescent="0.15">
      <c r="A11" s="8">
        <v>5</v>
      </c>
      <c r="B11" s="26">
        <v>2</v>
      </c>
      <c r="C11" s="6">
        <v>1</v>
      </c>
      <c r="D11" s="5">
        <v>3</v>
      </c>
    </row>
    <row r="12" spans="1:4" ht="18" customHeight="1" x14ac:dyDescent="0.15">
      <c r="A12" s="8">
        <v>6</v>
      </c>
      <c r="B12" s="26">
        <v>1</v>
      </c>
      <c r="C12" s="6">
        <v>2</v>
      </c>
      <c r="D12" s="5">
        <v>3</v>
      </c>
    </row>
    <row r="13" spans="1:4" ht="18" customHeight="1" x14ac:dyDescent="0.15">
      <c r="A13" s="8">
        <v>7</v>
      </c>
      <c r="B13" s="26">
        <v>3</v>
      </c>
      <c r="C13" s="6">
        <v>2</v>
      </c>
      <c r="D13" s="5">
        <v>5</v>
      </c>
    </row>
    <row r="14" spans="1:4" ht="18" customHeight="1" x14ac:dyDescent="0.15">
      <c r="A14" s="8">
        <v>8</v>
      </c>
      <c r="B14" s="26">
        <v>3</v>
      </c>
      <c r="C14" s="6">
        <v>1</v>
      </c>
      <c r="D14" s="5">
        <v>4</v>
      </c>
    </row>
    <row r="15" spans="1:4" ht="18" customHeight="1" x14ac:dyDescent="0.15">
      <c r="A15" s="8">
        <v>9</v>
      </c>
      <c r="B15" s="26">
        <v>4</v>
      </c>
      <c r="C15" s="6">
        <v>1</v>
      </c>
      <c r="D15" s="5">
        <v>5</v>
      </c>
    </row>
    <row r="16" spans="1:4" ht="18" customHeight="1" x14ac:dyDescent="0.15">
      <c r="A16" s="8" t="s">
        <v>24</v>
      </c>
      <c r="B16" s="21">
        <v>13</v>
      </c>
      <c r="C16" s="6">
        <v>7</v>
      </c>
      <c r="D16" s="5">
        <v>20</v>
      </c>
    </row>
    <row r="17" spans="1:4" ht="18" customHeight="1" x14ac:dyDescent="0.15">
      <c r="A17" s="8">
        <v>10</v>
      </c>
      <c r="B17" s="21">
        <v>5</v>
      </c>
      <c r="C17" s="6">
        <v>12</v>
      </c>
      <c r="D17" s="5">
        <v>17</v>
      </c>
    </row>
    <row r="18" spans="1:4" ht="18" customHeight="1" x14ac:dyDescent="0.15">
      <c r="A18" s="8">
        <v>11</v>
      </c>
      <c r="B18" s="21">
        <v>2</v>
      </c>
      <c r="C18" s="6">
        <v>5</v>
      </c>
      <c r="D18" s="5">
        <v>7</v>
      </c>
    </row>
    <row r="19" spans="1:4" ht="18" customHeight="1" x14ac:dyDescent="0.15">
      <c r="A19" s="8">
        <v>12</v>
      </c>
      <c r="B19" s="21">
        <v>5</v>
      </c>
      <c r="C19" s="6">
        <v>3</v>
      </c>
      <c r="D19" s="5">
        <v>8</v>
      </c>
    </row>
    <row r="20" spans="1:4" ht="18" customHeight="1" x14ac:dyDescent="0.15">
      <c r="A20" s="8">
        <v>13</v>
      </c>
      <c r="B20" s="21">
        <v>5</v>
      </c>
      <c r="C20" s="6">
        <v>4</v>
      </c>
      <c r="D20" s="5">
        <v>9</v>
      </c>
    </row>
    <row r="21" spans="1:4" ht="18" customHeight="1" x14ac:dyDescent="0.15">
      <c r="A21" s="8">
        <v>14</v>
      </c>
      <c r="B21" s="21">
        <v>1</v>
      </c>
      <c r="C21" s="6">
        <v>5</v>
      </c>
      <c r="D21" s="5">
        <v>6</v>
      </c>
    </row>
    <row r="22" spans="1:4" ht="18" customHeight="1" x14ac:dyDescent="0.15">
      <c r="A22" s="8" t="s">
        <v>23</v>
      </c>
      <c r="B22" s="21">
        <v>18</v>
      </c>
      <c r="C22" s="6">
        <v>29</v>
      </c>
      <c r="D22" s="5">
        <v>47</v>
      </c>
    </row>
    <row r="23" spans="1:4" ht="18" customHeight="1" x14ac:dyDescent="0.15">
      <c r="A23" s="8" t="s">
        <v>22</v>
      </c>
      <c r="B23" s="21">
        <v>41</v>
      </c>
      <c r="C23" s="6">
        <v>40</v>
      </c>
      <c r="D23" s="5">
        <v>81</v>
      </c>
    </row>
    <row r="24" spans="1:4" ht="18" customHeight="1" x14ac:dyDescent="0.15">
      <c r="A24" s="8">
        <v>15</v>
      </c>
      <c r="B24" s="21">
        <v>5</v>
      </c>
      <c r="C24" s="6">
        <v>7</v>
      </c>
      <c r="D24" s="5">
        <v>12</v>
      </c>
    </row>
    <row r="25" spans="1:4" ht="18" customHeight="1" x14ac:dyDescent="0.15">
      <c r="A25" s="8">
        <v>16</v>
      </c>
      <c r="B25" s="21">
        <v>2</v>
      </c>
      <c r="C25" s="6">
        <v>4</v>
      </c>
      <c r="D25" s="5">
        <v>6</v>
      </c>
    </row>
    <row r="26" spans="1:4" ht="18" customHeight="1" x14ac:dyDescent="0.15">
      <c r="A26" s="8">
        <v>17</v>
      </c>
      <c r="B26" s="21">
        <v>8</v>
      </c>
      <c r="C26" s="6">
        <v>7</v>
      </c>
      <c r="D26" s="5">
        <v>15</v>
      </c>
    </row>
    <row r="27" spans="1:4" ht="18" customHeight="1" x14ac:dyDescent="0.15">
      <c r="A27" s="8">
        <v>18</v>
      </c>
      <c r="B27" s="21">
        <v>3</v>
      </c>
      <c r="C27" s="6">
        <v>4</v>
      </c>
      <c r="D27" s="5">
        <v>7</v>
      </c>
    </row>
    <row r="28" spans="1:4" ht="18" customHeight="1" x14ac:dyDescent="0.15">
      <c r="A28" s="8">
        <v>19</v>
      </c>
      <c r="B28" s="21">
        <v>8</v>
      </c>
      <c r="C28" s="6">
        <v>4</v>
      </c>
      <c r="D28" s="5">
        <v>12</v>
      </c>
    </row>
    <row r="29" spans="1:4" ht="18" customHeight="1" x14ac:dyDescent="0.15">
      <c r="A29" s="8" t="s">
        <v>21</v>
      </c>
      <c r="B29" s="21">
        <v>26</v>
      </c>
      <c r="C29" s="6">
        <v>26</v>
      </c>
      <c r="D29" s="5">
        <v>52</v>
      </c>
    </row>
    <row r="30" spans="1:4" ht="18" customHeight="1" x14ac:dyDescent="0.15">
      <c r="A30" s="8">
        <v>20</v>
      </c>
      <c r="B30" s="21">
        <v>4</v>
      </c>
      <c r="C30" s="6">
        <v>6</v>
      </c>
      <c r="D30" s="5">
        <v>10</v>
      </c>
    </row>
    <row r="31" spans="1:4" ht="18" customHeight="1" x14ac:dyDescent="0.15">
      <c r="A31" s="8">
        <v>21</v>
      </c>
      <c r="B31" s="21">
        <v>6</v>
      </c>
      <c r="C31" s="6">
        <v>4</v>
      </c>
      <c r="D31" s="5">
        <v>10</v>
      </c>
    </row>
    <row r="32" spans="1:4" ht="18" customHeight="1" x14ac:dyDescent="0.15">
      <c r="A32" s="8">
        <v>22</v>
      </c>
      <c r="B32" s="21">
        <v>4</v>
      </c>
      <c r="C32" s="6">
        <v>6</v>
      </c>
      <c r="D32" s="5">
        <v>10</v>
      </c>
    </row>
    <row r="33" spans="1:4" ht="18" customHeight="1" x14ac:dyDescent="0.15">
      <c r="A33" s="8">
        <v>23</v>
      </c>
      <c r="B33" s="21">
        <v>2</v>
      </c>
      <c r="C33" s="6">
        <v>11</v>
      </c>
      <c r="D33" s="5">
        <v>13</v>
      </c>
    </row>
    <row r="34" spans="1:4" ht="18" customHeight="1" x14ac:dyDescent="0.15">
      <c r="A34" s="8">
        <v>24</v>
      </c>
      <c r="B34" s="21">
        <v>2</v>
      </c>
      <c r="C34" s="6">
        <v>6</v>
      </c>
      <c r="D34" s="5">
        <v>8</v>
      </c>
    </row>
    <row r="35" spans="1:4" ht="18" customHeight="1" x14ac:dyDescent="0.15">
      <c r="A35" s="8" t="s">
        <v>20</v>
      </c>
      <c r="B35" s="21">
        <v>18</v>
      </c>
      <c r="C35" s="6">
        <v>33</v>
      </c>
      <c r="D35" s="5">
        <v>51</v>
      </c>
    </row>
    <row r="36" spans="1:4" ht="18" customHeight="1" x14ac:dyDescent="0.15">
      <c r="A36" s="8">
        <v>25</v>
      </c>
      <c r="B36" s="21">
        <v>2</v>
      </c>
      <c r="C36" s="6">
        <v>7</v>
      </c>
      <c r="D36" s="5">
        <v>9</v>
      </c>
    </row>
    <row r="37" spans="1:4" ht="18" customHeight="1" x14ac:dyDescent="0.15">
      <c r="A37" s="8">
        <v>26</v>
      </c>
      <c r="B37" s="21">
        <v>3</v>
      </c>
      <c r="C37" s="6">
        <v>5</v>
      </c>
      <c r="D37" s="5">
        <v>8</v>
      </c>
    </row>
    <row r="38" spans="1:4" ht="18" customHeight="1" x14ac:dyDescent="0.15">
      <c r="A38" s="8">
        <v>27</v>
      </c>
      <c r="B38" s="21">
        <v>6</v>
      </c>
      <c r="C38" s="6">
        <v>5</v>
      </c>
      <c r="D38" s="5">
        <v>11</v>
      </c>
    </row>
    <row r="39" spans="1:4" ht="18" customHeight="1" x14ac:dyDescent="0.15">
      <c r="A39" s="8">
        <v>28</v>
      </c>
      <c r="B39" s="21">
        <v>5</v>
      </c>
      <c r="C39" s="6">
        <v>2</v>
      </c>
      <c r="D39" s="5">
        <v>7</v>
      </c>
    </row>
    <row r="40" spans="1:4" ht="18" customHeight="1" x14ac:dyDescent="0.15">
      <c r="A40" s="8">
        <v>29</v>
      </c>
      <c r="B40" s="21">
        <v>3</v>
      </c>
      <c r="C40" s="6">
        <v>7</v>
      </c>
      <c r="D40" s="5">
        <v>10</v>
      </c>
    </row>
    <row r="41" spans="1:4" ht="18" customHeight="1" x14ac:dyDescent="0.15">
      <c r="A41" s="8" t="s">
        <v>19</v>
      </c>
      <c r="B41" s="21">
        <v>19</v>
      </c>
      <c r="C41" s="6">
        <v>26</v>
      </c>
      <c r="D41" s="5">
        <v>45</v>
      </c>
    </row>
    <row r="42" spans="1:4" ht="18" customHeight="1" x14ac:dyDescent="0.15">
      <c r="A42" s="8">
        <v>30</v>
      </c>
      <c r="B42" s="21">
        <v>6</v>
      </c>
      <c r="C42" s="6">
        <v>0</v>
      </c>
      <c r="D42" s="5">
        <v>6</v>
      </c>
    </row>
    <row r="43" spans="1:4" ht="18" customHeight="1" x14ac:dyDescent="0.15">
      <c r="A43" s="8">
        <v>31</v>
      </c>
      <c r="B43" s="21">
        <v>5</v>
      </c>
      <c r="C43" s="6">
        <v>1</v>
      </c>
      <c r="D43" s="5">
        <v>6</v>
      </c>
    </row>
    <row r="44" spans="1:4" ht="18" customHeight="1" x14ac:dyDescent="0.15">
      <c r="A44" s="8">
        <v>32</v>
      </c>
      <c r="B44" s="21">
        <v>2</v>
      </c>
      <c r="C44" s="6">
        <v>3</v>
      </c>
      <c r="D44" s="5">
        <v>5</v>
      </c>
    </row>
    <row r="45" spans="1:4" ht="18" customHeight="1" x14ac:dyDescent="0.15">
      <c r="A45" s="8">
        <v>33</v>
      </c>
      <c r="B45" s="21">
        <v>3</v>
      </c>
      <c r="C45" s="6">
        <v>3</v>
      </c>
      <c r="D45" s="5">
        <v>6</v>
      </c>
    </row>
    <row r="46" spans="1:4" ht="18" customHeight="1" x14ac:dyDescent="0.15">
      <c r="A46" s="8">
        <v>34</v>
      </c>
      <c r="B46" s="21">
        <v>5</v>
      </c>
      <c r="C46" s="6">
        <v>1</v>
      </c>
      <c r="D46" s="5">
        <v>6</v>
      </c>
    </row>
    <row r="47" spans="1:4" ht="18" customHeight="1" x14ac:dyDescent="0.15">
      <c r="A47" s="8" t="s">
        <v>18</v>
      </c>
      <c r="B47" s="21">
        <v>21</v>
      </c>
      <c r="C47" s="6">
        <v>8</v>
      </c>
      <c r="D47" s="5">
        <v>29</v>
      </c>
    </row>
    <row r="48" spans="1:4" ht="18" customHeight="1" x14ac:dyDescent="0.15">
      <c r="A48" s="8">
        <v>35</v>
      </c>
      <c r="B48" s="21">
        <v>4</v>
      </c>
      <c r="C48" s="6">
        <v>3</v>
      </c>
      <c r="D48" s="5">
        <v>7</v>
      </c>
    </row>
    <row r="49" spans="1:4" ht="18" customHeight="1" x14ac:dyDescent="0.15">
      <c r="A49" s="8">
        <v>36</v>
      </c>
      <c r="B49" s="21">
        <v>8</v>
      </c>
      <c r="C49" s="6">
        <v>3</v>
      </c>
      <c r="D49" s="5">
        <v>11</v>
      </c>
    </row>
    <row r="50" spans="1:4" ht="18" customHeight="1" x14ac:dyDescent="0.15">
      <c r="A50" s="8">
        <v>37</v>
      </c>
      <c r="B50" s="21">
        <v>6</v>
      </c>
      <c r="C50" s="6">
        <v>4</v>
      </c>
      <c r="D50" s="5">
        <v>10</v>
      </c>
    </row>
    <row r="51" spans="1:4" ht="18" customHeight="1" x14ac:dyDescent="0.15">
      <c r="A51" s="8">
        <v>38</v>
      </c>
      <c r="B51" s="21">
        <v>5</v>
      </c>
      <c r="C51" s="6">
        <v>6</v>
      </c>
      <c r="D51" s="5">
        <v>11</v>
      </c>
    </row>
    <row r="52" spans="1:4" ht="18" customHeight="1" x14ac:dyDescent="0.15">
      <c r="A52" s="8">
        <v>39</v>
      </c>
      <c r="B52" s="21">
        <v>5</v>
      </c>
      <c r="C52" s="6">
        <v>3</v>
      </c>
      <c r="D52" s="5">
        <v>8</v>
      </c>
    </row>
    <row r="53" spans="1:4" ht="18" customHeight="1" x14ac:dyDescent="0.15">
      <c r="A53" s="8" t="s">
        <v>17</v>
      </c>
      <c r="B53" s="21">
        <v>28</v>
      </c>
      <c r="C53" s="6">
        <v>19</v>
      </c>
      <c r="D53" s="5">
        <v>47</v>
      </c>
    </row>
    <row r="54" spans="1:4" ht="18" customHeight="1" x14ac:dyDescent="0.15">
      <c r="A54" s="8">
        <v>40</v>
      </c>
      <c r="B54" s="21">
        <v>2</v>
      </c>
      <c r="C54" s="6">
        <v>13</v>
      </c>
      <c r="D54" s="5">
        <v>15</v>
      </c>
    </row>
    <row r="55" spans="1:4" ht="18" customHeight="1" x14ac:dyDescent="0.15">
      <c r="A55" s="8">
        <v>41</v>
      </c>
      <c r="B55" s="21">
        <v>2</v>
      </c>
      <c r="C55" s="6">
        <v>5</v>
      </c>
      <c r="D55" s="5">
        <v>7</v>
      </c>
    </row>
    <row r="56" spans="1:4" ht="18" customHeight="1" x14ac:dyDescent="0.15">
      <c r="A56" s="8">
        <v>42</v>
      </c>
      <c r="B56" s="21">
        <v>6</v>
      </c>
      <c r="C56" s="6">
        <v>3</v>
      </c>
      <c r="D56" s="5">
        <v>9</v>
      </c>
    </row>
    <row r="57" spans="1:4" ht="18" customHeight="1" x14ac:dyDescent="0.15">
      <c r="A57" s="8">
        <v>43</v>
      </c>
      <c r="B57" s="21">
        <v>10</v>
      </c>
      <c r="C57" s="6">
        <v>6</v>
      </c>
      <c r="D57" s="5">
        <v>16</v>
      </c>
    </row>
    <row r="58" spans="1:4" ht="18" customHeight="1" x14ac:dyDescent="0.15">
      <c r="A58" s="8">
        <v>44</v>
      </c>
      <c r="B58" s="21">
        <v>6</v>
      </c>
      <c r="C58" s="6">
        <v>9</v>
      </c>
      <c r="D58" s="5">
        <v>15</v>
      </c>
    </row>
    <row r="59" spans="1:4" ht="18" customHeight="1" x14ac:dyDescent="0.15">
      <c r="A59" s="8" t="s">
        <v>16</v>
      </c>
      <c r="B59" s="21">
        <v>26</v>
      </c>
      <c r="C59" s="6">
        <v>36</v>
      </c>
      <c r="D59" s="5">
        <v>62</v>
      </c>
    </row>
    <row r="60" spans="1:4" ht="18" customHeight="1" x14ac:dyDescent="0.15">
      <c r="A60" s="8">
        <v>45</v>
      </c>
      <c r="B60" s="21">
        <v>8</v>
      </c>
      <c r="C60" s="6">
        <v>7</v>
      </c>
      <c r="D60" s="5">
        <v>15</v>
      </c>
    </row>
    <row r="61" spans="1:4" ht="18" customHeight="1" x14ac:dyDescent="0.15">
      <c r="A61" s="8">
        <v>46</v>
      </c>
      <c r="B61" s="21">
        <v>4</v>
      </c>
      <c r="C61" s="6">
        <v>6</v>
      </c>
      <c r="D61" s="5">
        <v>10</v>
      </c>
    </row>
    <row r="62" spans="1:4" ht="18" customHeight="1" x14ac:dyDescent="0.15">
      <c r="A62" s="8">
        <v>47</v>
      </c>
      <c r="B62" s="21">
        <v>7</v>
      </c>
      <c r="C62" s="6">
        <v>8</v>
      </c>
      <c r="D62" s="5">
        <v>15</v>
      </c>
    </row>
    <row r="63" spans="1:4" ht="18" customHeight="1" x14ac:dyDescent="0.15">
      <c r="A63" s="8">
        <v>48</v>
      </c>
      <c r="B63" s="21">
        <v>4</v>
      </c>
      <c r="C63" s="6">
        <v>4</v>
      </c>
      <c r="D63" s="5">
        <v>8</v>
      </c>
    </row>
    <row r="64" spans="1:4" ht="18" customHeight="1" x14ac:dyDescent="0.15">
      <c r="A64" s="8">
        <v>49</v>
      </c>
      <c r="B64" s="21">
        <v>8</v>
      </c>
      <c r="C64" s="6">
        <v>11</v>
      </c>
      <c r="D64" s="5">
        <v>19</v>
      </c>
    </row>
    <row r="65" spans="1:4" ht="18" customHeight="1" x14ac:dyDescent="0.15">
      <c r="A65" s="8" t="s">
        <v>15</v>
      </c>
      <c r="B65" s="21">
        <v>31</v>
      </c>
      <c r="C65" s="6">
        <v>36</v>
      </c>
      <c r="D65" s="5">
        <v>67</v>
      </c>
    </row>
    <row r="66" spans="1:4" ht="18" customHeight="1" x14ac:dyDescent="0.15">
      <c r="A66" s="8">
        <v>50</v>
      </c>
      <c r="B66" s="21">
        <v>11</v>
      </c>
      <c r="C66" s="6">
        <v>11</v>
      </c>
      <c r="D66" s="5">
        <v>22</v>
      </c>
    </row>
    <row r="67" spans="1:4" ht="18" customHeight="1" x14ac:dyDescent="0.15">
      <c r="A67" s="8">
        <v>51</v>
      </c>
      <c r="B67" s="21">
        <v>11</v>
      </c>
      <c r="C67" s="6">
        <v>6</v>
      </c>
      <c r="D67" s="5">
        <v>17</v>
      </c>
    </row>
    <row r="68" spans="1:4" ht="18" customHeight="1" x14ac:dyDescent="0.15">
      <c r="A68" s="8">
        <v>52</v>
      </c>
      <c r="B68" s="21">
        <v>12</v>
      </c>
      <c r="C68" s="6">
        <v>6</v>
      </c>
      <c r="D68" s="5">
        <v>18</v>
      </c>
    </row>
    <row r="69" spans="1:4" ht="18" customHeight="1" x14ac:dyDescent="0.15">
      <c r="A69" s="8">
        <v>53</v>
      </c>
      <c r="B69" s="21">
        <v>7</v>
      </c>
      <c r="C69" s="6">
        <v>10</v>
      </c>
      <c r="D69" s="5">
        <v>17</v>
      </c>
    </row>
    <row r="70" spans="1:4" ht="18" customHeight="1" x14ac:dyDescent="0.15">
      <c r="A70" s="8">
        <v>54</v>
      </c>
      <c r="B70" s="21">
        <v>8</v>
      </c>
      <c r="C70" s="6">
        <v>10</v>
      </c>
      <c r="D70" s="5">
        <v>18</v>
      </c>
    </row>
    <row r="71" spans="1:4" ht="18" customHeight="1" x14ac:dyDescent="0.15">
      <c r="A71" s="8" t="s">
        <v>14</v>
      </c>
      <c r="B71" s="21">
        <v>49</v>
      </c>
      <c r="C71" s="6">
        <v>43</v>
      </c>
      <c r="D71" s="5">
        <v>92</v>
      </c>
    </row>
    <row r="72" spans="1:4" ht="18" customHeight="1" x14ac:dyDescent="0.15">
      <c r="A72" s="8">
        <v>55</v>
      </c>
      <c r="B72" s="21">
        <v>7</v>
      </c>
      <c r="C72" s="6">
        <v>10</v>
      </c>
      <c r="D72" s="5">
        <v>17</v>
      </c>
    </row>
    <row r="73" spans="1:4" ht="18" customHeight="1" x14ac:dyDescent="0.15">
      <c r="A73" s="8">
        <v>56</v>
      </c>
      <c r="B73" s="21">
        <v>5</v>
      </c>
      <c r="C73" s="6">
        <v>6</v>
      </c>
      <c r="D73" s="5">
        <v>11</v>
      </c>
    </row>
    <row r="74" spans="1:4" ht="18" customHeight="1" x14ac:dyDescent="0.15">
      <c r="A74" s="8">
        <v>57</v>
      </c>
      <c r="B74" s="21">
        <v>5</v>
      </c>
      <c r="C74" s="6">
        <v>9</v>
      </c>
      <c r="D74" s="5">
        <v>14</v>
      </c>
    </row>
    <row r="75" spans="1:4" ht="18" customHeight="1" x14ac:dyDescent="0.15">
      <c r="A75" s="8">
        <v>58</v>
      </c>
      <c r="B75" s="21">
        <v>8</v>
      </c>
      <c r="C75" s="6">
        <v>5</v>
      </c>
      <c r="D75" s="5">
        <v>13</v>
      </c>
    </row>
    <row r="76" spans="1:4" ht="18" customHeight="1" x14ac:dyDescent="0.15">
      <c r="A76" s="8">
        <v>59</v>
      </c>
      <c r="B76" s="21">
        <v>3</v>
      </c>
      <c r="C76" s="6">
        <v>7</v>
      </c>
      <c r="D76" s="5">
        <v>10</v>
      </c>
    </row>
    <row r="77" spans="1:4" ht="18" customHeight="1" x14ac:dyDescent="0.15">
      <c r="A77" s="8" t="s">
        <v>13</v>
      </c>
      <c r="B77" s="21">
        <v>28</v>
      </c>
      <c r="C77" s="6">
        <v>37</v>
      </c>
      <c r="D77" s="5">
        <v>65</v>
      </c>
    </row>
    <row r="78" spans="1:4" ht="18" customHeight="1" x14ac:dyDescent="0.15">
      <c r="A78" s="8">
        <v>60</v>
      </c>
      <c r="B78" s="21">
        <v>5</v>
      </c>
      <c r="C78" s="6">
        <v>8</v>
      </c>
      <c r="D78" s="5">
        <v>13</v>
      </c>
    </row>
    <row r="79" spans="1:4" ht="18" customHeight="1" x14ac:dyDescent="0.15">
      <c r="A79" s="8">
        <v>61</v>
      </c>
      <c r="B79" s="21">
        <v>17</v>
      </c>
      <c r="C79" s="6">
        <v>5</v>
      </c>
      <c r="D79" s="5">
        <v>22</v>
      </c>
    </row>
    <row r="80" spans="1:4" ht="18" customHeight="1" x14ac:dyDescent="0.15">
      <c r="A80" s="8">
        <v>62</v>
      </c>
      <c r="B80" s="21">
        <v>5</v>
      </c>
      <c r="C80" s="6">
        <v>4</v>
      </c>
      <c r="D80" s="5">
        <v>9</v>
      </c>
    </row>
    <row r="81" spans="1:4" ht="18" customHeight="1" x14ac:dyDescent="0.15">
      <c r="A81" s="8">
        <v>63</v>
      </c>
      <c r="B81" s="21">
        <v>4</v>
      </c>
      <c r="C81" s="6">
        <v>5</v>
      </c>
      <c r="D81" s="5">
        <v>9</v>
      </c>
    </row>
    <row r="82" spans="1:4" ht="18" customHeight="1" x14ac:dyDescent="0.15">
      <c r="A82" s="8">
        <v>64</v>
      </c>
      <c r="B82" s="21">
        <v>6</v>
      </c>
      <c r="C82" s="6">
        <v>9</v>
      </c>
      <c r="D82" s="5">
        <v>15</v>
      </c>
    </row>
    <row r="83" spans="1:4" ht="18" customHeight="1" x14ac:dyDescent="0.15">
      <c r="A83" s="8" t="s">
        <v>12</v>
      </c>
      <c r="B83" s="21">
        <v>37</v>
      </c>
      <c r="C83" s="6">
        <v>31</v>
      </c>
      <c r="D83" s="5">
        <v>68</v>
      </c>
    </row>
    <row r="84" spans="1:4" ht="18" customHeight="1" x14ac:dyDescent="0.15">
      <c r="A84" s="8" t="s">
        <v>11</v>
      </c>
      <c r="B84" s="21">
        <v>283</v>
      </c>
      <c r="C84" s="6">
        <v>295</v>
      </c>
      <c r="D84" s="5">
        <v>578</v>
      </c>
    </row>
    <row r="85" spans="1:4" ht="18" customHeight="1" x14ac:dyDescent="0.15">
      <c r="A85" s="8">
        <v>65</v>
      </c>
      <c r="B85" s="21">
        <v>9</v>
      </c>
      <c r="C85" s="6">
        <v>7</v>
      </c>
      <c r="D85" s="5">
        <v>16</v>
      </c>
    </row>
    <row r="86" spans="1:4" ht="18" customHeight="1" x14ac:dyDescent="0.15">
      <c r="A86" s="8">
        <v>66</v>
      </c>
      <c r="B86" s="21">
        <v>11</v>
      </c>
      <c r="C86" s="6">
        <v>16</v>
      </c>
      <c r="D86" s="5">
        <v>27</v>
      </c>
    </row>
    <row r="87" spans="1:4" ht="18" customHeight="1" x14ac:dyDescent="0.15">
      <c r="A87" s="8">
        <v>67</v>
      </c>
      <c r="B87" s="21">
        <v>10</v>
      </c>
      <c r="C87" s="6">
        <v>12</v>
      </c>
      <c r="D87" s="5">
        <v>22</v>
      </c>
    </row>
    <row r="88" spans="1:4" ht="18" customHeight="1" x14ac:dyDescent="0.15">
      <c r="A88" s="8">
        <v>68</v>
      </c>
      <c r="B88" s="21">
        <v>9</v>
      </c>
      <c r="C88" s="6">
        <v>7</v>
      </c>
      <c r="D88" s="5">
        <v>16</v>
      </c>
    </row>
    <row r="89" spans="1:4" ht="18" customHeight="1" x14ac:dyDescent="0.15">
      <c r="A89" s="8">
        <v>69</v>
      </c>
      <c r="B89" s="21">
        <v>6</v>
      </c>
      <c r="C89" s="6">
        <v>5</v>
      </c>
      <c r="D89" s="5">
        <v>11</v>
      </c>
    </row>
    <row r="90" spans="1:4" ht="18" customHeight="1" x14ac:dyDescent="0.15">
      <c r="A90" s="8" t="s">
        <v>10</v>
      </c>
      <c r="B90" s="21">
        <v>45</v>
      </c>
      <c r="C90" s="6">
        <v>47</v>
      </c>
      <c r="D90" s="5">
        <v>92</v>
      </c>
    </row>
    <row r="91" spans="1:4" ht="18" customHeight="1" x14ac:dyDescent="0.15">
      <c r="A91" s="8">
        <v>70</v>
      </c>
      <c r="B91" s="21">
        <v>13</v>
      </c>
      <c r="C91" s="6">
        <v>9</v>
      </c>
      <c r="D91" s="5">
        <v>22</v>
      </c>
    </row>
    <row r="92" spans="1:4" ht="18" customHeight="1" x14ac:dyDescent="0.15">
      <c r="A92" s="8">
        <v>71</v>
      </c>
      <c r="B92" s="21">
        <v>16</v>
      </c>
      <c r="C92" s="6">
        <v>12</v>
      </c>
      <c r="D92" s="5">
        <v>28</v>
      </c>
    </row>
    <row r="93" spans="1:4" ht="18" customHeight="1" x14ac:dyDescent="0.15">
      <c r="A93" s="8">
        <v>72</v>
      </c>
      <c r="B93" s="21">
        <v>10</v>
      </c>
      <c r="C93" s="6">
        <v>10</v>
      </c>
      <c r="D93" s="5">
        <v>20</v>
      </c>
    </row>
    <row r="94" spans="1:4" ht="18" customHeight="1" x14ac:dyDescent="0.15">
      <c r="A94" s="8">
        <v>73</v>
      </c>
      <c r="B94" s="21">
        <v>12</v>
      </c>
      <c r="C94" s="6">
        <v>12</v>
      </c>
      <c r="D94" s="5">
        <v>24</v>
      </c>
    </row>
    <row r="95" spans="1:4" ht="18" customHeight="1" x14ac:dyDescent="0.15">
      <c r="A95" s="8">
        <v>74</v>
      </c>
      <c r="B95" s="21">
        <v>13</v>
      </c>
      <c r="C95" s="6">
        <v>6</v>
      </c>
      <c r="D95" s="5">
        <v>19</v>
      </c>
    </row>
    <row r="96" spans="1:4" ht="18" customHeight="1" x14ac:dyDescent="0.15">
      <c r="A96" s="8" t="s">
        <v>9</v>
      </c>
      <c r="B96" s="21">
        <v>64</v>
      </c>
      <c r="C96" s="6">
        <v>49</v>
      </c>
      <c r="D96" s="5">
        <v>113</v>
      </c>
    </row>
    <row r="97" spans="1:4" ht="18" customHeight="1" x14ac:dyDescent="0.15">
      <c r="A97" s="8">
        <v>75</v>
      </c>
      <c r="B97" s="21">
        <v>5</v>
      </c>
      <c r="C97" s="6">
        <v>8</v>
      </c>
      <c r="D97" s="5">
        <v>13</v>
      </c>
    </row>
    <row r="98" spans="1:4" ht="18" customHeight="1" x14ac:dyDescent="0.15">
      <c r="A98" s="8">
        <v>76</v>
      </c>
      <c r="B98" s="21">
        <v>9</v>
      </c>
      <c r="C98" s="6">
        <v>15</v>
      </c>
      <c r="D98" s="5">
        <v>24</v>
      </c>
    </row>
    <row r="99" spans="1:4" ht="18" customHeight="1" x14ac:dyDescent="0.15">
      <c r="A99" s="8">
        <v>77</v>
      </c>
      <c r="B99" s="21">
        <v>12</v>
      </c>
      <c r="C99" s="6">
        <v>10</v>
      </c>
      <c r="D99" s="5">
        <v>22</v>
      </c>
    </row>
    <row r="100" spans="1:4" ht="18" customHeight="1" x14ac:dyDescent="0.15">
      <c r="A100" s="8">
        <v>78</v>
      </c>
      <c r="B100" s="21">
        <v>9</v>
      </c>
      <c r="C100" s="6">
        <v>14</v>
      </c>
      <c r="D100" s="5">
        <v>23</v>
      </c>
    </row>
    <row r="101" spans="1:4" ht="18" customHeight="1" x14ac:dyDescent="0.15">
      <c r="A101" s="8">
        <v>79</v>
      </c>
      <c r="B101" s="21">
        <v>5</v>
      </c>
      <c r="C101" s="6">
        <v>6</v>
      </c>
      <c r="D101" s="5">
        <v>11</v>
      </c>
    </row>
    <row r="102" spans="1:4" ht="18" customHeight="1" x14ac:dyDescent="0.15">
      <c r="A102" s="8" t="s">
        <v>8</v>
      </c>
      <c r="B102" s="21">
        <v>40</v>
      </c>
      <c r="C102" s="6">
        <v>53</v>
      </c>
      <c r="D102" s="5">
        <v>93</v>
      </c>
    </row>
    <row r="103" spans="1:4" ht="18" customHeight="1" x14ac:dyDescent="0.15">
      <c r="A103" s="8">
        <v>80</v>
      </c>
      <c r="B103" s="21">
        <v>4</v>
      </c>
      <c r="C103" s="6">
        <v>6</v>
      </c>
      <c r="D103" s="5">
        <v>10</v>
      </c>
    </row>
    <row r="104" spans="1:4" ht="18" customHeight="1" x14ac:dyDescent="0.15">
      <c r="A104" s="8">
        <v>81</v>
      </c>
      <c r="B104" s="21">
        <v>4</v>
      </c>
      <c r="C104" s="6">
        <v>10</v>
      </c>
      <c r="D104" s="5">
        <v>14</v>
      </c>
    </row>
    <row r="105" spans="1:4" ht="18" customHeight="1" x14ac:dyDescent="0.15">
      <c r="A105" s="8">
        <v>82</v>
      </c>
      <c r="B105" s="21">
        <v>3</v>
      </c>
      <c r="C105" s="6">
        <v>6</v>
      </c>
      <c r="D105" s="5">
        <v>9</v>
      </c>
    </row>
    <row r="106" spans="1:4" ht="18" customHeight="1" x14ac:dyDescent="0.15">
      <c r="A106" s="8">
        <v>83</v>
      </c>
      <c r="B106" s="21">
        <v>3</v>
      </c>
      <c r="C106" s="6">
        <v>4</v>
      </c>
      <c r="D106" s="5">
        <v>7</v>
      </c>
    </row>
    <row r="107" spans="1:4" ht="18" customHeight="1" x14ac:dyDescent="0.15">
      <c r="A107" s="8">
        <v>84</v>
      </c>
      <c r="B107" s="21">
        <v>6</v>
      </c>
      <c r="C107" s="6">
        <v>9</v>
      </c>
      <c r="D107" s="5">
        <v>15</v>
      </c>
    </row>
    <row r="108" spans="1:4" ht="18" customHeight="1" x14ac:dyDescent="0.15">
      <c r="A108" s="8" t="s">
        <v>7</v>
      </c>
      <c r="B108" s="21">
        <v>20</v>
      </c>
      <c r="C108" s="6">
        <v>35</v>
      </c>
      <c r="D108" s="5">
        <v>55</v>
      </c>
    </row>
    <row r="109" spans="1:4" ht="18" customHeight="1" x14ac:dyDescent="0.15">
      <c r="A109" s="8">
        <v>85</v>
      </c>
      <c r="B109" s="21">
        <v>6</v>
      </c>
      <c r="C109" s="6">
        <v>6</v>
      </c>
      <c r="D109" s="5">
        <v>12</v>
      </c>
    </row>
    <row r="110" spans="1:4" ht="18" customHeight="1" x14ac:dyDescent="0.15">
      <c r="A110" s="8">
        <v>86</v>
      </c>
      <c r="B110" s="21">
        <v>2</v>
      </c>
      <c r="C110" s="6">
        <v>4</v>
      </c>
      <c r="D110" s="5">
        <v>6</v>
      </c>
    </row>
    <row r="111" spans="1:4" ht="18" customHeight="1" x14ac:dyDescent="0.15">
      <c r="A111" s="8">
        <v>87</v>
      </c>
      <c r="B111" s="21">
        <v>5</v>
      </c>
      <c r="C111" s="6">
        <v>9</v>
      </c>
      <c r="D111" s="5">
        <v>14</v>
      </c>
    </row>
    <row r="112" spans="1:4" ht="18" customHeight="1" x14ac:dyDescent="0.15">
      <c r="A112" s="8">
        <v>88</v>
      </c>
      <c r="B112" s="21">
        <v>4</v>
      </c>
      <c r="C112" s="6">
        <v>4</v>
      </c>
      <c r="D112" s="5">
        <v>8</v>
      </c>
    </row>
    <row r="113" spans="1:4" ht="18" customHeight="1" x14ac:dyDescent="0.15">
      <c r="A113" s="8">
        <v>89</v>
      </c>
      <c r="B113" s="21">
        <v>4</v>
      </c>
      <c r="C113" s="6">
        <v>5</v>
      </c>
      <c r="D113" s="5">
        <v>9</v>
      </c>
    </row>
    <row r="114" spans="1:4" ht="18" customHeight="1" x14ac:dyDescent="0.15">
      <c r="A114" s="8" t="s">
        <v>6</v>
      </c>
      <c r="B114" s="21">
        <v>21</v>
      </c>
      <c r="C114" s="6">
        <v>28</v>
      </c>
      <c r="D114" s="5">
        <v>49</v>
      </c>
    </row>
    <row r="115" spans="1:4" ht="18" customHeight="1" x14ac:dyDescent="0.15">
      <c r="A115" s="8">
        <v>90</v>
      </c>
      <c r="B115" s="21">
        <v>2</v>
      </c>
      <c r="C115" s="6">
        <v>3</v>
      </c>
      <c r="D115" s="5">
        <v>5</v>
      </c>
    </row>
    <row r="116" spans="1:4" ht="18" customHeight="1" x14ac:dyDescent="0.15">
      <c r="A116" s="8">
        <v>91</v>
      </c>
      <c r="B116" s="21">
        <v>0</v>
      </c>
      <c r="C116" s="6">
        <v>9</v>
      </c>
      <c r="D116" s="5">
        <v>9</v>
      </c>
    </row>
    <row r="117" spans="1:4" ht="18" customHeight="1" x14ac:dyDescent="0.15">
      <c r="A117" s="8">
        <v>92</v>
      </c>
      <c r="B117" s="21">
        <v>1</v>
      </c>
      <c r="C117" s="6">
        <v>0</v>
      </c>
      <c r="D117" s="5">
        <v>1</v>
      </c>
    </row>
    <row r="118" spans="1:4" ht="18" customHeight="1" x14ac:dyDescent="0.15">
      <c r="A118" s="8">
        <v>93</v>
      </c>
      <c r="B118" s="21">
        <v>0</v>
      </c>
      <c r="C118" s="6">
        <v>9</v>
      </c>
      <c r="D118" s="5">
        <v>9</v>
      </c>
    </row>
    <row r="119" spans="1:4" ht="18" customHeight="1" x14ac:dyDescent="0.15">
      <c r="A119" s="8">
        <v>94</v>
      </c>
      <c r="B119" s="21">
        <v>1</v>
      </c>
      <c r="C119" s="6">
        <v>6</v>
      </c>
      <c r="D119" s="5">
        <v>7</v>
      </c>
    </row>
    <row r="120" spans="1:4" ht="18" customHeight="1" x14ac:dyDescent="0.15">
      <c r="A120" s="8" t="s">
        <v>5</v>
      </c>
      <c r="B120" s="21">
        <v>4</v>
      </c>
      <c r="C120" s="6">
        <v>27</v>
      </c>
      <c r="D120" s="5">
        <v>31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2</v>
      </c>
      <c r="C122" s="6">
        <v>1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2</v>
      </c>
      <c r="D124" s="5">
        <v>2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2</v>
      </c>
      <c r="C126" s="6">
        <v>10</v>
      </c>
      <c r="D126" s="5">
        <v>12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1</v>
      </c>
      <c r="C128" s="6">
        <v>2</v>
      </c>
      <c r="D128" s="5">
        <v>3</v>
      </c>
    </row>
    <row r="129" spans="1:4" ht="18" customHeight="1" x14ac:dyDescent="0.15">
      <c r="A129" s="8" t="s">
        <v>2</v>
      </c>
      <c r="B129" s="21">
        <v>1</v>
      </c>
      <c r="C129" s="6">
        <v>2</v>
      </c>
      <c r="D129" s="5">
        <v>3</v>
      </c>
    </row>
    <row r="130" spans="1:4" ht="18" customHeight="1" x14ac:dyDescent="0.15">
      <c r="A130" s="8" t="s">
        <v>1</v>
      </c>
      <c r="B130" s="21">
        <v>197</v>
      </c>
      <c r="C130" s="6">
        <v>251</v>
      </c>
      <c r="D130" s="5">
        <v>448</v>
      </c>
    </row>
    <row r="131" spans="1:4" ht="18" customHeight="1" x14ac:dyDescent="0.15">
      <c r="A131" s="4" t="s">
        <v>0</v>
      </c>
      <c r="B131" s="20">
        <v>521</v>
      </c>
      <c r="C131" s="2">
        <v>586</v>
      </c>
      <c r="D131" s="1">
        <v>110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3B2494-F659-4320-9BA2-654CADBF5D0F}">
  <sheetPr codeName="Sheet1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7</v>
      </c>
      <c r="C5" s="11">
        <v>10</v>
      </c>
      <c r="D5" s="10">
        <v>27</v>
      </c>
    </row>
    <row r="6" spans="1:4" ht="18" customHeight="1" x14ac:dyDescent="0.15">
      <c r="A6" s="8">
        <v>1</v>
      </c>
      <c r="B6" s="21">
        <v>9</v>
      </c>
      <c r="C6" s="6">
        <v>14</v>
      </c>
      <c r="D6" s="5">
        <v>23</v>
      </c>
    </row>
    <row r="7" spans="1:4" ht="18" customHeight="1" x14ac:dyDescent="0.15">
      <c r="A7" s="8">
        <v>2</v>
      </c>
      <c r="B7" s="21">
        <v>8</v>
      </c>
      <c r="C7" s="6">
        <v>17</v>
      </c>
      <c r="D7" s="5">
        <v>25</v>
      </c>
    </row>
    <row r="8" spans="1:4" ht="18" customHeight="1" x14ac:dyDescent="0.15">
      <c r="A8" s="8">
        <v>3</v>
      </c>
      <c r="B8" s="21">
        <v>19</v>
      </c>
      <c r="C8" s="6">
        <v>7</v>
      </c>
      <c r="D8" s="5">
        <v>26</v>
      </c>
    </row>
    <row r="9" spans="1:4" ht="18" customHeight="1" x14ac:dyDescent="0.15">
      <c r="A9" s="8">
        <v>4</v>
      </c>
      <c r="B9" s="21">
        <v>16</v>
      </c>
      <c r="C9" s="6">
        <v>11</v>
      </c>
      <c r="D9" s="5">
        <v>27</v>
      </c>
    </row>
    <row r="10" spans="1:4" ht="18" customHeight="1" x14ac:dyDescent="0.15">
      <c r="A10" s="8" t="s">
        <v>25</v>
      </c>
      <c r="B10" s="21">
        <v>69</v>
      </c>
      <c r="C10" s="6">
        <v>59</v>
      </c>
      <c r="D10" s="5">
        <v>128</v>
      </c>
    </row>
    <row r="11" spans="1:4" ht="18" customHeight="1" x14ac:dyDescent="0.15">
      <c r="A11" s="8">
        <v>5</v>
      </c>
      <c r="B11" s="21">
        <v>19</v>
      </c>
      <c r="C11" s="6">
        <v>12</v>
      </c>
      <c r="D11" s="5">
        <v>31</v>
      </c>
    </row>
    <row r="12" spans="1:4" ht="18" customHeight="1" x14ac:dyDescent="0.15">
      <c r="A12" s="8">
        <v>6</v>
      </c>
      <c r="B12" s="21">
        <v>19</v>
      </c>
      <c r="C12" s="6">
        <v>14</v>
      </c>
      <c r="D12" s="5">
        <v>33</v>
      </c>
    </row>
    <row r="13" spans="1:4" ht="18" customHeight="1" x14ac:dyDescent="0.15">
      <c r="A13" s="8">
        <v>7</v>
      </c>
      <c r="B13" s="21">
        <v>15</v>
      </c>
      <c r="C13" s="6">
        <v>14</v>
      </c>
      <c r="D13" s="5">
        <v>29</v>
      </c>
    </row>
    <row r="14" spans="1:4" ht="18" customHeight="1" x14ac:dyDescent="0.15">
      <c r="A14" s="8">
        <v>8</v>
      </c>
      <c r="B14" s="21">
        <v>18</v>
      </c>
      <c r="C14" s="6">
        <v>19</v>
      </c>
      <c r="D14" s="5">
        <v>37</v>
      </c>
    </row>
    <row r="15" spans="1:4" ht="18" customHeight="1" x14ac:dyDescent="0.15">
      <c r="A15" s="8">
        <v>9</v>
      </c>
      <c r="B15" s="21">
        <v>11</v>
      </c>
      <c r="C15" s="6">
        <v>22</v>
      </c>
      <c r="D15" s="5">
        <v>33</v>
      </c>
    </row>
    <row r="16" spans="1:4" ht="18" customHeight="1" x14ac:dyDescent="0.15">
      <c r="A16" s="8" t="s">
        <v>24</v>
      </c>
      <c r="B16" s="21">
        <v>82</v>
      </c>
      <c r="C16" s="6">
        <v>81</v>
      </c>
      <c r="D16" s="5">
        <v>163</v>
      </c>
    </row>
    <row r="17" spans="1:4" ht="18" customHeight="1" x14ac:dyDescent="0.15">
      <c r="A17" s="8">
        <v>10</v>
      </c>
      <c r="B17" s="21">
        <v>17</v>
      </c>
      <c r="C17" s="6">
        <v>14</v>
      </c>
      <c r="D17" s="5">
        <v>31</v>
      </c>
    </row>
    <row r="18" spans="1:4" ht="18" customHeight="1" x14ac:dyDescent="0.15">
      <c r="A18" s="8">
        <v>11</v>
      </c>
      <c r="B18" s="21">
        <v>18</v>
      </c>
      <c r="C18" s="6">
        <v>18</v>
      </c>
      <c r="D18" s="5">
        <v>36</v>
      </c>
    </row>
    <row r="19" spans="1:4" ht="18" customHeight="1" x14ac:dyDescent="0.15">
      <c r="A19" s="8">
        <v>12</v>
      </c>
      <c r="B19" s="21">
        <v>17</v>
      </c>
      <c r="C19" s="6">
        <v>15</v>
      </c>
      <c r="D19" s="5">
        <v>32</v>
      </c>
    </row>
    <row r="20" spans="1:4" ht="18" customHeight="1" x14ac:dyDescent="0.15">
      <c r="A20" s="8">
        <v>13</v>
      </c>
      <c r="B20" s="21">
        <v>12</v>
      </c>
      <c r="C20" s="6">
        <v>23</v>
      </c>
      <c r="D20" s="5">
        <v>35</v>
      </c>
    </row>
    <row r="21" spans="1:4" ht="18" customHeight="1" x14ac:dyDescent="0.15">
      <c r="A21" s="8">
        <v>14</v>
      </c>
      <c r="B21" s="21">
        <v>17</v>
      </c>
      <c r="C21" s="6">
        <v>20</v>
      </c>
      <c r="D21" s="5">
        <v>37</v>
      </c>
    </row>
    <row r="22" spans="1:4" ht="18" customHeight="1" x14ac:dyDescent="0.15">
      <c r="A22" s="8" t="s">
        <v>23</v>
      </c>
      <c r="B22" s="21">
        <v>81</v>
      </c>
      <c r="C22" s="6">
        <v>90</v>
      </c>
      <c r="D22" s="5">
        <v>171</v>
      </c>
    </row>
    <row r="23" spans="1:4" ht="18" customHeight="1" x14ac:dyDescent="0.15">
      <c r="A23" s="8" t="s">
        <v>22</v>
      </c>
      <c r="B23" s="21">
        <v>232</v>
      </c>
      <c r="C23" s="6">
        <v>230</v>
      </c>
      <c r="D23" s="5">
        <v>462</v>
      </c>
    </row>
    <row r="24" spans="1:4" ht="18" customHeight="1" x14ac:dyDescent="0.15">
      <c r="A24" s="8">
        <v>15</v>
      </c>
      <c r="B24" s="21">
        <v>22</v>
      </c>
      <c r="C24" s="6">
        <v>12</v>
      </c>
      <c r="D24" s="5">
        <v>34</v>
      </c>
    </row>
    <row r="25" spans="1:4" ht="18" customHeight="1" x14ac:dyDescent="0.15">
      <c r="A25" s="8">
        <v>16</v>
      </c>
      <c r="B25" s="21">
        <v>18</v>
      </c>
      <c r="C25" s="6">
        <v>15</v>
      </c>
      <c r="D25" s="5">
        <v>33</v>
      </c>
    </row>
    <row r="26" spans="1:4" ht="18" customHeight="1" x14ac:dyDescent="0.15">
      <c r="A26" s="8">
        <v>17</v>
      </c>
      <c r="B26" s="21">
        <v>13</v>
      </c>
      <c r="C26" s="6">
        <v>25</v>
      </c>
      <c r="D26" s="5">
        <v>38</v>
      </c>
    </row>
    <row r="27" spans="1:4" ht="18" customHeight="1" x14ac:dyDescent="0.15">
      <c r="A27" s="8">
        <v>18</v>
      </c>
      <c r="B27" s="21">
        <v>16</v>
      </c>
      <c r="C27" s="6">
        <v>19</v>
      </c>
      <c r="D27" s="5">
        <v>35</v>
      </c>
    </row>
    <row r="28" spans="1:4" ht="18" customHeight="1" x14ac:dyDescent="0.15">
      <c r="A28" s="8">
        <v>19</v>
      </c>
      <c r="B28" s="21">
        <v>22</v>
      </c>
      <c r="C28" s="6">
        <v>16</v>
      </c>
      <c r="D28" s="5">
        <v>38</v>
      </c>
    </row>
    <row r="29" spans="1:4" ht="18" customHeight="1" x14ac:dyDescent="0.15">
      <c r="A29" s="8" t="s">
        <v>21</v>
      </c>
      <c r="B29" s="21">
        <v>91</v>
      </c>
      <c r="C29" s="6">
        <v>87</v>
      </c>
      <c r="D29" s="5">
        <v>178</v>
      </c>
    </row>
    <row r="30" spans="1:4" ht="18" customHeight="1" x14ac:dyDescent="0.15">
      <c r="A30" s="8">
        <v>20</v>
      </c>
      <c r="B30" s="21">
        <v>24</v>
      </c>
      <c r="C30" s="6">
        <v>15</v>
      </c>
      <c r="D30" s="5">
        <v>39</v>
      </c>
    </row>
    <row r="31" spans="1:4" ht="18" customHeight="1" x14ac:dyDescent="0.15">
      <c r="A31" s="8">
        <v>21</v>
      </c>
      <c r="B31" s="21">
        <v>17</v>
      </c>
      <c r="C31" s="6">
        <v>15</v>
      </c>
      <c r="D31" s="5">
        <v>32</v>
      </c>
    </row>
    <row r="32" spans="1:4" ht="18" customHeight="1" x14ac:dyDescent="0.15">
      <c r="A32" s="8">
        <v>22</v>
      </c>
      <c r="B32" s="21">
        <v>27</v>
      </c>
      <c r="C32" s="6">
        <v>23</v>
      </c>
      <c r="D32" s="5">
        <v>50</v>
      </c>
    </row>
    <row r="33" spans="1:4" ht="18" customHeight="1" x14ac:dyDescent="0.15">
      <c r="A33" s="8">
        <v>23</v>
      </c>
      <c r="B33" s="21">
        <v>35</v>
      </c>
      <c r="C33" s="6">
        <v>21</v>
      </c>
      <c r="D33" s="5">
        <v>56</v>
      </c>
    </row>
    <row r="34" spans="1:4" ht="18" customHeight="1" x14ac:dyDescent="0.15">
      <c r="A34" s="8">
        <v>24</v>
      </c>
      <c r="B34" s="21">
        <v>38</v>
      </c>
      <c r="C34" s="6">
        <v>23</v>
      </c>
      <c r="D34" s="5">
        <v>61</v>
      </c>
    </row>
    <row r="35" spans="1:4" ht="18" customHeight="1" x14ac:dyDescent="0.15">
      <c r="A35" s="8" t="s">
        <v>20</v>
      </c>
      <c r="B35" s="21">
        <v>141</v>
      </c>
      <c r="C35" s="6">
        <v>97</v>
      </c>
      <c r="D35" s="5">
        <v>238</v>
      </c>
    </row>
    <row r="36" spans="1:4" ht="18" customHeight="1" x14ac:dyDescent="0.15">
      <c r="A36" s="8">
        <v>25</v>
      </c>
      <c r="B36" s="21">
        <v>30</v>
      </c>
      <c r="C36" s="6">
        <v>22</v>
      </c>
      <c r="D36" s="5">
        <v>52</v>
      </c>
    </row>
    <row r="37" spans="1:4" ht="18" customHeight="1" x14ac:dyDescent="0.15">
      <c r="A37" s="8">
        <v>26</v>
      </c>
      <c r="B37" s="21">
        <v>26</v>
      </c>
      <c r="C37" s="6">
        <v>26</v>
      </c>
      <c r="D37" s="5">
        <v>52</v>
      </c>
    </row>
    <row r="38" spans="1:4" ht="18" customHeight="1" x14ac:dyDescent="0.15">
      <c r="A38" s="8">
        <v>27</v>
      </c>
      <c r="B38" s="21">
        <v>37</v>
      </c>
      <c r="C38" s="6">
        <v>22</v>
      </c>
      <c r="D38" s="5">
        <v>59</v>
      </c>
    </row>
    <row r="39" spans="1:4" ht="18" customHeight="1" x14ac:dyDescent="0.15">
      <c r="A39" s="8">
        <v>28</v>
      </c>
      <c r="B39" s="21">
        <v>38</v>
      </c>
      <c r="C39" s="6">
        <v>20</v>
      </c>
      <c r="D39" s="5">
        <v>58</v>
      </c>
    </row>
    <row r="40" spans="1:4" ht="18" customHeight="1" x14ac:dyDescent="0.15">
      <c r="A40" s="8">
        <v>29</v>
      </c>
      <c r="B40" s="21">
        <v>39</v>
      </c>
      <c r="C40" s="6">
        <v>22</v>
      </c>
      <c r="D40" s="5">
        <v>61</v>
      </c>
    </row>
    <row r="41" spans="1:4" ht="18" customHeight="1" x14ac:dyDescent="0.15">
      <c r="A41" s="8" t="s">
        <v>19</v>
      </c>
      <c r="B41" s="21">
        <v>170</v>
      </c>
      <c r="C41" s="6">
        <v>112</v>
      </c>
      <c r="D41" s="5">
        <v>282</v>
      </c>
    </row>
    <row r="42" spans="1:4" ht="18" customHeight="1" x14ac:dyDescent="0.15">
      <c r="A42" s="8">
        <v>30</v>
      </c>
      <c r="B42" s="21">
        <v>24</v>
      </c>
      <c r="C42" s="6">
        <v>22</v>
      </c>
      <c r="D42" s="5">
        <v>46</v>
      </c>
    </row>
    <row r="43" spans="1:4" ht="18" customHeight="1" x14ac:dyDescent="0.15">
      <c r="A43" s="8">
        <v>31</v>
      </c>
      <c r="B43" s="21">
        <v>31</v>
      </c>
      <c r="C43" s="6">
        <v>19</v>
      </c>
      <c r="D43" s="5">
        <v>50</v>
      </c>
    </row>
    <row r="44" spans="1:4" ht="18" customHeight="1" x14ac:dyDescent="0.15">
      <c r="A44" s="8">
        <v>32</v>
      </c>
      <c r="B44" s="21">
        <v>31</v>
      </c>
      <c r="C44" s="6">
        <v>21</v>
      </c>
      <c r="D44" s="5">
        <v>52</v>
      </c>
    </row>
    <row r="45" spans="1:4" ht="18" customHeight="1" x14ac:dyDescent="0.15">
      <c r="A45" s="8">
        <v>33</v>
      </c>
      <c r="B45" s="21">
        <v>19</v>
      </c>
      <c r="C45" s="6">
        <v>19</v>
      </c>
      <c r="D45" s="5">
        <v>38</v>
      </c>
    </row>
    <row r="46" spans="1:4" ht="18" customHeight="1" x14ac:dyDescent="0.15">
      <c r="A46" s="8">
        <v>34</v>
      </c>
      <c r="B46" s="21">
        <v>30</v>
      </c>
      <c r="C46" s="6">
        <v>27</v>
      </c>
      <c r="D46" s="5">
        <v>57</v>
      </c>
    </row>
    <row r="47" spans="1:4" ht="18" customHeight="1" x14ac:dyDescent="0.15">
      <c r="A47" s="8" t="s">
        <v>18</v>
      </c>
      <c r="B47" s="21">
        <v>135</v>
      </c>
      <c r="C47" s="6">
        <v>108</v>
      </c>
      <c r="D47" s="5">
        <v>243</v>
      </c>
    </row>
    <row r="48" spans="1:4" ht="18" customHeight="1" x14ac:dyDescent="0.15">
      <c r="A48" s="8">
        <v>35</v>
      </c>
      <c r="B48" s="21">
        <v>24</v>
      </c>
      <c r="C48" s="6">
        <v>30</v>
      </c>
      <c r="D48" s="5">
        <v>54</v>
      </c>
    </row>
    <row r="49" spans="1:4" ht="18" customHeight="1" x14ac:dyDescent="0.15">
      <c r="A49" s="8">
        <v>36</v>
      </c>
      <c r="B49" s="21">
        <v>33</v>
      </c>
      <c r="C49" s="6">
        <v>20</v>
      </c>
      <c r="D49" s="5">
        <v>53</v>
      </c>
    </row>
    <row r="50" spans="1:4" ht="18" customHeight="1" x14ac:dyDescent="0.15">
      <c r="A50" s="8">
        <v>37</v>
      </c>
      <c r="B50" s="21">
        <v>29</v>
      </c>
      <c r="C50" s="6">
        <v>22</v>
      </c>
      <c r="D50" s="5">
        <v>51</v>
      </c>
    </row>
    <row r="51" spans="1:4" ht="18" customHeight="1" x14ac:dyDescent="0.15">
      <c r="A51" s="8">
        <v>38</v>
      </c>
      <c r="B51" s="21">
        <v>35</v>
      </c>
      <c r="C51" s="6">
        <v>33</v>
      </c>
      <c r="D51" s="5">
        <v>68</v>
      </c>
    </row>
    <row r="52" spans="1:4" ht="18" customHeight="1" x14ac:dyDescent="0.15">
      <c r="A52" s="8">
        <v>39</v>
      </c>
      <c r="B52" s="21">
        <v>24</v>
      </c>
      <c r="C52" s="6">
        <v>31</v>
      </c>
      <c r="D52" s="5">
        <v>55</v>
      </c>
    </row>
    <row r="53" spans="1:4" ht="18" customHeight="1" x14ac:dyDescent="0.15">
      <c r="A53" s="8" t="s">
        <v>17</v>
      </c>
      <c r="B53" s="21">
        <v>145</v>
      </c>
      <c r="C53" s="6">
        <v>136</v>
      </c>
      <c r="D53" s="5">
        <v>281</v>
      </c>
    </row>
    <row r="54" spans="1:4" ht="18" customHeight="1" x14ac:dyDescent="0.15">
      <c r="A54" s="8">
        <v>40</v>
      </c>
      <c r="B54" s="21">
        <v>28</v>
      </c>
      <c r="C54" s="6">
        <v>24</v>
      </c>
      <c r="D54" s="5">
        <v>52</v>
      </c>
    </row>
    <row r="55" spans="1:4" ht="18" customHeight="1" x14ac:dyDescent="0.15">
      <c r="A55" s="8">
        <v>41</v>
      </c>
      <c r="B55" s="21">
        <v>28</v>
      </c>
      <c r="C55" s="6">
        <v>28</v>
      </c>
      <c r="D55" s="5">
        <v>56</v>
      </c>
    </row>
    <row r="56" spans="1:4" ht="18" customHeight="1" x14ac:dyDescent="0.15">
      <c r="A56" s="8">
        <v>42</v>
      </c>
      <c r="B56" s="21">
        <v>32</v>
      </c>
      <c r="C56" s="6">
        <v>21</v>
      </c>
      <c r="D56" s="5">
        <v>53</v>
      </c>
    </row>
    <row r="57" spans="1:4" ht="18" customHeight="1" x14ac:dyDescent="0.15">
      <c r="A57" s="8">
        <v>43</v>
      </c>
      <c r="B57" s="21">
        <v>33</v>
      </c>
      <c r="C57" s="6">
        <v>31</v>
      </c>
      <c r="D57" s="5">
        <v>64</v>
      </c>
    </row>
    <row r="58" spans="1:4" ht="18" customHeight="1" x14ac:dyDescent="0.15">
      <c r="A58" s="8">
        <v>44</v>
      </c>
      <c r="B58" s="21">
        <v>29</v>
      </c>
      <c r="C58" s="6">
        <v>27</v>
      </c>
      <c r="D58" s="5">
        <v>56</v>
      </c>
    </row>
    <row r="59" spans="1:4" ht="18" customHeight="1" x14ac:dyDescent="0.15">
      <c r="A59" s="8" t="s">
        <v>16</v>
      </c>
      <c r="B59" s="21">
        <v>150</v>
      </c>
      <c r="C59" s="6">
        <v>131</v>
      </c>
      <c r="D59" s="5">
        <v>281</v>
      </c>
    </row>
    <row r="60" spans="1:4" ht="18" customHeight="1" x14ac:dyDescent="0.15">
      <c r="A60" s="8">
        <v>45</v>
      </c>
      <c r="B60" s="21">
        <v>32</v>
      </c>
      <c r="C60" s="6">
        <v>35</v>
      </c>
      <c r="D60" s="5">
        <v>67</v>
      </c>
    </row>
    <row r="61" spans="1:4" ht="18" customHeight="1" x14ac:dyDescent="0.15">
      <c r="A61" s="8">
        <v>46</v>
      </c>
      <c r="B61" s="21">
        <v>40</v>
      </c>
      <c r="C61" s="6">
        <v>39</v>
      </c>
      <c r="D61" s="5">
        <v>79</v>
      </c>
    </row>
    <row r="62" spans="1:4" ht="18" customHeight="1" x14ac:dyDescent="0.15">
      <c r="A62" s="8">
        <v>47</v>
      </c>
      <c r="B62" s="21">
        <v>45</v>
      </c>
      <c r="C62" s="6">
        <v>40</v>
      </c>
      <c r="D62" s="5">
        <v>85</v>
      </c>
    </row>
    <row r="63" spans="1:4" ht="18" customHeight="1" x14ac:dyDescent="0.15">
      <c r="A63" s="8">
        <v>48</v>
      </c>
      <c r="B63" s="21">
        <v>39</v>
      </c>
      <c r="C63" s="6">
        <v>28</v>
      </c>
      <c r="D63" s="5">
        <v>67</v>
      </c>
    </row>
    <row r="64" spans="1:4" ht="18" customHeight="1" x14ac:dyDescent="0.15">
      <c r="A64" s="8">
        <v>49</v>
      </c>
      <c r="B64" s="21">
        <v>46</v>
      </c>
      <c r="C64" s="6">
        <v>47</v>
      </c>
      <c r="D64" s="5">
        <v>93</v>
      </c>
    </row>
    <row r="65" spans="1:4" ht="18" customHeight="1" x14ac:dyDescent="0.15">
      <c r="A65" s="8" t="s">
        <v>15</v>
      </c>
      <c r="B65" s="21">
        <v>202</v>
      </c>
      <c r="C65" s="6">
        <v>189</v>
      </c>
      <c r="D65" s="5">
        <v>391</v>
      </c>
    </row>
    <row r="66" spans="1:4" ht="18" customHeight="1" x14ac:dyDescent="0.15">
      <c r="A66" s="8">
        <v>50</v>
      </c>
      <c r="B66" s="21">
        <v>37</v>
      </c>
      <c r="C66" s="6">
        <v>32</v>
      </c>
      <c r="D66" s="5">
        <v>69</v>
      </c>
    </row>
    <row r="67" spans="1:4" ht="18" customHeight="1" x14ac:dyDescent="0.15">
      <c r="A67" s="8">
        <v>51</v>
      </c>
      <c r="B67" s="21">
        <v>35</v>
      </c>
      <c r="C67" s="6">
        <v>46</v>
      </c>
      <c r="D67" s="5">
        <v>81</v>
      </c>
    </row>
    <row r="68" spans="1:4" ht="18" customHeight="1" x14ac:dyDescent="0.15">
      <c r="A68" s="8">
        <v>52</v>
      </c>
      <c r="B68" s="21">
        <v>42</v>
      </c>
      <c r="C68" s="6">
        <v>32</v>
      </c>
      <c r="D68" s="5">
        <v>74</v>
      </c>
    </row>
    <row r="69" spans="1:4" ht="18" customHeight="1" x14ac:dyDescent="0.15">
      <c r="A69" s="8">
        <v>53</v>
      </c>
      <c r="B69" s="21">
        <v>43</v>
      </c>
      <c r="C69" s="6">
        <v>49</v>
      </c>
      <c r="D69" s="5">
        <v>92</v>
      </c>
    </row>
    <row r="70" spans="1:4" ht="18" customHeight="1" x14ac:dyDescent="0.15">
      <c r="A70" s="8">
        <v>54</v>
      </c>
      <c r="B70" s="21">
        <v>58</v>
      </c>
      <c r="C70" s="6">
        <v>41</v>
      </c>
      <c r="D70" s="5">
        <v>99</v>
      </c>
    </row>
    <row r="71" spans="1:4" ht="18" customHeight="1" x14ac:dyDescent="0.15">
      <c r="A71" s="8" t="s">
        <v>14</v>
      </c>
      <c r="B71" s="21">
        <v>215</v>
      </c>
      <c r="C71" s="6">
        <v>200</v>
      </c>
      <c r="D71" s="5">
        <v>415</v>
      </c>
    </row>
    <row r="72" spans="1:4" ht="18" customHeight="1" x14ac:dyDescent="0.15">
      <c r="A72" s="8">
        <v>55</v>
      </c>
      <c r="B72" s="21">
        <v>54</v>
      </c>
      <c r="C72" s="6">
        <v>37</v>
      </c>
      <c r="D72" s="5">
        <v>91</v>
      </c>
    </row>
    <row r="73" spans="1:4" ht="18" customHeight="1" x14ac:dyDescent="0.15">
      <c r="A73" s="8">
        <v>56</v>
      </c>
      <c r="B73" s="21">
        <v>45</v>
      </c>
      <c r="C73" s="6">
        <v>54</v>
      </c>
      <c r="D73" s="5">
        <v>99</v>
      </c>
    </row>
    <row r="74" spans="1:4" ht="18" customHeight="1" x14ac:dyDescent="0.15">
      <c r="A74" s="8">
        <v>57</v>
      </c>
      <c r="B74" s="21">
        <v>57</v>
      </c>
      <c r="C74" s="6">
        <v>32</v>
      </c>
      <c r="D74" s="5">
        <v>89</v>
      </c>
    </row>
    <row r="75" spans="1:4" ht="18" customHeight="1" x14ac:dyDescent="0.15">
      <c r="A75" s="8">
        <v>58</v>
      </c>
      <c r="B75" s="21">
        <v>46</v>
      </c>
      <c r="C75" s="6">
        <v>51</v>
      </c>
      <c r="D75" s="5">
        <v>97</v>
      </c>
    </row>
    <row r="76" spans="1:4" ht="18" customHeight="1" x14ac:dyDescent="0.15">
      <c r="A76" s="8">
        <v>59</v>
      </c>
      <c r="B76" s="21">
        <v>22</v>
      </c>
      <c r="C76" s="6">
        <v>36</v>
      </c>
      <c r="D76" s="5">
        <v>58</v>
      </c>
    </row>
    <row r="77" spans="1:4" ht="18" customHeight="1" x14ac:dyDescent="0.15">
      <c r="A77" s="8" t="s">
        <v>13</v>
      </c>
      <c r="B77" s="21">
        <v>224</v>
      </c>
      <c r="C77" s="6">
        <v>210</v>
      </c>
      <c r="D77" s="5">
        <v>434</v>
      </c>
    </row>
    <row r="78" spans="1:4" ht="18" customHeight="1" x14ac:dyDescent="0.15">
      <c r="A78" s="8">
        <v>60</v>
      </c>
      <c r="B78" s="21">
        <v>45</v>
      </c>
      <c r="C78" s="6">
        <v>57</v>
      </c>
      <c r="D78" s="5">
        <v>102</v>
      </c>
    </row>
    <row r="79" spans="1:4" ht="18" customHeight="1" x14ac:dyDescent="0.15">
      <c r="A79" s="8">
        <v>61</v>
      </c>
      <c r="B79" s="21">
        <v>47</v>
      </c>
      <c r="C79" s="6">
        <v>40</v>
      </c>
      <c r="D79" s="5">
        <v>87</v>
      </c>
    </row>
    <row r="80" spans="1:4" ht="18" customHeight="1" x14ac:dyDescent="0.15">
      <c r="A80" s="8">
        <v>62</v>
      </c>
      <c r="B80" s="21">
        <v>39</v>
      </c>
      <c r="C80" s="6">
        <v>44</v>
      </c>
      <c r="D80" s="5">
        <v>83</v>
      </c>
    </row>
    <row r="81" spans="1:4" ht="18" customHeight="1" x14ac:dyDescent="0.15">
      <c r="A81" s="8">
        <v>63</v>
      </c>
      <c r="B81" s="21">
        <v>47</v>
      </c>
      <c r="C81" s="6">
        <v>37</v>
      </c>
      <c r="D81" s="5">
        <v>84</v>
      </c>
    </row>
    <row r="82" spans="1:4" ht="18" customHeight="1" x14ac:dyDescent="0.15">
      <c r="A82" s="8">
        <v>64</v>
      </c>
      <c r="B82" s="21">
        <v>33</v>
      </c>
      <c r="C82" s="6">
        <v>30</v>
      </c>
      <c r="D82" s="5">
        <v>63</v>
      </c>
    </row>
    <row r="83" spans="1:4" ht="18" customHeight="1" x14ac:dyDescent="0.15">
      <c r="A83" s="8" t="s">
        <v>12</v>
      </c>
      <c r="B83" s="21">
        <v>211</v>
      </c>
      <c r="C83" s="6">
        <v>208</v>
      </c>
      <c r="D83" s="5">
        <v>419</v>
      </c>
    </row>
    <row r="84" spans="1:4" ht="18" customHeight="1" x14ac:dyDescent="0.15">
      <c r="A84" s="8" t="s">
        <v>11</v>
      </c>
      <c r="B84" s="21">
        <v>1684</v>
      </c>
      <c r="C84" s="6">
        <v>1478</v>
      </c>
      <c r="D84" s="5">
        <v>3162</v>
      </c>
    </row>
    <row r="85" spans="1:4" ht="18" customHeight="1" x14ac:dyDescent="0.15">
      <c r="A85" s="8">
        <v>65</v>
      </c>
      <c r="B85" s="21">
        <v>28</v>
      </c>
      <c r="C85" s="6">
        <v>49</v>
      </c>
      <c r="D85" s="5">
        <v>77</v>
      </c>
    </row>
    <row r="86" spans="1:4" ht="18" customHeight="1" x14ac:dyDescent="0.15">
      <c r="A86" s="8">
        <v>66</v>
      </c>
      <c r="B86" s="21">
        <v>46</v>
      </c>
      <c r="C86" s="6">
        <v>37</v>
      </c>
      <c r="D86" s="5">
        <v>83</v>
      </c>
    </row>
    <row r="87" spans="1:4" ht="18" customHeight="1" x14ac:dyDescent="0.15">
      <c r="A87" s="8">
        <v>67</v>
      </c>
      <c r="B87" s="21">
        <v>38</v>
      </c>
      <c r="C87" s="6">
        <v>43</v>
      </c>
      <c r="D87" s="5">
        <v>81</v>
      </c>
    </row>
    <row r="88" spans="1:4" ht="18" customHeight="1" x14ac:dyDescent="0.15">
      <c r="A88" s="8">
        <v>68</v>
      </c>
      <c r="B88" s="21">
        <v>36</v>
      </c>
      <c r="C88" s="6">
        <v>28</v>
      </c>
      <c r="D88" s="5">
        <v>64</v>
      </c>
    </row>
    <row r="89" spans="1:4" ht="18" customHeight="1" x14ac:dyDescent="0.15">
      <c r="A89" s="8">
        <v>69</v>
      </c>
      <c r="B89" s="21">
        <v>40</v>
      </c>
      <c r="C89" s="6">
        <v>45</v>
      </c>
      <c r="D89" s="5">
        <v>85</v>
      </c>
    </row>
    <row r="90" spans="1:4" ht="18" customHeight="1" x14ac:dyDescent="0.15">
      <c r="A90" s="8" t="s">
        <v>10</v>
      </c>
      <c r="B90" s="21">
        <v>188</v>
      </c>
      <c r="C90" s="6">
        <v>202</v>
      </c>
      <c r="D90" s="5">
        <v>390</v>
      </c>
    </row>
    <row r="91" spans="1:4" ht="18" customHeight="1" x14ac:dyDescent="0.15">
      <c r="A91" s="8">
        <v>70</v>
      </c>
      <c r="B91" s="21">
        <v>45</v>
      </c>
      <c r="C91" s="6">
        <v>36</v>
      </c>
      <c r="D91" s="5">
        <v>81</v>
      </c>
    </row>
    <row r="92" spans="1:4" ht="18" customHeight="1" x14ac:dyDescent="0.15">
      <c r="A92" s="8">
        <v>71</v>
      </c>
      <c r="B92" s="21">
        <v>16</v>
      </c>
      <c r="C92" s="6">
        <v>44</v>
      </c>
      <c r="D92" s="5">
        <v>60</v>
      </c>
    </row>
    <row r="93" spans="1:4" ht="18" customHeight="1" x14ac:dyDescent="0.15">
      <c r="A93" s="8">
        <v>72</v>
      </c>
      <c r="B93" s="21">
        <v>32</v>
      </c>
      <c r="C93" s="6">
        <v>36</v>
      </c>
      <c r="D93" s="5">
        <v>68</v>
      </c>
    </row>
    <row r="94" spans="1:4" ht="18" customHeight="1" x14ac:dyDescent="0.15">
      <c r="A94" s="8">
        <v>73</v>
      </c>
      <c r="B94" s="21">
        <v>40</v>
      </c>
      <c r="C94" s="6">
        <v>44</v>
      </c>
      <c r="D94" s="5">
        <v>84</v>
      </c>
    </row>
    <row r="95" spans="1:4" ht="18" customHeight="1" x14ac:dyDescent="0.15">
      <c r="A95" s="8">
        <v>74</v>
      </c>
      <c r="B95" s="21">
        <v>35</v>
      </c>
      <c r="C95" s="6">
        <v>38</v>
      </c>
      <c r="D95" s="5">
        <v>73</v>
      </c>
    </row>
    <row r="96" spans="1:4" ht="18" customHeight="1" x14ac:dyDescent="0.15">
      <c r="A96" s="8" t="s">
        <v>9</v>
      </c>
      <c r="B96" s="21">
        <v>168</v>
      </c>
      <c r="C96" s="6">
        <v>198</v>
      </c>
      <c r="D96" s="5">
        <v>366</v>
      </c>
    </row>
    <row r="97" spans="1:4" ht="18" customHeight="1" x14ac:dyDescent="0.15">
      <c r="A97" s="8">
        <v>75</v>
      </c>
      <c r="B97" s="21">
        <v>31</v>
      </c>
      <c r="C97" s="6">
        <v>52</v>
      </c>
      <c r="D97" s="5">
        <v>83</v>
      </c>
    </row>
    <row r="98" spans="1:4" ht="18" customHeight="1" x14ac:dyDescent="0.15">
      <c r="A98" s="8">
        <v>76</v>
      </c>
      <c r="B98" s="21">
        <v>65</v>
      </c>
      <c r="C98" s="6">
        <v>47</v>
      </c>
      <c r="D98" s="5">
        <v>112</v>
      </c>
    </row>
    <row r="99" spans="1:4" ht="18" customHeight="1" x14ac:dyDescent="0.15">
      <c r="A99" s="8">
        <v>77</v>
      </c>
      <c r="B99" s="21">
        <v>50</v>
      </c>
      <c r="C99" s="6">
        <v>66</v>
      </c>
      <c r="D99" s="5">
        <v>116</v>
      </c>
    </row>
    <row r="100" spans="1:4" ht="18" customHeight="1" x14ac:dyDescent="0.15">
      <c r="A100" s="8">
        <v>78</v>
      </c>
      <c r="B100" s="21">
        <v>41</v>
      </c>
      <c r="C100" s="6">
        <v>61</v>
      </c>
      <c r="D100" s="5">
        <v>102</v>
      </c>
    </row>
    <row r="101" spans="1:4" ht="18" customHeight="1" x14ac:dyDescent="0.15">
      <c r="A101" s="8">
        <v>79</v>
      </c>
      <c r="B101" s="21">
        <v>30</v>
      </c>
      <c r="C101" s="6">
        <v>38</v>
      </c>
      <c r="D101" s="5">
        <v>68</v>
      </c>
    </row>
    <row r="102" spans="1:4" ht="18" customHeight="1" x14ac:dyDescent="0.15">
      <c r="A102" s="8" t="s">
        <v>8</v>
      </c>
      <c r="B102" s="21">
        <v>217</v>
      </c>
      <c r="C102" s="6">
        <v>264</v>
      </c>
      <c r="D102" s="5">
        <v>481</v>
      </c>
    </row>
    <row r="103" spans="1:4" ht="18" customHeight="1" x14ac:dyDescent="0.15">
      <c r="A103" s="8">
        <v>80</v>
      </c>
      <c r="B103" s="21">
        <v>26</v>
      </c>
      <c r="C103" s="6">
        <v>37</v>
      </c>
      <c r="D103" s="5">
        <v>63</v>
      </c>
    </row>
    <row r="104" spans="1:4" ht="18" customHeight="1" x14ac:dyDescent="0.15">
      <c r="A104" s="8">
        <v>81</v>
      </c>
      <c r="B104" s="21">
        <v>29</v>
      </c>
      <c r="C104" s="6">
        <v>45</v>
      </c>
      <c r="D104" s="5">
        <v>74</v>
      </c>
    </row>
    <row r="105" spans="1:4" ht="18" customHeight="1" x14ac:dyDescent="0.15">
      <c r="A105" s="8">
        <v>82</v>
      </c>
      <c r="B105" s="21">
        <v>27</v>
      </c>
      <c r="C105" s="6">
        <v>57</v>
      </c>
      <c r="D105" s="5">
        <v>84</v>
      </c>
    </row>
    <row r="106" spans="1:4" ht="18" customHeight="1" x14ac:dyDescent="0.15">
      <c r="A106" s="8">
        <v>83</v>
      </c>
      <c r="B106" s="21">
        <v>33</v>
      </c>
      <c r="C106" s="6">
        <v>48</v>
      </c>
      <c r="D106" s="5">
        <v>81</v>
      </c>
    </row>
    <row r="107" spans="1:4" ht="18" customHeight="1" x14ac:dyDescent="0.15">
      <c r="A107" s="8">
        <v>84</v>
      </c>
      <c r="B107" s="21">
        <v>26</v>
      </c>
      <c r="C107" s="6">
        <v>41</v>
      </c>
      <c r="D107" s="5">
        <v>67</v>
      </c>
    </row>
    <row r="108" spans="1:4" ht="18" customHeight="1" x14ac:dyDescent="0.15">
      <c r="A108" s="8" t="s">
        <v>7</v>
      </c>
      <c r="B108" s="21">
        <v>141</v>
      </c>
      <c r="C108" s="6">
        <v>228</v>
      </c>
      <c r="D108" s="5">
        <v>369</v>
      </c>
    </row>
    <row r="109" spans="1:4" ht="18" customHeight="1" x14ac:dyDescent="0.15">
      <c r="A109" s="8">
        <v>85</v>
      </c>
      <c r="B109" s="21">
        <v>27</v>
      </c>
      <c r="C109" s="6">
        <v>37</v>
      </c>
      <c r="D109" s="5">
        <v>64</v>
      </c>
    </row>
    <row r="110" spans="1:4" ht="18" customHeight="1" x14ac:dyDescent="0.15">
      <c r="A110" s="8">
        <v>86</v>
      </c>
      <c r="B110" s="21">
        <v>16</v>
      </c>
      <c r="C110" s="6">
        <v>31</v>
      </c>
      <c r="D110" s="5">
        <v>47</v>
      </c>
    </row>
    <row r="111" spans="1:4" ht="18" customHeight="1" x14ac:dyDescent="0.15">
      <c r="A111" s="8">
        <v>87</v>
      </c>
      <c r="B111" s="21">
        <v>8</v>
      </c>
      <c r="C111" s="6">
        <v>33</v>
      </c>
      <c r="D111" s="5">
        <v>41</v>
      </c>
    </row>
    <row r="112" spans="1:4" ht="18" customHeight="1" x14ac:dyDescent="0.15">
      <c r="A112" s="8">
        <v>88</v>
      </c>
      <c r="B112" s="21">
        <v>22</v>
      </c>
      <c r="C112" s="6">
        <v>27</v>
      </c>
      <c r="D112" s="5">
        <v>49</v>
      </c>
    </row>
    <row r="113" spans="1:4" ht="18" customHeight="1" x14ac:dyDescent="0.15">
      <c r="A113" s="8">
        <v>89</v>
      </c>
      <c r="B113" s="21">
        <v>12</v>
      </c>
      <c r="C113" s="6">
        <v>39</v>
      </c>
      <c r="D113" s="5">
        <v>51</v>
      </c>
    </row>
    <row r="114" spans="1:4" ht="18" customHeight="1" x14ac:dyDescent="0.15">
      <c r="A114" s="8" t="s">
        <v>6</v>
      </c>
      <c r="B114" s="21">
        <v>85</v>
      </c>
      <c r="C114" s="6">
        <v>167</v>
      </c>
      <c r="D114" s="5">
        <v>252</v>
      </c>
    </row>
    <row r="115" spans="1:4" ht="18" customHeight="1" x14ac:dyDescent="0.15">
      <c r="A115" s="8">
        <v>90</v>
      </c>
      <c r="B115" s="21">
        <v>17</v>
      </c>
      <c r="C115" s="6">
        <v>26</v>
      </c>
      <c r="D115" s="5">
        <v>43</v>
      </c>
    </row>
    <row r="116" spans="1:4" ht="18" customHeight="1" x14ac:dyDescent="0.15">
      <c r="A116" s="8">
        <v>91</v>
      </c>
      <c r="B116" s="21">
        <v>12</v>
      </c>
      <c r="C116" s="6">
        <v>26</v>
      </c>
      <c r="D116" s="5">
        <v>38</v>
      </c>
    </row>
    <row r="117" spans="1:4" ht="18" customHeight="1" x14ac:dyDescent="0.15">
      <c r="A117" s="8">
        <v>92</v>
      </c>
      <c r="B117" s="21">
        <v>6</v>
      </c>
      <c r="C117" s="6">
        <v>31</v>
      </c>
      <c r="D117" s="5">
        <v>37</v>
      </c>
    </row>
    <row r="118" spans="1:4" ht="18" customHeight="1" x14ac:dyDescent="0.15">
      <c r="A118" s="8">
        <v>93</v>
      </c>
      <c r="B118" s="21">
        <v>2</v>
      </c>
      <c r="C118" s="6">
        <v>18</v>
      </c>
      <c r="D118" s="5">
        <v>20</v>
      </c>
    </row>
    <row r="119" spans="1:4" ht="18" customHeight="1" x14ac:dyDescent="0.15">
      <c r="A119" s="8">
        <v>94</v>
      </c>
      <c r="B119" s="21">
        <v>4</v>
      </c>
      <c r="C119" s="6">
        <v>15</v>
      </c>
      <c r="D119" s="5">
        <v>19</v>
      </c>
    </row>
    <row r="120" spans="1:4" ht="18" customHeight="1" x14ac:dyDescent="0.15">
      <c r="A120" s="8" t="s">
        <v>5</v>
      </c>
      <c r="B120" s="21">
        <v>41</v>
      </c>
      <c r="C120" s="6">
        <v>116</v>
      </c>
      <c r="D120" s="5">
        <v>157</v>
      </c>
    </row>
    <row r="121" spans="1:4" ht="18" customHeight="1" x14ac:dyDescent="0.15">
      <c r="A121" s="8">
        <v>95</v>
      </c>
      <c r="B121" s="21">
        <v>2</v>
      </c>
      <c r="C121" s="6">
        <v>16</v>
      </c>
      <c r="D121" s="5">
        <v>18</v>
      </c>
    </row>
    <row r="122" spans="1:4" ht="18" customHeight="1" x14ac:dyDescent="0.15">
      <c r="A122" s="8">
        <v>96</v>
      </c>
      <c r="B122" s="21">
        <v>1</v>
      </c>
      <c r="C122" s="6">
        <v>13</v>
      </c>
      <c r="D122" s="5">
        <v>14</v>
      </c>
    </row>
    <row r="123" spans="1:4" ht="18" customHeight="1" x14ac:dyDescent="0.15">
      <c r="A123" s="8">
        <v>97</v>
      </c>
      <c r="B123" s="21">
        <v>4</v>
      </c>
      <c r="C123" s="6">
        <v>2</v>
      </c>
      <c r="D123" s="5">
        <v>6</v>
      </c>
    </row>
    <row r="124" spans="1:4" ht="18" customHeight="1" x14ac:dyDescent="0.15">
      <c r="A124" s="8">
        <v>98</v>
      </c>
      <c r="B124" s="21">
        <v>0</v>
      </c>
      <c r="C124" s="6">
        <v>7</v>
      </c>
      <c r="D124" s="5">
        <v>7</v>
      </c>
    </row>
    <row r="125" spans="1:4" ht="18" customHeight="1" x14ac:dyDescent="0.15">
      <c r="A125" s="8">
        <v>99</v>
      </c>
      <c r="B125" s="21">
        <v>1</v>
      </c>
      <c r="C125" s="6">
        <v>6</v>
      </c>
      <c r="D125" s="5">
        <v>7</v>
      </c>
    </row>
    <row r="126" spans="1:4" ht="18" customHeight="1" x14ac:dyDescent="0.15">
      <c r="A126" s="8" t="s">
        <v>4</v>
      </c>
      <c r="B126" s="21">
        <v>8</v>
      </c>
      <c r="C126" s="6">
        <v>44</v>
      </c>
      <c r="D126" s="5">
        <v>52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4</v>
      </c>
      <c r="D128" s="5">
        <v>5</v>
      </c>
    </row>
    <row r="129" spans="1:4" ht="18" customHeight="1" x14ac:dyDescent="0.15">
      <c r="A129" s="8" t="s">
        <v>2</v>
      </c>
      <c r="B129" s="21">
        <v>1</v>
      </c>
      <c r="C129" s="6">
        <v>7</v>
      </c>
      <c r="D129" s="5">
        <v>8</v>
      </c>
    </row>
    <row r="130" spans="1:4" ht="18" customHeight="1" x14ac:dyDescent="0.15">
      <c r="A130" s="8" t="s">
        <v>1</v>
      </c>
      <c r="B130" s="21">
        <v>849</v>
      </c>
      <c r="C130" s="6">
        <v>1226</v>
      </c>
      <c r="D130" s="5">
        <v>2075</v>
      </c>
    </row>
    <row r="131" spans="1:4" ht="18" customHeight="1" x14ac:dyDescent="0.15">
      <c r="A131" s="4" t="s">
        <v>0</v>
      </c>
      <c r="B131" s="20">
        <v>2765</v>
      </c>
      <c r="C131" s="2">
        <v>2934</v>
      </c>
      <c r="D131" s="1">
        <v>569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822270-8B6A-4324-A2C0-4A4B5FD2A2D6}">
  <sheetPr codeName="Sheet8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9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0</v>
      </c>
      <c r="D10" s="5">
        <v>0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2</v>
      </c>
      <c r="C13" s="6">
        <v>0</v>
      </c>
      <c r="D13" s="5">
        <v>2</v>
      </c>
    </row>
    <row r="14" spans="1:4" ht="18" customHeight="1" x14ac:dyDescent="0.15">
      <c r="A14" s="8">
        <v>8</v>
      </c>
      <c r="B14" s="26">
        <v>0</v>
      </c>
      <c r="C14" s="6">
        <v>0</v>
      </c>
      <c r="D14" s="5">
        <v>0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2</v>
      </c>
      <c r="C16" s="6">
        <v>1</v>
      </c>
      <c r="D16" s="5">
        <v>3</v>
      </c>
    </row>
    <row r="17" spans="1:4" ht="18" customHeight="1" x14ac:dyDescent="0.15">
      <c r="A17" s="8">
        <v>10</v>
      </c>
      <c r="B17" s="21">
        <v>0</v>
      </c>
      <c r="C17" s="6">
        <v>1</v>
      </c>
      <c r="D17" s="5">
        <v>1</v>
      </c>
    </row>
    <row r="18" spans="1:4" ht="18" customHeight="1" x14ac:dyDescent="0.15">
      <c r="A18" s="8">
        <v>11</v>
      </c>
      <c r="B18" s="21">
        <v>0</v>
      </c>
      <c r="C18" s="6">
        <v>1</v>
      </c>
      <c r="D18" s="5">
        <v>1</v>
      </c>
    </row>
    <row r="19" spans="1:4" ht="18" customHeight="1" x14ac:dyDescent="0.15">
      <c r="A19" s="8">
        <v>12</v>
      </c>
      <c r="B19" s="21">
        <v>1</v>
      </c>
      <c r="C19" s="6">
        <v>0</v>
      </c>
      <c r="D19" s="5">
        <v>1</v>
      </c>
    </row>
    <row r="20" spans="1:4" ht="18" customHeight="1" x14ac:dyDescent="0.15">
      <c r="A20" s="8">
        <v>13</v>
      </c>
      <c r="B20" s="21">
        <v>2</v>
      </c>
      <c r="C20" s="6">
        <v>0</v>
      </c>
      <c r="D20" s="5">
        <v>2</v>
      </c>
    </row>
    <row r="21" spans="1:4" ht="18" customHeight="1" x14ac:dyDescent="0.15">
      <c r="A21" s="8">
        <v>14</v>
      </c>
      <c r="B21" s="21">
        <v>2</v>
      </c>
      <c r="C21" s="6">
        <v>2</v>
      </c>
      <c r="D21" s="5">
        <v>4</v>
      </c>
    </row>
    <row r="22" spans="1:4" ht="18" customHeight="1" x14ac:dyDescent="0.15">
      <c r="A22" s="8" t="s">
        <v>23</v>
      </c>
      <c r="B22" s="21">
        <v>5</v>
      </c>
      <c r="C22" s="6">
        <v>4</v>
      </c>
      <c r="D22" s="5">
        <v>9</v>
      </c>
    </row>
    <row r="23" spans="1:4" ht="18" customHeight="1" x14ac:dyDescent="0.15">
      <c r="A23" s="8" t="s">
        <v>22</v>
      </c>
      <c r="B23" s="21">
        <v>7</v>
      </c>
      <c r="C23" s="6">
        <v>5</v>
      </c>
      <c r="D23" s="5">
        <v>12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1</v>
      </c>
      <c r="C25" s="6">
        <v>2</v>
      </c>
      <c r="D25" s="5">
        <v>3</v>
      </c>
    </row>
    <row r="26" spans="1:4" ht="18" customHeight="1" x14ac:dyDescent="0.15">
      <c r="A26" s="8">
        <v>17</v>
      </c>
      <c r="B26" s="21">
        <v>1</v>
      </c>
      <c r="C26" s="6">
        <v>2</v>
      </c>
      <c r="D26" s="5">
        <v>3</v>
      </c>
    </row>
    <row r="27" spans="1:4" ht="18" customHeight="1" x14ac:dyDescent="0.15">
      <c r="A27" s="8">
        <v>18</v>
      </c>
      <c r="B27" s="21">
        <v>2</v>
      </c>
      <c r="C27" s="6">
        <v>1</v>
      </c>
      <c r="D27" s="5">
        <v>3</v>
      </c>
    </row>
    <row r="28" spans="1:4" ht="18" customHeight="1" x14ac:dyDescent="0.15">
      <c r="A28" s="8">
        <v>19</v>
      </c>
      <c r="B28" s="21">
        <v>2</v>
      </c>
      <c r="C28" s="6">
        <v>2</v>
      </c>
      <c r="D28" s="5">
        <v>4</v>
      </c>
    </row>
    <row r="29" spans="1:4" ht="18" customHeight="1" x14ac:dyDescent="0.15">
      <c r="A29" s="8" t="s">
        <v>21</v>
      </c>
      <c r="B29" s="21">
        <v>7</v>
      </c>
      <c r="C29" s="6">
        <v>7</v>
      </c>
      <c r="D29" s="5">
        <v>14</v>
      </c>
    </row>
    <row r="30" spans="1:4" ht="18" customHeight="1" x14ac:dyDescent="0.15">
      <c r="A30" s="8">
        <v>20</v>
      </c>
      <c r="B30" s="21">
        <v>0</v>
      </c>
      <c r="C30" s="6">
        <v>3</v>
      </c>
      <c r="D30" s="5">
        <v>3</v>
      </c>
    </row>
    <row r="31" spans="1:4" ht="18" customHeight="1" x14ac:dyDescent="0.15">
      <c r="A31" s="8">
        <v>21</v>
      </c>
      <c r="B31" s="21">
        <v>4</v>
      </c>
      <c r="C31" s="6">
        <v>1</v>
      </c>
      <c r="D31" s="5">
        <v>5</v>
      </c>
    </row>
    <row r="32" spans="1:4" ht="18" customHeight="1" x14ac:dyDescent="0.15">
      <c r="A32" s="8">
        <v>22</v>
      </c>
      <c r="B32" s="21">
        <v>2</v>
      </c>
      <c r="C32" s="6">
        <v>0</v>
      </c>
      <c r="D32" s="5">
        <v>2</v>
      </c>
    </row>
    <row r="33" spans="1:4" ht="18" customHeight="1" x14ac:dyDescent="0.15">
      <c r="A33" s="8">
        <v>23</v>
      </c>
      <c r="B33" s="21">
        <v>1</v>
      </c>
      <c r="C33" s="6">
        <v>1</v>
      </c>
      <c r="D33" s="5">
        <v>2</v>
      </c>
    </row>
    <row r="34" spans="1:4" ht="18" customHeight="1" x14ac:dyDescent="0.15">
      <c r="A34" s="8">
        <v>24</v>
      </c>
      <c r="B34" s="21">
        <v>2</v>
      </c>
      <c r="C34" s="6">
        <v>1</v>
      </c>
      <c r="D34" s="5">
        <v>3</v>
      </c>
    </row>
    <row r="35" spans="1:4" ht="18" customHeight="1" x14ac:dyDescent="0.15">
      <c r="A35" s="8" t="s">
        <v>20</v>
      </c>
      <c r="B35" s="21">
        <v>9</v>
      </c>
      <c r="C35" s="6">
        <v>6</v>
      </c>
      <c r="D35" s="5">
        <v>15</v>
      </c>
    </row>
    <row r="36" spans="1:4" ht="18" customHeight="1" x14ac:dyDescent="0.15">
      <c r="A36" s="8">
        <v>25</v>
      </c>
      <c r="B36" s="21">
        <v>1</v>
      </c>
      <c r="C36" s="6">
        <v>2</v>
      </c>
      <c r="D36" s="5">
        <v>3</v>
      </c>
    </row>
    <row r="37" spans="1:4" ht="18" customHeight="1" x14ac:dyDescent="0.15">
      <c r="A37" s="8">
        <v>26</v>
      </c>
      <c r="B37" s="21">
        <v>1</v>
      </c>
      <c r="C37" s="6">
        <v>0</v>
      </c>
      <c r="D37" s="5">
        <v>1</v>
      </c>
    </row>
    <row r="38" spans="1:4" ht="18" customHeight="1" x14ac:dyDescent="0.15">
      <c r="A38" s="8">
        <v>27</v>
      </c>
      <c r="B38" s="21">
        <v>5</v>
      </c>
      <c r="C38" s="6">
        <v>2</v>
      </c>
      <c r="D38" s="5">
        <v>7</v>
      </c>
    </row>
    <row r="39" spans="1:4" ht="18" customHeight="1" x14ac:dyDescent="0.15">
      <c r="A39" s="8">
        <v>28</v>
      </c>
      <c r="B39" s="21">
        <v>0</v>
      </c>
      <c r="C39" s="6">
        <v>1</v>
      </c>
      <c r="D39" s="5">
        <v>1</v>
      </c>
    </row>
    <row r="40" spans="1:4" ht="18" customHeight="1" x14ac:dyDescent="0.15">
      <c r="A40" s="8">
        <v>29</v>
      </c>
      <c r="B40" s="21">
        <v>0</v>
      </c>
      <c r="C40" s="6">
        <v>1</v>
      </c>
      <c r="D40" s="5">
        <v>1</v>
      </c>
    </row>
    <row r="41" spans="1:4" ht="18" customHeight="1" x14ac:dyDescent="0.15">
      <c r="A41" s="8" t="s">
        <v>19</v>
      </c>
      <c r="B41" s="21">
        <v>7</v>
      </c>
      <c r="C41" s="6">
        <v>6</v>
      </c>
      <c r="D41" s="5">
        <v>13</v>
      </c>
    </row>
    <row r="42" spans="1:4" ht="18" customHeight="1" x14ac:dyDescent="0.15">
      <c r="A42" s="8">
        <v>30</v>
      </c>
      <c r="B42" s="21">
        <v>0</v>
      </c>
      <c r="C42" s="6">
        <v>1</v>
      </c>
      <c r="D42" s="5">
        <v>1</v>
      </c>
    </row>
    <row r="43" spans="1:4" ht="18" customHeight="1" x14ac:dyDescent="0.15">
      <c r="A43" s="8">
        <v>31</v>
      </c>
      <c r="B43" s="21">
        <v>2</v>
      </c>
      <c r="C43" s="6">
        <v>2</v>
      </c>
      <c r="D43" s="5">
        <v>4</v>
      </c>
    </row>
    <row r="44" spans="1:4" ht="18" customHeight="1" x14ac:dyDescent="0.15">
      <c r="A44" s="8">
        <v>32</v>
      </c>
      <c r="B44" s="21">
        <v>2</v>
      </c>
      <c r="C44" s="6">
        <v>1</v>
      </c>
      <c r="D44" s="5">
        <v>3</v>
      </c>
    </row>
    <row r="45" spans="1:4" ht="18" customHeight="1" x14ac:dyDescent="0.15">
      <c r="A45" s="8">
        <v>33</v>
      </c>
      <c r="B45" s="21">
        <v>0</v>
      </c>
      <c r="C45" s="6">
        <v>1</v>
      </c>
      <c r="D45" s="5">
        <v>1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6</v>
      </c>
      <c r="C47" s="6">
        <v>5</v>
      </c>
      <c r="D47" s="5">
        <v>11</v>
      </c>
    </row>
    <row r="48" spans="1:4" ht="18" customHeight="1" x14ac:dyDescent="0.15">
      <c r="A48" s="8">
        <v>35</v>
      </c>
      <c r="B48" s="21">
        <v>1</v>
      </c>
      <c r="C48" s="6">
        <v>0</v>
      </c>
      <c r="D48" s="5">
        <v>1</v>
      </c>
    </row>
    <row r="49" spans="1:4" ht="18" customHeight="1" x14ac:dyDescent="0.15">
      <c r="A49" s="8">
        <v>36</v>
      </c>
      <c r="B49" s="21">
        <v>1</v>
      </c>
      <c r="C49" s="6">
        <v>1</v>
      </c>
      <c r="D49" s="5">
        <v>2</v>
      </c>
    </row>
    <row r="50" spans="1:4" ht="18" customHeight="1" x14ac:dyDescent="0.15">
      <c r="A50" s="8">
        <v>37</v>
      </c>
      <c r="B50" s="21">
        <v>3</v>
      </c>
      <c r="C50" s="6">
        <v>1</v>
      </c>
      <c r="D50" s="5">
        <v>4</v>
      </c>
    </row>
    <row r="51" spans="1:4" ht="18" customHeight="1" x14ac:dyDescent="0.15">
      <c r="A51" s="8">
        <v>38</v>
      </c>
      <c r="B51" s="21">
        <v>0</v>
      </c>
      <c r="C51" s="6">
        <v>2</v>
      </c>
      <c r="D51" s="5">
        <v>2</v>
      </c>
    </row>
    <row r="52" spans="1:4" ht="18" customHeight="1" x14ac:dyDescent="0.15">
      <c r="A52" s="8">
        <v>39</v>
      </c>
      <c r="B52" s="21">
        <v>4</v>
      </c>
      <c r="C52" s="6">
        <v>1</v>
      </c>
      <c r="D52" s="5">
        <v>5</v>
      </c>
    </row>
    <row r="53" spans="1:4" ht="18" customHeight="1" x14ac:dyDescent="0.15">
      <c r="A53" s="8" t="s">
        <v>17</v>
      </c>
      <c r="B53" s="21">
        <v>9</v>
      </c>
      <c r="C53" s="6">
        <v>5</v>
      </c>
      <c r="D53" s="5">
        <v>14</v>
      </c>
    </row>
    <row r="54" spans="1:4" ht="18" customHeight="1" x14ac:dyDescent="0.15">
      <c r="A54" s="8">
        <v>40</v>
      </c>
      <c r="B54" s="21">
        <v>2</v>
      </c>
      <c r="C54" s="6">
        <v>2</v>
      </c>
      <c r="D54" s="5">
        <v>4</v>
      </c>
    </row>
    <row r="55" spans="1:4" ht="18" customHeight="1" x14ac:dyDescent="0.15">
      <c r="A55" s="8">
        <v>41</v>
      </c>
      <c r="B55" s="21">
        <v>4</v>
      </c>
      <c r="C55" s="6">
        <v>0</v>
      </c>
      <c r="D55" s="5">
        <v>4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2</v>
      </c>
      <c r="C57" s="6">
        <v>2</v>
      </c>
      <c r="D57" s="5">
        <v>4</v>
      </c>
    </row>
    <row r="58" spans="1:4" ht="18" customHeight="1" x14ac:dyDescent="0.15">
      <c r="A58" s="8">
        <v>44</v>
      </c>
      <c r="B58" s="21">
        <v>3</v>
      </c>
      <c r="C58" s="6">
        <v>0</v>
      </c>
      <c r="D58" s="5">
        <v>3</v>
      </c>
    </row>
    <row r="59" spans="1:4" ht="18" customHeight="1" x14ac:dyDescent="0.15">
      <c r="A59" s="8" t="s">
        <v>16</v>
      </c>
      <c r="B59" s="21">
        <v>12</v>
      </c>
      <c r="C59" s="6">
        <v>4</v>
      </c>
      <c r="D59" s="5">
        <v>16</v>
      </c>
    </row>
    <row r="60" spans="1:4" ht="18" customHeight="1" x14ac:dyDescent="0.15">
      <c r="A60" s="8">
        <v>45</v>
      </c>
      <c r="B60" s="21">
        <v>6</v>
      </c>
      <c r="C60" s="6">
        <v>3</v>
      </c>
      <c r="D60" s="5">
        <v>9</v>
      </c>
    </row>
    <row r="61" spans="1:4" ht="18" customHeight="1" x14ac:dyDescent="0.15">
      <c r="A61" s="8">
        <v>46</v>
      </c>
      <c r="B61" s="21">
        <v>1</v>
      </c>
      <c r="C61" s="6">
        <v>1</v>
      </c>
      <c r="D61" s="5">
        <v>2</v>
      </c>
    </row>
    <row r="62" spans="1:4" ht="18" customHeight="1" x14ac:dyDescent="0.15">
      <c r="A62" s="8">
        <v>47</v>
      </c>
      <c r="B62" s="21">
        <v>3</v>
      </c>
      <c r="C62" s="6">
        <v>5</v>
      </c>
      <c r="D62" s="5">
        <v>8</v>
      </c>
    </row>
    <row r="63" spans="1:4" ht="18" customHeight="1" x14ac:dyDescent="0.15">
      <c r="A63" s="8">
        <v>48</v>
      </c>
      <c r="B63" s="21">
        <v>3</v>
      </c>
      <c r="C63" s="6">
        <v>3</v>
      </c>
      <c r="D63" s="5">
        <v>6</v>
      </c>
    </row>
    <row r="64" spans="1:4" ht="18" customHeight="1" x14ac:dyDescent="0.15">
      <c r="A64" s="8">
        <v>49</v>
      </c>
      <c r="B64" s="21">
        <v>6</v>
      </c>
      <c r="C64" s="6">
        <v>4</v>
      </c>
      <c r="D64" s="5">
        <v>10</v>
      </c>
    </row>
    <row r="65" spans="1:4" ht="18" customHeight="1" x14ac:dyDescent="0.15">
      <c r="A65" s="8" t="s">
        <v>15</v>
      </c>
      <c r="B65" s="21">
        <v>19</v>
      </c>
      <c r="C65" s="6">
        <v>16</v>
      </c>
      <c r="D65" s="5">
        <v>35</v>
      </c>
    </row>
    <row r="66" spans="1:4" ht="18" customHeight="1" x14ac:dyDescent="0.15">
      <c r="A66" s="8">
        <v>50</v>
      </c>
      <c r="B66" s="21">
        <v>6</v>
      </c>
      <c r="C66" s="6">
        <v>2</v>
      </c>
      <c r="D66" s="5">
        <v>8</v>
      </c>
    </row>
    <row r="67" spans="1:4" ht="18" customHeight="1" x14ac:dyDescent="0.15">
      <c r="A67" s="8">
        <v>51</v>
      </c>
      <c r="B67" s="21">
        <v>5</v>
      </c>
      <c r="C67" s="6">
        <v>6</v>
      </c>
      <c r="D67" s="5">
        <v>11</v>
      </c>
    </row>
    <row r="68" spans="1:4" ht="18" customHeight="1" x14ac:dyDescent="0.15">
      <c r="A68" s="8">
        <v>52</v>
      </c>
      <c r="B68" s="21">
        <v>5</v>
      </c>
      <c r="C68" s="6">
        <v>3</v>
      </c>
      <c r="D68" s="5">
        <v>8</v>
      </c>
    </row>
    <row r="69" spans="1:4" ht="18" customHeight="1" x14ac:dyDescent="0.15">
      <c r="A69" s="8">
        <v>53</v>
      </c>
      <c r="B69" s="21">
        <v>6</v>
      </c>
      <c r="C69" s="6">
        <v>2</v>
      </c>
      <c r="D69" s="5">
        <v>8</v>
      </c>
    </row>
    <row r="70" spans="1:4" ht="18" customHeight="1" x14ac:dyDescent="0.15">
      <c r="A70" s="8">
        <v>54</v>
      </c>
      <c r="B70" s="21">
        <v>2</v>
      </c>
      <c r="C70" s="6">
        <v>2</v>
      </c>
      <c r="D70" s="5">
        <v>4</v>
      </c>
    </row>
    <row r="71" spans="1:4" ht="18" customHeight="1" x14ac:dyDescent="0.15">
      <c r="A71" s="8" t="s">
        <v>14</v>
      </c>
      <c r="B71" s="21">
        <v>24</v>
      </c>
      <c r="C71" s="6">
        <v>15</v>
      </c>
      <c r="D71" s="5">
        <v>39</v>
      </c>
    </row>
    <row r="72" spans="1:4" ht="18" customHeight="1" x14ac:dyDescent="0.15">
      <c r="A72" s="8">
        <v>55</v>
      </c>
      <c r="B72" s="21">
        <v>2</v>
      </c>
      <c r="C72" s="6">
        <v>1</v>
      </c>
      <c r="D72" s="5">
        <v>3</v>
      </c>
    </row>
    <row r="73" spans="1:4" ht="18" customHeight="1" x14ac:dyDescent="0.15">
      <c r="A73" s="8">
        <v>56</v>
      </c>
      <c r="B73" s="21">
        <v>6</v>
      </c>
      <c r="C73" s="6">
        <v>3</v>
      </c>
      <c r="D73" s="5">
        <v>9</v>
      </c>
    </row>
    <row r="74" spans="1:4" ht="18" customHeight="1" x14ac:dyDescent="0.15">
      <c r="A74" s="8">
        <v>57</v>
      </c>
      <c r="B74" s="21">
        <v>4</v>
      </c>
      <c r="C74" s="6">
        <v>4</v>
      </c>
      <c r="D74" s="5">
        <v>8</v>
      </c>
    </row>
    <row r="75" spans="1:4" ht="18" customHeight="1" x14ac:dyDescent="0.15">
      <c r="A75" s="8">
        <v>58</v>
      </c>
      <c r="B75" s="21">
        <v>1</v>
      </c>
      <c r="C75" s="6">
        <v>3</v>
      </c>
      <c r="D75" s="5">
        <v>4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13</v>
      </c>
      <c r="C77" s="6">
        <v>13</v>
      </c>
      <c r="D77" s="5">
        <v>26</v>
      </c>
    </row>
    <row r="78" spans="1:4" ht="18" customHeight="1" x14ac:dyDescent="0.15">
      <c r="A78" s="8">
        <v>60</v>
      </c>
      <c r="B78" s="21">
        <v>5</v>
      </c>
      <c r="C78" s="6">
        <v>4</v>
      </c>
      <c r="D78" s="5">
        <v>9</v>
      </c>
    </row>
    <row r="79" spans="1:4" ht="18" customHeight="1" x14ac:dyDescent="0.15">
      <c r="A79" s="8">
        <v>61</v>
      </c>
      <c r="B79" s="21">
        <v>4</v>
      </c>
      <c r="C79" s="6">
        <v>6</v>
      </c>
      <c r="D79" s="5">
        <v>10</v>
      </c>
    </row>
    <row r="80" spans="1:4" ht="18" customHeight="1" x14ac:dyDescent="0.15">
      <c r="A80" s="8">
        <v>62</v>
      </c>
      <c r="B80" s="21">
        <v>3</v>
      </c>
      <c r="C80" s="6">
        <v>3</v>
      </c>
      <c r="D80" s="5">
        <v>6</v>
      </c>
    </row>
    <row r="81" spans="1:4" ht="18" customHeight="1" x14ac:dyDescent="0.15">
      <c r="A81" s="8">
        <v>63</v>
      </c>
      <c r="B81" s="21">
        <v>3</v>
      </c>
      <c r="C81" s="6">
        <v>3</v>
      </c>
      <c r="D81" s="5">
        <v>6</v>
      </c>
    </row>
    <row r="82" spans="1:4" ht="18" customHeight="1" x14ac:dyDescent="0.15">
      <c r="A82" s="8">
        <v>64</v>
      </c>
      <c r="B82" s="21">
        <v>5</v>
      </c>
      <c r="C82" s="6">
        <v>6</v>
      </c>
      <c r="D82" s="5">
        <v>11</v>
      </c>
    </row>
    <row r="83" spans="1:4" ht="18" customHeight="1" x14ac:dyDescent="0.15">
      <c r="A83" s="8" t="s">
        <v>12</v>
      </c>
      <c r="B83" s="21">
        <v>20</v>
      </c>
      <c r="C83" s="6">
        <v>22</v>
      </c>
      <c r="D83" s="5">
        <v>42</v>
      </c>
    </row>
    <row r="84" spans="1:4" ht="18" customHeight="1" x14ac:dyDescent="0.15">
      <c r="A84" s="8" t="s">
        <v>11</v>
      </c>
      <c r="B84" s="21">
        <v>126</v>
      </c>
      <c r="C84" s="6">
        <v>99</v>
      </c>
      <c r="D84" s="5">
        <v>225</v>
      </c>
    </row>
    <row r="85" spans="1:4" ht="18" customHeight="1" x14ac:dyDescent="0.15">
      <c r="A85" s="8">
        <v>65</v>
      </c>
      <c r="B85" s="21">
        <v>5</v>
      </c>
      <c r="C85" s="6">
        <v>4</v>
      </c>
      <c r="D85" s="5">
        <v>9</v>
      </c>
    </row>
    <row r="86" spans="1:4" ht="18" customHeight="1" x14ac:dyDescent="0.15">
      <c r="A86" s="8">
        <v>66</v>
      </c>
      <c r="B86" s="21">
        <v>2</v>
      </c>
      <c r="C86" s="6">
        <v>4</v>
      </c>
      <c r="D86" s="5">
        <v>6</v>
      </c>
    </row>
    <row r="87" spans="1:4" ht="18" customHeight="1" x14ac:dyDescent="0.15">
      <c r="A87" s="8">
        <v>67</v>
      </c>
      <c r="B87" s="21">
        <v>11</v>
      </c>
      <c r="C87" s="6">
        <v>6</v>
      </c>
      <c r="D87" s="5">
        <v>17</v>
      </c>
    </row>
    <row r="88" spans="1:4" ht="18" customHeight="1" x14ac:dyDescent="0.15">
      <c r="A88" s="8">
        <v>68</v>
      </c>
      <c r="B88" s="21">
        <v>7</v>
      </c>
      <c r="C88" s="6">
        <v>5</v>
      </c>
      <c r="D88" s="5">
        <v>12</v>
      </c>
    </row>
    <row r="89" spans="1:4" ht="18" customHeight="1" x14ac:dyDescent="0.15">
      <c r="A89" s="8">
        <v>69</v>
      </c>
      <c r="B89" s="21">
        <v>5</v>
      </c>
      <c r="C89" s="6">
        <v>6</v>
      </c>
      <c r="D89" s="5">
        <v>11</v>
      </c>
    </row>
    <row r="90" spans="1:4" ht="18" customHeight="1" x14ac:dyDescent="0.15">
      <c r="A90" s="8" t="s">
        <v>10</v>
      </c>
      <c r="B90" s="21">
        <v>30</v>
      </c>
      <c r="C90" s="6">
        <v>25</v>
      </c>
      <c r="D90" s="5">
        <v>55</v>
      </c>
    </row>
    <row r="91" spans="1:4" ht="18" customHeight="1" x14ac:dyDescent="0.15">
      <c r="A91" s="8">
        <v>70</v>
      </c>
      <c r="B91" s="21">
        <v>5</v>
      </c>
      <c r="C91" s="6">
        <v>10</v>
      </c>
      <c r="D91" s="5">
        <v>15</v>
      </c>
    </row>
    <row r="92" spans="1:4" ht="18" customHeight="1" x14ac:dyDescent="0.15">
      <c r="A92" s="8">
        <v>71</v>
      </c>
      <c r="B92" s="21">
        <v>8</v>
      </c>
      <c r="C92" s="6">
        <v>10</v>
      </c>
      <c r="D92" s="5">
        <v>18</v>
      </c>
    </row>
    <row r="93" spans="1:4" ht="18" customHeight="1" x14ac:dyDescent="0.15">
      <c r="A93" s="8">
        <v>72</v>
      </c>
      <c r="B93" s="21">
        <v>10</v>
      </c>
      <c r="C93" s="6">
        <v>9</v>
      </c>
      <c r="D93" s="5">
        <v>19</v>
      </c>
    </row>
    <row r="94" spans="1:4" ht="18" customHeight="1" x14ac:dyDescent="0.15">
      <c r="A94" s="8">
        <v>73</v>
      </c>
      <c r="B94" s="21">
        <v>11</v>
      </c>
      <c r="C94" s="6">
        <v>6</v>
      </c>
      <c r="D94" s="5">
        <v>17</v>
      </c>
    </row>
    <row r="95" spans="1:4" ht="18" customHeight="1" x14ac:dyDescent="0.15">
      <c r="A95" s="8">
        <v>74</v>
      </c>
      <c r="B95" s="21">
        <v>11</v>
      </c>
      <c r="C95" s="6">
        <v>4</v>
      </c>
      <c r="D95" s="5">
        <v>15</v>
      </c>
    </row>
    <row r="96" spans="1:4" ht="18" customHeight="1" x14ac:dyDescent="0.15">
      <c r="A96" s="8" t="s">
        <v>9</v>
      </c>
      <c r="B96" s="21">
        <v>45</v>
      </c>
      <c r="C96" s="6">
        <v>39</v>
      </c>
      <c r="D96" s="5">
        <v>84</v>
      </c>
    </row>
    <row r="97" spans="1:4" ht="18" customHeight="1" x14ac:dyDescent="0.15">
      <c r="A97" s="8">
        <v>75</v>
      </c>
      <c r="B97" s="21">
        <v>11</v>
      </c>
      <c r="C97" s="6">
        <v>5</v>
      </c>
      <c r="D97" s="5">
        <v>16</v>
      </c>
    </row>
    <row r="98" spans="1:4" ht="18" customHeight="1" x14ac:dyDescent="0.15">
      <c r="A98" s="8">
        <v>76</v>
      </c>
      <c r="B98" s="21">
        <v>7</v>
      </c>
      <c r="C98" s="6">
        <v>11</v>
      </c>
      <c r="D98" s="5">
        <v>18</v>
      </c>
    </row>
    <row r="99" spans="1:4" ht="18" customHeight="1" x14ac:dyDescent="0.15">
      <c r="A99" s="8">
        <v>77</v>
      </c>
      <c r="B99" s="21">
        <v>6</v>
      </c>
      <c r="C99" s="6">
        <v>10</v>
      </c>
      <c r="D99" s="5">
        <v>16</v>
      </c>
    </row>
    <row r="100" spans="1:4" ht="18" customHeight="1" x14ac:dyDescent="0.15">
      <c r="A100" s="8">
        <v>78</v>
      </c>
      <c r="B100" s="21">
        <v>7</v>
      </c>
      <c r="C100" s="6">
        <v>4</v>
      </c>
      <c r="D100" s="5">
        <v>11</v>
      </c>
    </row>
    <row r="101" spans="1:4" ht="18" customHeight="1" x14ac:dyDescent="0.15">
      <c r="A101" s="8">
        <v>79</v>
      </c>
      <c r="B101" s="21">
        <v>2</v>
      </c>
      <c r="C101" s="6">
        <v>7</v>
      </c>
      <c r="D101" s="5">
        <v>9</v>
      </c>
    </row>
    <row r="102" spans="1:4" ht="18" customHeight="1" x14ac:dyDescent="0.15">
      <c r="A102" s="8" t="s">
        <v>8</v>
      </c>
      <c r="B102" s="21">
        <v>33</v>
      </c>
      <c r="C102" s="6">
        <v>37</v>
      </c>
      <c r="D102" s="5">
        <v>70</v>
      </c>
    </row>
    <row r="103" spans="1:4" ht="18" customHeight="1" x14ac:dyDescent="0.15">
      <c r="A103" s="8">
        <v>80</v>
      </c>
      <c r="B103" s="21">
        <v>4</v>
      </c>
      <c r="C103" s="6">
        <v>4</v>
      </c>
      <c r="D103" s="5">
        <v>8</v>
      </c>
    </row>
    <row r="104" spans="1:4" ht="18" customHeight="1" x14ac:dyDescent="0.15">
      <c r="A104" s="8">
        <v>81</v>
      </c>
      <c r="B104" s="21">
        <v>2</v>
      </c>
      <c r="C104" s="6">
        <v>3</v>
      </c>
      <c r="D104" s="5">
        <v>5</v>
      </c>
    </row>
    <row r="105" spans="1:4" ht="18" customHeight="1" x14ac:dyDescent="0.15">
      <c r="A105" s="8">
        <v>82</v>
      </c>
      <c r="B105" s="21">
        <v>6</v>
      </c>
      <c r="C105" s="6">
        <v>6</v>
      </c>
      <c r="D105" s="5">
        <v>12</v>
      </c>
    </row>
    <row r="106" spans="1:4" ht="18" customHeight="1" x14ac:dyDescent="0.15">
      <c r="A106" s="8">
        <v>83</v>
      </c>
      <c r="B106" s="21">
        <v>4</v>
      </c>
      <c r="C106" s="6">
        <v>4</v>
      </c>
      <c r="D106" s="5">
        <v>8</v>
      </c>
    </row>
    <row r="107" spans="1:4" ht="18" customHeight="1" x14ac:dyDescent="0.15">
      <c r="A107" s="8">
        <v>84</v>
      </c>
      <c r="B107" s="21">
        <v>5</v>
      </c>
      <c r="C107" s="6">
        <v>6</v>
      </c>
      <c r="D107" s="5">
        <v>11</v>
      </c>
    </row>
    <row r="108" spans="1:4" ht="18" customHeight="1" x14ac:dyDescent="0.15">
      <c r="A108" s="8" t="s">
        <v>7</v>
      </c>
      <c r="B108" s="21">
        <v>21</v>
      </c>
      <c r="C108" s="6">
        <v>23</v>
      </c>
      <c r="D108" s="5">
        <v>44</v>
      </c>
    </row>
    <row r="109" spans="1:4" ht="18" customHeight="1" x14ac:dyDescent="0.15">
      <c r="A109" s="8">
        <v>85</v>
      </c>
      <c r="B109" s="21">
        <v>1</v>
      </c>
      <c r="C109" s="6">
        <v>4</v>
      </c>
      <c r="D109" s="5">
        <v>5</v>
      </c>
    </row>
    <row r="110" spans="1:4" ht="18" customHeight="1" x14ac:dyDescent="0.15">
      <c r="A110" s="8">
        <v>86</v>
      </c>
      <c r="B110" s="21">
        <v>4</v>
      </c>
      <c r="C110" s="6">
        <v>3</v>
      </c>
      <c r="D110" s="5">
        <v>7</v>
      </c>
    </row>
    <row r="111" spans="1:4" ht="18" customHeight="1" x14ac:dyDescent="0.15">
      <c r="A111" s="8">
        <v>87</v>
      </c>
      <c r="B111" s="21">
        <v>2</v>
      </c>
      <c r="C111" s="6">
        <v>5</v>
      </c>
      <c r="D111" s="5">
        <v>7</v>
      </c>
    </row>
    <row r="112" spans="1:4" ht="18" customHeight="1" x14ac:dyDescent="0.15">
      <c r="A112" s="8">
        <v>88</v>
      </c>
      <c r="B112" s="21">
        <v>1</v>
      </c>
      <c r="C112" s="6">
        <v>3</v>
      </c>
      <c r="D112" s="5">
        <v>4</v>
      </c>
    </row>
    <row r="113" spans="1:4" ht="18" customHeight="1" x14ac:dyDescent="0.15">
      <c r="A113" s="8">
        <v>89</v>
      </c>
      <c r="B113" s="21">
        <v>2</v>
      </c>
      <c r="C113" s="6">
        <v>4</v>
      </c>
      <c r="D113" s="5">
        <v>6</v>
      </c>
    </row>
    <row r="114" spans="1:4" ht="18" customHeight="1" x14ac:dyDescent="0.15">
      <c r="A114" s="8" t="s">
        <v>6</v>
      </c>
      <c r="B114" s="21">
        <v>10</v>
      </c>
      <c r="C114" s="6">
        <v>19</v>
      </c>
      <c r="D114" s="5">
        <v>29</v>
      </c>
    </row>
    <row r="115" spans="1:4" ht="18" customHeight="1" x14ac:dyDescent="0.15">
      <c r="A115" s="8">
        <v>90</v>
      </c>
      <c r="B115" s="21">
        <v>0</v>
      </c>
      <c r="C115" s="6">
        <v>4</v>
      </c>
      <c r="D115" s="5">
        <v>4</v>
      </c>
    </row>
    <row r="116" spans="1:4" ht="18" customHeight="1" x14ac:dyDescent="0.15">
      <c r="A116" s="8">
        <v>91</v>
      </c>
      <c r="B116" s="21">
        <v>1</v>
      </c>
      <c r="C116" s="6">
        <v>3</v>
      </c>
      <c r="D116" s="5">
        <v>4</v>
      </c>
    </row>
    <row r="117" spans="1:4" ht="18" customHeight="1" x14ac:dyDescent="0.15">
      <c r="A117" s="8">
        <v>92</v>
      </c>
      <c r="B117" s="21">
        <v>1</v>
      </c>
      <c r="C117" s="6">
        <v>1</v>
      </c>
      <c r="D117" s="5">
        <v>2</v>
      </c>
    </row>
    <row r="118" spans="1:4" ht="18" customHeight="1" x14ac:dyDescent="0.15">
      <c r="A118" s="8">
        <v>93</v>
      </c>
      <c r="B118" s="21">
        <v>0</v>
      </c>
      <c r="C118" s="6">
        <v>4</v>
      </c>
      <c r="D118" s="5">
        <v>4</v>
      </c>
    </row>
    <row r="119" spans="1:4" ht="18" customHeight="1" x14ac:dyDescent="0.15">
      <c r="A119" s="8">
        <v>94</v>
      </c>
      <c r="B119" s="21">
        <v>0</v>
      </c>
      <c r="C119" s="6">
        <v>3</v>
      </c>
      <c r="D119" s="5">
        <v>3</v>
      </c>
    </row>
    <row r="120" spans="1:4" ht="18" customHeight="1" x14ac:dyDescent="0.15">
      <c r="A120" s="8" t="s">
        <v>5</v>
      </c>
      <c r="B120" s="21">
        <v>2</v>
      </c>
      <c r="C120" s="6">
        <v>15</v>
      </c>
      <c r="D120" s="5">
        <v>17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1</v>
      </c>
      <c r="C123" s="6">
        <v>4</v>
      </c>
      <c r="D123" s="5">
        <v>5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9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2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142</v>
      </c>
      <c r="C130" s="6">
        <v>170</v>
      </c>
      <c r="D130" s="5">
        <v>312</v>
      </c>
    </row>
    <row r="131" spans="1:4" ht="18" customHeight="1" x14ac:dyDescent="0.15">
      <c r="A131" s="4" t="s">
        <v>0</v>
      </c>
      <c r="B131" s="20">
        <v>275</v>
      </c>
      <c r="C131" s="2">
        <v>274</v>
      </c>
      <c r="D131" s="1">
        <v>54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DEC1A1-2AC0-4421-8E25-32C173C5463F}">
  <sheetPr codeName="Sheet8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0</v>
      </c>
      <c r="D10" s="5">
        <v>0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0</v>
      </c>
      <c r="D14" s="5">
        <v>0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0</v>
      </c>
      <c r="C16" s="6">
        <v>0</v>
      </c>
      <c r="D16" s="5">
        <v>0</v>
      </c>
    </row>
    <row r="17" spans="1:4" ht="18" customHeight="1" x14ac:dyDescent="0.15">
      <c r="A17" s="8">
        <v>10</v>
      </c>
      <c r="B17" s="21">
        <v>0</v>
      </c>
      <c r="C17" s="6">
        <v>1</v>
      </c>
      <c r="D17" s="5">
        <v>1</v>
      </c>
    </row>
    <row r="18" spans="1:4" ht="18" customHeight="1" x14ac:dyDescent="0.15">
      <c r="A18" s="8">
        <v>11</v>
      </c>
      <c r="B18" s="21">
        <v>0</v>
      </c>
      <c r="C18" s="6">
        <v>0</v>
      </c>
      <c r="D18" s="5">
        <v>0</v>
      </c>
    </row>
    <row r="19" spans="1:4" ht="18" customHeight="1" x14ac:dyDescent="0.15">
      <c r="A19" s="8">
        <v>12</v>
      </c>
      <c r="B19" s="21">
        <v>0</v>
      </c>
      <c r="C19" s="6">
        <v>1</v>
      </c>
      <c r="D19" s="5">
        <v>1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0</v>
      </c>
      <c r="C21" s="6">
        <v>1</v>
      </c>
      <c r="D21" s="5">
        <v>1</v>
      </c>
    </row>
    <row r="22" spans="1:4" ht="18" customHeight="1" x14ac:dyDescent="0.15">
      <c r="A22" s="8" t="s">
        <v>23</v>
      </c>
      <c r="B22" s="21">
        <v>0</v>
      </c>
      <c r="C22" s="6">
        <v>3</v>
      </c>
      <c r="D22" s="5">
        <v>3</v>
      </c>
    </row>
    <row r="23" spans="1:4" ht="18" customHeight="1" x14ac:dyDescent="0.15">
      <c r="A23" s="8" t="s">
        <v>22</v>
      </c>
      <c r="B23" s="21">
        <v>0</v>
      </c>
      <c r="C23" s="6">
        <v>3</v>
      </c>
      <c r="D23" s="5">
        <v>3</v>
      </c>
    </row>
    <row r="24" spans="1:4" ht="18" customHeight="1" x14ac:dyDescent="0.15">
      <c r="A24" s="8">
        <v>15</v>
      </c>
      <c r="B24" s="21">
        <v>0</v>
      </c>
      <c r="C24" s="6">
        <v>0</v>
      </c>
      <c r="D24" s="5">
        <v>0</v>
      </c>
    </row>
    <row r="25" spans="1:4" ht="18" customHeight="1" x14ac:dyDescent="0.15">
      <c r="A25" s="8">
        <v>16</v>
      </c>
      <c r="B25" s="21">
        <v>0</v>
      </c>
      <c r="C25" s="6">
        <v>0</v>
      </c>
      <c r="D25" s="5">
        <v>0</v>
      </c>
    </row>
    <row r="26" spans="1:4" ht="18" customHeight="1" x14ac:dyDescent="0.15">
      <c r="A26" s="8">
        <v>17</v>
      </c>
      <c r="B26" s="21">
        <v>0</v>
      </c>
      <c r="C26" s="6">
        <v>0</v>
      </c>
      <c r="D26" s="5">
        <v>0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0</v>
      </c>
      <c r="D28" s="5">
        <v>0</v>
      </c>
    </row>
    <row r="29" spans="1:4" ht="18" customHeight="1" x14ac:dyDescent="0.15">
      <c r="A29" s="8" t="s">
        <v>21</v>
      </c>
      <c r="B29" s="21">
        <v>0</v>
      </c>
      <c r="C29" s="6">
        <v>0</v>
      </c>
      <c r="D29" s="5">
        <v>0</v>
      </c>
    </row>
    <row r="30" spans="1:4" ht="18" customHeight="1" x14ac:dyDescent="0.15">
      <c r="A30" s="8">
        <v>20</v>
      </c>
      <c r="B30" s="21">
        <v>1</v>
      </c>
      <c r="C30" s="6">
        <v>0</v>
      </c>
      <c r="D30" s="5">
        <v>1</v>
      </c>
    </row>
    <row r="31" spans="1:4" ht="18" customHeight="1" x14ac:dyDescent="0.15">
      <c r="A31" s="8">
        <v>21</v>
      </c>
      <c r="B31" s="21">
        <v>0</v>
      </c>
      <c r="C31" s="6">
        <v>0</v>
      </c>
      <c r="D31" s="5">
        <v>0</v>
      </c>
    </row>
    <row r="32" spans="1:4" ht="18" customHeight="1" x14ac:dyDescent="0.15">
      <c r="A32" s="8">
        <v>22</v>
      </c>
      <c r="B32" s="21">
        <v>0</v>
      </c>
      <c r="C32" s="6">
        <v>0</v>
      </c>
      <c r="D32" s="5">
        <v>0</v>
      </c>
    </row>
    <row r="33" spans="1:4" ht="18" customHeight="1" x14ac:dyDescent="0.15">
      <c r="A33" s="8">
        <v>23</v>
      </c>
      <c r="B33" s="21">
        <v>0</v>
      </c>
      <c r="C33" s="6">
        <v>0</v>
      </c>
      <c r="D33" s="5">
        <v>0</v>
      </c>
    </row>
    <row r="34" spans="1:4" ht="18" customHeight="1" x14ac:dyDescent="0.15">
      <c r="A34" s="8">
        <v>24</v>
      </c>
      <c r="B34" s="21">
        <v>0</v>
      </c>
      <c r="C34" s="6">
        <v>1</v>
      </c>
      <c r="D34" s="5">
        <v>1</v>
      </c>
    </row>
    <row r="35" spans="1:4" ht="18" customHeight="1" x14ac:dyDescent="0.15">
      <c r="A35" s="8" t="s">
        <v>20</v>
      </c>
      <c r="B35" s="21">
        <v>1</v>
      </c>
      <c r="C35" s="6">
        <v>1</v>
      </c>
      <c r="D35" s="5">
        <v>2</v>
      </c>
    </row>
    <row r="36" spans="1:4" ht="18" customHeight="1" x14ac:dyDescent="0.15">
      <c r="A36" s="8">
        <v>25</v>
      </c>
      <c r="B36" s="21">
        <v>1</v>
      </c>
      <c r="C36" s="6">
        <v>0</v>
      </c>
      <c r="D36" s="5">
        <v>1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0</v>
      </c>
      <c r="C40" s="6">
        <v>0</v>
      </c>
      <c r="D40" s="5">
        <v>0</v>
      </c>
    </row>
    <row r="41" spans="1:4" ht="18" customHeight="1" x14ac:dyDescent="0.15">
      <c r="A41" s="8" t="s">
        <v>19</v>
      </c>
      <c r="B41" s="21">
        <v>1</v>
      </c>
      <c r="C41" s="6">
        <v>0</v>
      </c>
      <c r="D41" s="5">
        <v>1</v>
      </c>
    </row>
    <row r="42" spans="1:4" ht="18" customHeight="1" x14ac:dyDescent="0.15">
      <c r="A42" s="8">
        <v>30</v>
      </c>
      <c r="B42" s="21">
        <v>0</v>
      </c>
      <c r="C42" s="6">
        <v>0</v>
      </c>
      <c r="D42" s="5">
        <v>0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0</v>
      </c>
      <c r="C44" s="6">
        <v>0</v>
      </c>
      <c r="D44" s="5">
        <v>0</v>
      </c>
    </row>
    <row r="45" spans="1:4" ht="18" customHeight="1" x14ac:dyDescent="0.15">
      <c r="A45" s="8">
        <v>33</v>
      </c>
      <c r="B45" s="21">
        <v>1</v>
      </c>
      <c r="C45" s="6">
        <v>0</v>
      </c>
      <c r="D45" s="5">
        <v>1</v>
      </c>
    </row>
    <row r="46" spans="1:4" ht="18" customHeight="1" x14ac:dyDescent="0.15">
      <c r="A46" s="8">
        <v>34</v>
      </c>
      <c r="B46" s="21">
        <v>0</v>
      </c>
      <c r="C46" s="6">
        <v>1</v>
      </c>
      <c r="D46" s="5">
        <v>1</v>
      </c>
    </row>
    <row r="47" spans="1:4" ht="18" customHeight="1" x14ac:dyDescent="0.15">
      <c r="A47" s="8" t="s">
        <v>18</v>
      </c>
      <c r="B47" s="21">
        <v>2</v>
      </c>
      <c r="C47" s="6">
        <v>1</v>
      </c>
      <c r="D47" s="5">
        <v>3</v>
      </c>
    </row>
    <row r="48" spans="1:4" ht="18" customHeight="1" x14ac:dyDescent="0.15">
      <c r="A48" s="8">
        <v>35</v>
      </c>
      <c r="B48" s="21">
        <v>0</v>
      </c>
      <c r="C48" s="6">
        <v>0</v>
      </c>
      <c r="D48" s="5">
        <v>0</v>
      </c>
    </row>
    <row r="49" spans="1:4" ht="18" customHeight="1" x14ac:dyDescent="0.15">
      <c r="A49" s="8">
        <v>36</v>
      </c>
      <c r="B49" s="21">
        <v>0</v>
      </c>
      <c r="C49" s="6">
        <v>1</v>
      </c>
      <c r="D49" s="5">
        <v>1</v>
      </c>
    </row>
    <row r="50" spans="1:4" ht="18" customHeight="1" x14ac:dyDescent="0.15">
      <c r="A50" s="8">
        <v>37</v>
      </c>
      <c r="B50" s="21">
        <v>0</v>
      </c>
      <c r="C50" s="6">
        <v>0</v>
      </c>
      <c r="D50" s="5">
        <v>0</v>
      </c>
    </row>
    <row r="51" spans="1:4" ht="18" customHeight="1" x14ac:dyDescent="0.15">
      <c r="A51" s="8">
        <v>38</v>
      </c>
      <c r="B51" s="21">
        <v>1</v>
      </c>
      <c r="C51" s="6">
        <v>0</v>
      </c>
      <c r="D51" s="5">
        <v>1</v>
      </c>
    </row>
    <row r="52" spans="1:4" ht="18" customHeight="1" x14ac:dyDescent="0.15">
      <c r="A52" s="8">
        <v>39</v>
      </c>
      <c r="B52" s="21">
        <v>2</v>
      </c>
      <c r="C52" s="6">
        <v>1</v>
      </c>
      <c r="D52" s="5">
        <v>3</v>
      </c>
    </row>
    <row r="53" spans="1:4" ht="18" customHeight="1" x14ac:dyDescent="0.15">
      <c r="A53" s="8" t="s">
        <v>17</v>
      </c>
      <c r="B53" s="21">
        <v>3</v>
      </c>
      <c r="C53" s="6">
        <v>2</v>
      </c>
      <c r="D53" s="5">
        <v>5</v>
      </c>
    </row>
    <row r="54" spans="1:4" ht="18" customHeight="1" x14ac:dyDescent="0.15">
      <c r="A54" s="8">
        <v>40</v>
      </c>
      <c r="B54" s="21">
        <v>1</v>
      </c>
      <c r="C54" s="6">
        <v>0</v>
      </c>
      <c r="D54" s="5">
        <v>1</v>
      </c>
    </row>
    <row r="55" spans="1:4" ht="18" customHeight="1" x14ac:dyDescent="0.15">
      <c r="A55" s="8">
        <v>41</v>
      </c>
      <c r="B55" s="21">
        <v>0</v>
      </c>
      <c r="C55" s="6">
        <v>0</v>
      </c>
      <c r="D55" s="5">
        <v>0</v>
      </c>
    </row>
    <row r="56" spans="1:4" ht="18" customHeight="1" x14ac:dyDescent="0.15">
      <c r="A56" s="8">
        <v>42</v>
      </c>
      <c r="B56" s="21">
        <v>0</v>
      </c>
      <c r="C56" s="6">
        <v>1</v>
      </c>
      <c r="D56" s="5">
        <v>1</v>
      </c>
    </row>
    <row r="57" spans="1:4" ht="18" customHeight="1" x14ac:dyDescent="0.15">
      <c r="A57" s="8">
        <v>43</v>
      </c>
      <c r="B57" s="21">
        <v>1</v>
      </c>
      <c r="C57" s="6">
        <v>0</v>
      </c>
      <c r="D57" s="5">
        <v>1</v>
      </c>
    </row>
    <row r="58" spans="1:4" ht="18" customHeight="1" x14ac:dyDescent="0.15">
      <c r="A58" s="8">
        <v>44</v>
      </c>
      <c r="B58" s="21">
        <v>0</v>
      </c>
      <c r="C58" s="6">
        <v>1</v>
      </c>
      <c r="D58" s="5">
        <v>1</v>
      </c>
    </row>
    <row r="59" spans="1:4" ht="18" customHeight="1" x14ac:dyDescent="0.15">
      <c r="A59" s="8" t="s">
        <v>16</v>
      </c>
      <c r="B59" s="21">
        <v>2</v>
      </c>
      <c r="C59" s="6">
        <v>2</v>
      </c>
      <c r="D59" s="5">
        <v>4</v>
      </c>
    </row>
    <row r="60" spans="1:4" ht="18" customHeight="1" x14ac:dyDescent="0.15">
      <c r="A60" s="8">
        <v>45</v>
      </c>
      <c r="B60" s="21">
        <v>1</v>
      </c>
      <c r="C60" s="6">
        <v>0</v>
      </c>
      <c r="D60" s="5">
        <v>1</v>
      </c>
    </row>
    <row r="61" spans="1:4" ht="18" customHeight="1" x14ac:dyDescent="0.15">
      <c r="A61" s="8">
        <v>46</v>
      </c>
      <c r="B61" s="21">
        <v>2</v>
      </c>
      <c r="C61" s="6">
        <v>0</v>
      </c>
      <c r="D61" s="5">
        <v>2</v>
      </c>
    </row>
    <row r="62" spans="1:4" ht="18" customHeight="1" x14ac:dyDescent="0.15">
      <c r="A62" s="8">
        <v>47</v>
      </c>
      <c r="B62" s="21">
        <v>0</v>
      </c>
      <c r="C62" s="6">
        <v>0</v>
      </c>
      <c r="D62" s="5">
        <v>0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0</v>
      </c>
      <c r="C64" s="6">
        <v>1</v>
      </c>
      <c r="D64" s="5">
        <v>1</v>
      </c>
    </row>
    <row r="65" spans="1:4" ht="18" customHeight="1" x14ac:dyDescent="0.15">
      <c r="A65" s="8" t="s">
        <v>15</v>
      </c>
      <c r="B65" s="21">
        <v>3</v>
      </c>
      <c r="C65" s="6">
        <v>1</v>
      </c>
      <c r="D65" s="5">
        <v>4</v>
      </c>
    </row>
    <row r="66" spans="1:4" ht="18" customHeight="1" x14ac:dyDescent="0.15">
      <c r="A66" s="8">
        <v>50</v>
      </c>
      <c r="B66" s="21">
        <v>0</v>
      </c>
      <c r="C66" s="6">
        <v>0</v>
      </c>
      <c r="D66" s="5">
        <v>0</v>
      </c>
    </row>
    <row r="67" spans="1:4" ht="18" customHeight="1" x14ac:dyDescent="0.15">
      <c r="A67" s="8">
        <v>51</v>
      </c>
      <c r="B67" s="21">
        <v>0</v>
      </c>
      <c r="C67" s="6">
        <v>0</v>
      </c>
      <c r="D67" s="5">
        <v>0</v>
      </c>
    </row>
    <row r="68" spans="1:4" ht="18" customHeight="1" x14ac:dyDescent="0.15">
      <c r="A68" s="8">
        <v>52</v>
      </c>
      <c r="B68" s="21">
        <v>0</v>
      </c>
      <c r="C68" s="6">
        <v>0</v>
      </c>
      <c r="D68" s="5">
        <v>0</v>
      </c>
    </row>
    <row r="69" spans="1:4" ht="18" customHeight="1" x14ac:dyDescent="0.15">
      <c r="A69" s="8">
        <v>53</v>
      </c>
      <c r="B69" s="21">
        <v>0</v>
      </c>
      <c r="C69" s="6">
        <v>0</v>
      </c>
      <c r="D69" s="5">
        <v>0</v>
      </c>
    </row>
    <row r="70" spans="1:4" ht="18" customHeight="1" x14ac:dyDescent="0.15">
      <c r="A70" s="8">
        <v>54</v>
      </c>
      <c r="B70" s="21">
        <v>0</v>
      </c>
      <c r="C70" s="6">
        <v>0</v>
      </c>
      <c r="D70" s="5">
        <v>0</v>
      </c>
    </row>
    <row r="71" spans="1:4" ht="18" customHeight="1" x14ac:dyDescent="0.15">
      <c r="A71" s="8" t="s">
        <v>14</v>
      </c>
      <c r="B71" s="21">
        <v>0</v>
      </c>
      <c r="C71" s="6">
        <v>0</v>
      </c>
      <c r="D71" s="5">
        <v>0</v>
      </c>
    </row>
    <row r="72" spans="1:4" ht="18" customHeight="1" x14ac:dyDescent="0.15">
      <c r="A72" s="8">
        <v>55</v>
      </c>
      <c r="B72" s="21">
        <v>0</v>
      </c>
      <c r="C72" s="6">
        <v>1</v>
      </c>
      <c r="D72" s="5">
        <v>1</v>
      </c>
    </row>
    <row r="73" spans="1:4" ht="18" customHeight="1" x14ac:dyDescent="0.15">
      <c r="A73" s="8">
        <v>56</v>
      </c>
      <c r="B73" s="21">
        <v>0</v>
      </c>
      <c r="C73" s="6">
        <v>0</v>
      </c>
      <c r="D73" s="5">
        <v>0</v>
      </c>
    </row>
    <row r="74" spans="1:4" ht="18" customHeight="1" x14ac:dyDescent="0.15">
      <c r="A74" s="8">
        <v>57</v>
      </c>
      <c r="B74" s="21">
        <v>0</v>
      </c>
      <c r="C74" s="6">
        <v>1</v>
      </c>
      <c r="D74" s="5">
        <v>1</v>
      </c>
    </row>
    <row r="75" spans="1:4" ht="18" customHeight="1" x14ac:dyDescent="0.15">
      <c r="A75" s="8">
        <v>58</v>
      </c>
      <c r="B75" s="21">
        <v>2</v>
      </c>
      <c r="C75" s="6">
        <v>1</v>
      </c>
      <c r="D75" s="5">
        <v>3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2</v>
      </c>
      <c r="C77" s="6">
        <v>5</v>
      </c>
      <c r="D77" s="5">
        <v>7</v>
      </c>
    </row>
    <row r="78" spans="1:4" ht="18" customHeight="1" x14ac:dyDescent="0.15">
      <c r="A78" s="8">
        <v>60</v>
      </c>
      <c r="B78" s="21">
        <v>1</v>
      </c>
      <c r="C78" s="6">
        <v>0</v>
      </c>
      <c r="D78" s="5">
        <v>1</v>
      </c>
    </row>
    <row r="79" spans="1:4" ht="18" customHeight="1" x14ac:dyDescent="0.15">
      <c r="A79" s="8">
        <v>61</v>
      </c>
      <c r="B79" s="21">
        <v>0</v>
      </c>
      <c r="C79" s="6">
        <v>1</v>
      </c>
      <c r="D79" s="5">
        <v>1</v>
      </c>
    </row>
    <row r="80" spans="1:4" ht="18" customHeight="1" x14ac:dyDescent="0.15">
      <c r="A80" s="8">
        <v>62</v>
      </c>
      <c r="B80" s="21">
        <v>1</v>
      </c>
      <c r="C80" s="6">
        <v>1</v>
      </c>
      <c r="D80" s="5">
        <v>2</v>
      </c>
    </row>
    <row r="81" spans="1:4" ht="18" customHeight="1" x14ac:dyDescent="0.15">
      <c r="A81" s="8">
        <v>63</v>
      </c>
      <c r="B81" s="21">
        <v>1</v>
      </c>
      <c r="C81" s="6">
        <v>0</v>
      </c>
      <c r="D81" s="5">
        <v>1</v>
      </c>
    </row>
    <row r="82" spans="1:4" ht="18" customHeight="1" x14ac:dyDescent="0.15">
      <c r="A82" s="8">
        <v>64</v>
      </c>
      <c r="B82" s="21">
        <v>2</v>
      </c>
      <c r="C82" s="6">
        <v>1</v>
      </c>
      <c r="D82" s="5">
        <v>3</v>
      </c>
    </row>
    <row r="83" spans="1:4" ht="18" customHeight="1" x14ac:dyDescent="0.15">
      <c r="A83" s="8" t="s">
        <v>12</v>
      </c>
      <c r="B83" s="21">
        <v>5</v>
      </c>
      <c r="C83" s="6">
        <v>3</v>
      </c>
      <c r="D83" s="5">
        <v>8</v>
      </c>
    </row>
    <row r="84" spans="1:4" ht="18" customHeight="1" x14ac:dyDescent="0.15">
      <c r="A84" s="8" t="s">
        <v>11</v>
      </c>
      <c r="B84" s="21">
        <v>19</v>
      </c>
      <c r="C84" s="6">
        <v>15</v>
      </c>
      <c r="D84" s="5">
        <v>34</v>
      </c>
    </row>
    <row r="85" spans="1:4" ht="18" customHeight="1" x14ac:dyDescent="0.15">
      <c r="A85" s="8">
        <v>65</v>
      </c>
      <c r="B85" s="21">
        <v>2</v>
      </c>
      <c r="C85" s="6">
        <v>1</v>
      </c>
      <c r="D85" s="5">
        <v>3</v>
      </c>
    </row>
    <row r="86" spans="1:4" ht="18" customHeight="1" x14ac:dyDescent="0.15">
      <c r="A86" s="8">
        <v>66</v>
      </c>
      <c r="B86" s="21">
        <v>2</v>
      </c>
      <c r="C86" s="6">
        <v>0</v>
      </c>
      <c r="D86" s="5">
        <v>2</v>
      </c>
    </row>
    <row r="87" spans="1:4" ht="18" customHeight="1" x14ac:dyDescent="0.15">
      <c r="A87" s="8">
        <v>67</v>
      </c>
      <c r="B87" s="21">
        <v>0</v>
      </c>
      <c r="C87" s="6">
        <v>1</v>
      </c>
      <c r="D87" s="5">
        <v>1</v>
      </c>
    </row>
    <row r="88" spans="1:4" ht="18" customHeight="1" x14ac:dyDescent="0.15">
      <c r="A88" s="8">
        <v>68</v>
      </c>
      <c r="B88" s="21">
        <v>2</v>
      </c>
      <c r="C88" s="6">
        <v>2</v>
      </c>
      <c r="D88" s="5">
        <v>4</v>
      </c>
    </row>
    <row r="89" spans="1:4" ht="18" customHeight="1" x14ac:dyDescent="0.15">
      <c r="A89" s="8">
        <v>69</v>
      </c>
      <c r="B89" s="21">
        <v>0</v>
      </c>
      <c r="C89" s="6">
        <v>5</v>
      </c>
      <c r="D89" s="5">
        <v>5</v>
      </c>
    </row>
    <row r="90" spans="1:4" ht="18" customHeight="1" x14ac:dyDescent="0.15">
      <c r="A90" s="8" t="s">
        <v>10</v>
      </c>
      <c r="B90" s="21">
        <v>6</v>
      </c>
      <c r="C90" s="6">
        <v>9</v>
      </c>
      <c r="D90" s="5">
        <v>15</v>
      </c>
    </row>
    <row r="91" spans="1:4" ht="18" customHeight="1" x14ac:dyDescent="0.15">
      <c r="A91" s="8">
        <v>70</v>
      </c>
      <c r="B91" s="21">
        <v>0</v>
      </c>
      <c r="C91" s="6">
        <v>4</v>
      </c>
      <c r="D91" s="5">
        <v>4</v>
      </c>
    </row>
    <row r="92" spans="1:4" ht="18" customHeight="1" x14ac:dyDescent="0.15">
      <c r="A92" s="8">
        <v>71</v>
      </c>
      <c r="B92" s="21">
        <v>2</v>
      </c>
      <c r="C92" s="6">
        <v>1</v>
      </c>
      <c r="D92" s="5">
        <v>3</v>
      </c>
    </row>
    <row r="93" spans="1:4" ht="18" customHeight="1" x14ac:dyDescent="0.15">
      <c r="A93" s="8">
        <v>72</v>
      </c>
      <c r="B93" s="21">
        <v>0</v>
      </c>
      <c r="C93" s="6">
        <v>0</v>
      </c>
      <c r="D93" s="5">
        <v>0</v>
      </c>
    </row>
    <row r="94" spans="1:4" ht="18" customHeight="1" x14ac:dyDescent="0.15">
      <c r="A94" s="8">
        <v>73</v>
      </c>
      <c r="B94" s="21">
        <v>3</v>
      </c>
      <c r="C94" s="6">
        <v>2</v>
      </c>
      <c r="D94" s="5">
        <v>5</v>
      </c>
    </row>
    <row r="95" spans="1:4" ht="18" customHeight="1" x14ac:dyDescent="0.15">
      <c r="A95" s="8">
        <v>74</v>
      </c>
      <c r="B95" s="21">
        <v>2</v>
      </c>
      <c r="C95" s="6">
        <v>0</v>
      </c>
      <c r="D95" s="5">
        <v>2</v>
      </c>
    </row>
    <row r="96" spans="1:4" ht="18" customHeight="1" x14ac:dyDescent="0.15">
      <c r="A96" s="8" t="s">
        <v>9</v>
      </c>
      <c r="B96" s="21">
        <v>7</v>
      </c>
      <c r="C96" s="6">
        <v>7</v>
      </c>
      <c r="D96" s="5">
        <v>14</v>
      </c>
    </row>
    <row r="97" spans="1:4" ht="18" customHeight="1" x14ac:dyDescent="0.15">
      <c r="A97" s="8">
        <v>75</v>
      </c>
      <c r="B97" s="21">
        <v>2</v>
      </c>
      <c r="C97" s="6">
        <v>0</v>
      </c>
      <c r="D97" s="5">
        <v>2</v>
      </c>
    </row>
    <row r="98" spans="1:4" ht="18" customHeight="1" x14ac:dyDescent="0.15">
      <c r="A98" s="8">
        <v>76</v>
      </c>
      <c r="B98" s="21">
        <v>3</v>
      </c>
      <c r="C98" s="6">
        <v>1</v>
      </c>
      <c r="D98" s="5">
        <v>4</v>
      </c>
    </row>
    <row r="99" spans="1:4" ht="18" customHeight="1" x14ac:dyDescent="0.15">
      <c r="A99" s="8">
        <v>77</v>
      </c>
      <c r="B99" s="21">
        <v>3</v>
      </c>
      <c r="C99" s="6">
        <v>2</v>
      </c>
      <c r="D99" s="5">
        <v>5</v>
      </c>
    </row>
    <row r="100" spans="1:4" ht="18" customHeight="1" x14ac:dyDescent="0.15">
      <c r="A100" s="8">
        <v>78</v>
      </c>
      <c r="B100" s="21">
        <v>2</v>
      </c>
      <c r="C100" s="6">
        <v>2</v>
      </c>
      <c r="D100" s="5">
        <v>4</v>
      </c>
    </row>
    <row r="101" spans="1:4" ht="18" customHeight="1" x14ac:dyDescent="0.15">
      <c r="A101" s="8">
        <v>79</v>
      </c>
      <c r="B101" s="21">
        <v>0</v>
      </c>
      <c r="C101" s="6">
        <v>1</v>
      </c>
      <c r="D101" s="5">
        <v>1</v>
      </c>
    </row>
    <row r="102" spans="1:4" ht="18" customHeight="1" x14ac:dyDescent="0.15">
      <c r="A102" s="8" t="s">
        <v>8</v>
      </c>
      <c r="B102" s="21">
        <v>10</v>
      </c>
      <c r="C102" s="6">
        <v>6</v>
      </c>
      <c r="D102" s="5">
        <v>16</v>
      </c>
    </row>
    <row r="103" spans="1:4" ht="18" customHeight="1" x14ac:dyDescent="0.15">
      <c r="A103" s="8">
        <v>80</v>
      </c>
      <c r="B103" s="21">
        <v>1</v>
      </c>
      <c r="C103" s="6">
        <v>0</v>
      </c>
      <c r="D103" s="5">
        <v>1</v>
      </c>
    </row>
    <row r="104" spans="1:4" ht="18" customHeight="1" x14ac:dyDescent="0.15">
      <c r="A104" s="8">
        <v>81</v>
      </c>
      <c r="B104" s="21">
        <v>2</v>
      </c>
      <c r="C104" s="6">
        <v>1</v>
      </c>
      <c r="D104" s="5">
        <v>3</v>
      </c>
    </row>
    <row r="105" spans="1:4" ht="18" customHeight="1" x14ac:dyDescent="0.15">
      <c r="A105" s="8">
        <v>82</v>
      </c>
      <c r="B105" s="21">
        <v>0</v>
      </c>
      <c r="C105" s="6">
        <v>0</v>
      </c>
      <c r="D105" s="5">
        <v>0</v>
      </c>
    </row>
    <row r="106" spans="1:4" ht="18" customHeight="1" x14ac:dyDescent="0.15">
      <c r="A106" s="8">
        <v>83</v>
      </c>
      <c r="B106" s="21">
        <v>0</v>
      </c>
      <c r="C106" s="6">
        <v>3</v>
      </c>
      <c r="D106" s="5">
        <v>3</v>
      </c>
    </row>
    <row r="107" spans="1:4" ht="18" customHeight="1" x14ac:dyDescent="0.15">
      <c r="A107" s="8">
        <v>84</v>
      </c>
      <c r="B107" s="21">
        <v>0</v>
      </c>
      <c r="C107" s="6">
        <v>1</v>
      </c>
      <c r="D107" s="5">
        <v>1</v>
      </c>
    </row>
    <row r="108" spans="1:4" ht="18" customHeight="1" x14ac:dyDescent="0.15">
      <c r="A108" s="8" t="s">
        <v>7</v>
      </c>
      <c r="B108" s="21">
        <v>3</v>
      </c>
      <c r="C108" s="6">
        <v>5</v>
      </c>
      <c r="D108" s="5">
        <v>8</v>
      </c>
    </row>
    <row r="109" spans="1:4" ht="18" customHeight="1" x14ac:dyDescent="0.15">
      <c r="A109" s="8">
        <v>85</v>
      </c>
      <c r="B109" s="21">
        <v>0</v>
      </c>
      <c r="C109" s="6">
        <v>4</v>
      </c>
      <c r="D109" s="5">
        <v>4</v>
      </c>
    </row>
    <row r="110" spans="1:4" ht="18" customHeight="1" x14ac:dyDescent="0.15">
      <c r="A110" s="8">
        <v>86</v>
      </c>
      <c r="B110" s="21">
        <v>1</v>
      </c>
      <c r="C110" s="6">
        <v>1</v>
      </c>
      <c r="D110" s="5">
        <v>2</v>
      </c>
    </row>
    <row r="111" spans="1:4" ht="18" customHeight="1" x14ac:dyDescent="0.15">
      <c r="A111" s="8">
        <v>87</v>
      </c>
      <c r="B111" s="21">
        <v>2</v>
      </c>
      <c r="C111" s="6">
        <v>4</v>
      </c>
      <c r="D111" s="5">
        <v>6</v>
      </c>
    </row>
    <row r="112" spans="1:4" ht="18" customHeight="1" x14ac:dyDescent="0.15">
      <c r="A112" s="8">
        <v>88</v>
      </c>
      <c r="B112" s="21">
        <v>1</v>
      </c>
      <c r="C112" s="6">
        <v>3</v>
      </c>
      <c r="D112" s="5">
        <v>4</v>
      </c>
    </row>
    <row r="113" spans="1:4" ht="18" customHeight="1" x14ac:dyDescent="0.15">
      <c r="A113" s="8">
        <v>89</v>
      </c>
      <c r="B113" s="21">
        <v>3</v>
      </c>
      <c r="C113" s="6">
        <v>0</v>
      </c>
      <c r="D113" s="5">
        <v>3</v>
      </c>
    </row>
    <row r="114" spans="1:4" ht="18" customHeight="1" x14ac:dyDescent="0.15">
      <c r="A114" s="8" t="s">
        <v>6</v>
      </c>
      <c r="B114" s="21">
        <v>7</v>
      </c>
      <c r="C114" s="6">
        <v>12</v>
      </c>
      <c r="D114" s="5">
        <v>19</v>
      </c>
    </row>
    <row r="115" spans="1:4" ht="18" customHeight="1" x14ac:dyDescent="0.15">
      <c r="A115" s="8">
        <v>90</v>
      </c>
      <c r="B115" s="21">
        <v>0</v>
      </c>
      <c r="C115" s="6">
        <v>2</v>
      </c>
      <c r="D115" s="5">
        <v>2</v>
      </c>
    </row>
    <row r="116" spans="1:4" ht="18" customHeight="1" x14ac:dyDescent="0.15">
      <c r="A116" s="8">
        <v>91</v>
      </c>
      <c r="B116" s="21">
        <v>0</v>
      </c>
      <c r="C116" s="6">
        <v>1</v>
      </c>
      <c r="D116" s="5">
        <v>1</v>
      </c>
    </row>
    <row r="117" spans="1:4" ht="18" customHeight="1" x14ac:dyDescent="0.15">
      <c r="A117" s="8">
        <v>92</v>
      </c>
      <c r="B117" s="21">
        <v>0</v>
      </c>
      <c r="C117" s="6">
        <v>1</v>
      </c>
      <c r="D117" s="5">
        <v>1</v>
      </c>
    </row>
    <row r="118" spans="1:4" ht="18" customHeight="1" x14ac:dyDescent="0.15">
      <c r="A118" s="8">
        <v>93</v>
      </c>
      <c r="B118" s="21">
        <v>1</v>
      </c>
      <c r="C118" s="6">
        <v>0</v>
      </c>
      <c r="D118" s="5">
        <v>1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1</v>
      </c>
      <c r="C120" s="6">
        <v>4</v>
      </c>
      <c r="D120" s="5">
        <v>5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3</v>
      </c>
      <c r="D126" s="5">
        <v>3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34</v>
      </c>
      <c r="C130" s="6">
        <v>46</v>
      </c>
      <c r="D130" s="5">
        <v>80</v>
      </c>
    </row>
    <row r="131" spans="1:4" ht="18" customHeight="1" x14ac:dyDescent="0.15">
      <c r="A131" s="4" t="s">
        <v>0</v>
      </c>
      <c r="B131" s="20">
        <v>53</v>
      </c>
      <c r="C131" s="2">
        <v>64</v>
      </c>
      <c r="D131" s="1">
        <v>1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6E607F2-1F95-4734-A722-4CF5741404FA}">
  <sheetPr codeName="Sheet8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0</v>
      </c>
      <c r="D7" s="5">
        <v>0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0</v>
      </c>
      <c r="D10" s="5">
        <v>0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0</v>
      </c>
      <c r="D14" s="5">
        <v>0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1</v>
      </c>
      <c r="C16" s="6">
        <v>0</v>
      </c>
      <c r="D16" s="5">
        <v>1</v>
      </c>
    </row>
    <row r="17" spans="1:4" ht="18" customHeight="1" x14ac:dyDescent="0.15">
      <c r="A17" s="8">
        <v>10</v>
      </c>
      <c r="B17" s="21">
        <v>0</v>
      </c>
      <c r="C17" s="6">
        <v>0</v>
      </c>
      <c r="D17" s="5">
        <v>0</v>
      </c>
    </row>
    <row r="18" spans="1:4" ht="18" customHeight="1" x14ac:dyDescent="0.15">
      <c r="A18" s="8">
        <v>11</v>
      </c>
      <c r="B18" s="21">
        <v>1</v>
      </c>
      <c r="C18" s="6">
        <v>0</v>
      </c>
      <c r="D18" s="5">
        <v>1</v>
      </c>
    </row>
    <row r="19" spans="1:4" ht="18" customHeight="1" x14ac:dyDescent="0.15">
      <c r="A19" s="8">
        <v>12</v>
      </c>
      <c r="B19" s="21">
        <v>0</v>
      </c>
      <c r="C19" s="6">
        <v>0</v>
      </c>
      <c r="D19" s="5">
        <v>0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1</v>
      </c>
      <c r="C21" s="6">
        <v>0</v>
      </c>
      <c r="D21" s="5">
        <v>1</v>
      </c>
    </row>
    <row r="22" spans="1:4" ht="18" customHeight="1" x14ac:dyDescent="0.15">
      <c r="A22" s="8" t="s">
        <v>23</v>
      </c>
      <c r="B22" s="21">
        <v>2</v>
      </c>
      <c r="C22" s="6">
        <v>0</v>
      </c>
      <c r="D22" s="5">
        <v>2</v>
      </c>
    </row>
    <row r="23" spans="1:4" ht="18" customHeight="1" x14ac:dyDescent="0.15">
      <c r="A23" s="8" t="s">
        <v>22</v>
      </c>
      <c r="B23" s="21">
        <v>3</v>
      </c>
      <c r="C23" s="6">
        <v>0</v>
      </c>
      <c r="D23" s="5">
        <v>3</v>
      </c>
    </row>
    <row r="24" spans="1:4" ht="18" customHeight="1" x14ac:dyDescent="0.15">
      <c r="A24" s="8">
        <v>15</v>
      </c>
      <c r="B24" s="21">
        <v>0</v>
      </c>
      <c r="C24" s="6">
        <v>0</v>
      </c>
      <c r="D24" s="5">
        <v>0</v>
      </c>
    </row>
    <row r="25" spans="1:4" ht="18" customHeight="1" x14ac:dyDescent="0.15">
      <c r="A25" s="8">
        <v>16</v>
      </c>
      <c r="B25" s="21">
        <v>0</v>
      </c>
      <c r="C25" s="6">
        <v>0</v>
      </c>
      <c r="D25" s="5">
        <v>0</v>
      </c>
    </row>
    <row r="26" spans="1:4" ht="18" customHeight="1" x14ac:dyDescent="0.15">
      <c r="A26" s="8">
        <v>17</v>
      </c>
      <c r="B26" s="21">
        <v>0</v>
      </c>
      <c r="C26" s="6">
        <v>0</v>
      </c>
      <c r="D26" s="5">
        <v>0</v>
      </c>
    </row>
    <row r="27" spans="1:4" ht="18" customHeight="1" x14ac:dyDescent="0.15">
      <c r="A27" s="8">
        <v>18</v>
      </c>
      <c r="B27" s="21">
        <v>0</v>
      </c>
      <c r="C27" s="6">
        <v>0</v>
      </c>
      <c r="D27" s="5">
        <v>0</v>
      </c>
    </row>
    <row r="28" spans="1:4" ht="18" customHeight="1" x14ac:dyDescent="0.15">
      <c r="A28" s="8">
        <v>19</v>
      </c>
      <c r="B28" s="21">
        <v>0</v>
      </c>
      <c r="C28" s="6">
        <v>0</v>
      </c>
      <c r="D28" s="5">
        <v>0</v>
      </c>
    </row>
    <row r="29" spans="1:4" ht="18" customHeight="1" x14ac:dyDescent="0.15">
      <c r="A29" s="8" t="s">
        <v>21</v>
      </c>
      <c r="B29" s="21">
        <v>0</v>
      </c>
      <c r="C29" s="6">
        <v>0</v>
      </c>
      <c r="D29" s="5">
        <v>0</v>
      </c>
    </row>
    <row r="30" spans="1:4" ht="18" customHeight="1" x14ac:dyDescent="0.15">
      <c r="A30" s="8">
        <v>20</v>
      </c>
      <c r="B30" s="21">
        <v>0</v>
      </c>
      <c r="C30" s="6">
        <v>0</v>
      </c>
      <c r="D30" s="5">
        <v>0</v>
      </c>
    </row>
    <row r="31" spans="1:4" ht="18" customHeight="1" x14ac:dyDescent="0.15">
      <c r="A31" s="8">
        <v>21</v>
      </c>
      <c r="B31" s="21">
        <v>0</v>
      </c>
      <c r="C31" s="6">
        <v>0</v>
      </c>
      <c r="D31" s="5">
        <v>0</v>
      </c>
    </row>
    <row r="32" spans="1:4" ht="18" customHeight="1" x14ac:dyDescent="0.15">
      <c r="A32" s="8">
        <v>22</v>
      </c>
      <c r="B32" s="21">
        <v>0</v>
      </c>
      <c r="C32" s="6">
        <v>0</v>
      </c>
      <c r="D32" s="5">
        <v>0</v>
      </c>
    </row>
    <row r="33" spans="1:4" ht="18" customHeight="1" x14ac:dyDescent="0.15">
      <c r="A33" s="8">
        <v>23</v>
      </c>
      <c r="B33" s="21">
        <v>0</v>
      </c>
      <c r="C33" s="6">
        <v>0</v>
      </c>
      <c r="D33" s="5">
        <v>0</v>
      </c>
    </row>
    <row r="34" spans="1:4" ht="18" customHeight="1" x14ac:dyDescent="0.15">
      <c r="A34" s="8">
        <v>24</v>
      </c>
      <c r="B34" s="21">
        <v>0</v>
      </c>
      <c r="C34" s="6">
        <v>0</v>
      </c>
      <c r="D34" s="5">
        <v>0</v>
      </c>
    </row>
    <row r="35" spans="1:4" ht="18" customHeight="1" x14ac:dyDescent="0.15">
      <c r="A35" s="8" t="s">
        <v>20</v>
      </c>
      <c r="B35" s="21">
        <v>0</v>
      </c>
      <c r="C35" s="6">
        <v>0</v>
      </c>
      <c r="D35" s="5">
        <v>0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0</v>
      </c>
      <c r="C40" s="6">
        <v>0</v>
      </c>
      <c r="D40" s="5">
        <v>0</v>
      </c>
    </row>
    <row r="41" spans="1:4" ht="18" customHeight="1" x14ac:dyDescent="0.15">
      <c r="A41" s="8" t="s">
        <v>19</v>
      </c>
      <c r="B41" s="21">
        <v>0</v>
      </c>
      <c r="C41" s="6">
        <v>0</v>
      </c>
      <c r="D41" s="5">
        <v>0</v>
      </c>
    </row>
    <row r="42" spans="1:4" ht="18" customHeight="1" x14ac:dyDescent="0.15">
      <c r="A42" s="8">
        <v>30</v>
      </c>
      <c r="B42" s="21">
        <v>0</v>
      </c>
      <c r="C42" s="6">
        <v>0</v>
      </c>
      <c r="D42" s="5">
        <v>0</v>
      </c>
    </row>
    <row r="43" spans="1:4" ht="18" customHeight="1" x14ac:dyDescent="0.15">
      <c r="A43" s="8">
        <v>31</v>
      </c>
      <c r="B43" s="21">
        <v>0</v>
      </c>
      <c r="C43" s="6">
        <v>0</v>
      </c>
      <c r="D43" s="5">
        <v>0</v>
      </c>
    </row>
    <row r="44" spans="1:4" ht="18" customHeight="1" x14ac:dyDescent="0.15">
      <c r="A44" s="8">
        <v>32</v>
      </c>
      <c r="B44" s="21">
        <v>0</v>
      </c>
      <c r="C44" s="6">
        <v>0</v>
      </c>
      <c r="D44" s="5">
        <v>0</v>
      </c>
    </row>
    <row r="45" spans="1:4" ht="18" customHeight="1" x14ac:dyDescent="0.15">
      <c r="A45" s="8">
        <v>33</v>
      </c>
      <c r="B45" s="21">
        <v>0</v>
      </c>
      <c r="C45" s="6">
        <v>0</v>
      </c>
      <c r="D45" s="5">
        <v>0</v>
      </c>
    </row>
    <row r="46" spans="1:4" ht="18" customHeight="1" x14ac:dyDescent="0.15">
      <c r="A46" s="8">
        <v>34</v>
      </c>
      <c r="B46" s="21">
        <v>1</v>
      </c>
      <c r="C46" s="6">
        <v>0</v>
      </c>
      <c r="D46" s="5">
        <v>1</v>
      </c>
    </row>
    <row r="47" spans="1:4" ht="18" customHeight="1" x14ac:dyDescent="0.15">
      <c r="A47" s="8" t="s">
        <v>18</v>
      </c>
      <c r="B47" s="21">
        <v>1</v>
      </c>
      <c r="C47" s="6">
        <v>0</v>
      </c>
      <c r="D47" s="5">
        <v>1</v>
      </c>
    </row>
    <row r="48" spans="1:4" ht="18" customHeight="1" x14ac:dyDescent="0.15">
      <c r="A48" s="8">
        <v>35</v>
      </c>
      <c r="B48" s="21">
        <v>0</v>
      </c>
      <c r="C48" s="6">
        <v>0</v>
      </c>
      <c r="D48" s="5">
        <v>0</v>
      </c>
    </row>
    <row r="49" spans="1:4" ht="18" customHeight="1" x14ac:dyDescent="0.15">
      <c r="A49" s="8">
        <v>36</v>
      </c>
      <c r="B49" s="21">
        <v>0</v>
      </c>
      <c r="C49" s="6">
        <v>0</v>
      </c>
      <c r="D49" s="5">
        <v>0</v>
      </c>
    </row>
    <row r="50" spans="1:4" ht="18" customHeight="1" x14ac:dyDescent="0.15">
      <c r="A50" s="8">
        <v>37</v>
      </c>
      <c r="B50" s="21">
        <v>1</v>
      </c>
      <c r="C50" s="6">
        <v>0</v>
      </c>
      <c r="D50" s="5">
        <v>1</v>
      </c>
    </row>
    <row r="51" spans="1:4" ht="18" customHeight="1" x14ac:dyDescent="0.15">
      <c r="A51" s="8">
        <v>38</v>
      </c>
      <c r="B51" s="21">
        <v>0</v>
      </c>
      <c r="C51" s="6">
        <v>0</v>
      </c>
      <c r="D51" s="5">
        <v>0</v>
      </c>
    </row>
    <row r="52" spans="1:4" ht="18" customHeight="1" x14ac:dyDescent="0.15">
      <c r="A52" s="8">
        <v>39</v>
      </c>
      <c r="B52" s="21">
        <v>0</v>
      </c>
      <c r="C52" s="6">
        <v>0</v>
      </c>
      <c r="D52" s="5">
        <v>0</v>
      </c>
    </row>
    <row r="53" spans="1:4" ht="18" customHeight="1" x14ac:dyDescent="0.15">
      <c r="A53" s="8" t="s">
        <v>17</v>
      </c>
      <c r="B53" s="21">
        <v>1</v>
      </c>
      <c r="C53" s="6">
        <v>0</v>
      </c>
      <c r="D53" s="5">
        <v>1</v>
      </c>
    </row>
    <row r="54" spans="1:4" ht="18" customHeight="1" x14ac:dyDescent="0.15">
      <c r="A54" s="8">
        <v>40</v>
      </c>
      <c r="B54" s="21">
        <v>0</v>
      </c>
      <c r="C54" s="6">
        <v>0</v>
      </c>
      <c r="D54" s="5">
        <v>0</v>
      </c>
    </row>
    <row r="55" spans="1:4" ht="18" customHeight="1" x14ac:dyDescent="0.15">
      <c r="A55" s="8">
        <v>41</v>
      </c>
      <c r="B55" s="21">
        <v>0</v>
      </c>
      <c r="C55" s="6">
        <v>0</v>
      </c>
      <c r="D55" s="5">
        <v>0</v>
      </c>
    </row>
    <row r="56" spans="1:4" ht="18" customHeight="1" x14ac:dyDescent="0.15">
      <c r="A56" s="8">
        <v>42</v>
      </c>
      <c r="B56" s="21">
        <v>0</v>
      </c>
      <c r="C56" s="6">
        <v>0</v>
      </c>
      <c r="D56" s="5">
        <v>0</v>
      </c>
    </row>
    <row r="57" spans="1:4" ht="18" customHeight="1" x14ac:dyDescent="0.15">
      <c r="A57" s="8">
        <v>43</v>
      </c>
      <c r="B57" s="21">
        <v>2</v>
      </c>
      <c r="C57" s="6">
        <v>0</v>
      </c>
      <c r="D57" s="5">
        <v>2</v>
      </c>
    </row>
    <row r="58" spans="1:4" ht="18" customHeight="1" x14ac:dyDescent="0.15">
      <c r="A58" s="8">
        <v>44</v>
      </c>
      <c r="B58" s="21">
        <v>0</v>
      </c>
      <c r="C58" s="6">
        <v>0</v>
      </c>
      <c r="D58" s="5">
        <v>0</v>
      </c>
    </row>
    <row r="59" spans="1:4" ht="18" customHeight="1" x14ac:dyDescent="0.15">
      <c r="A59" s="8" t="s">
        <v>16</v>
      </c>
      <c r="B59" s="21">
        <v>2</v>
      </c>
      <c r="C59" s="6">
        <v>0</v>
      </c>
      <c r="D59" s="5">
        <v>2</v>
      </c>
    </row>
    <row r="60" spans="1:4" ht="18" customHeight="1" x14ac:dyDescent="0.15">
      <c r="A60" s="8">
        <v>45</v>
      </c>
      <c r="B60" s="21">
        <v>0</v>
      </c>
      <c r="C60" s="6">
        <v>0</v>
      </c>
      <c r="D60" s="5">
        <v>0</v>
      </c>
    </row>
    <row r="61" spans="1:4" ht="18" customHeight="1" x14ac:dyDescent="0.15">
      <c r="A61" s="8">
        <v>46</v>
      </c>
      <c r="B61" s="21">
        <v>0</v>
      </c>
      <c r="C61" s="6">
        <v>0</v>
      </c>
      <c r="D61" s="5">
        <v>0</v>
      </c>
    </row>
    <row r="62" spans="1:4" ht="18" customHeight="1" x14ac:dyDescent="0.15">
      <c r="A62" s="8">
        <v>47</v>
      </c>
      <c r="B62" s="21">
        <v>0</v>
      </c>
      <c r="C62" s="6">
        <v>0</v>
      </c>
      <c r="D62" s="5">
        <v>0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0</v>
      </c>
      <c r="C64" s="6">
        <v>0</v>
      </c>
      <c r="D64" s="5">
        <v>0</v>
      </c>
    </row>
    <row r="65" spans="1:4" ht="18" customHeight="1" x14ac:dyDescent="0.15">
      <c r="A65" s="8" t="s">
        <v>15</v>
      </c>
      <c r="B65" s="21">
        <v>0</v>
      </c>
      <c r="C65" s="6">
        <v>0</v>
      </c>
      <c r="D65" s="5">
        <v>0</v>
      </c>
    </row>
    <row r="66" spans="1:4" ht="18" customHeight="1" x14ac:dyDescent="0.15">
      <c r="A66" s="8">
        <v>50</v>
      </c>
      <c r="B66" s="21">
        <v>0</v>
      </c>
      <c r="C66" s="6">
        <v>1</v>
      </c>
      <c r="D66" s="5">
        <v>1</v>
      </c>
    </row>
    <row r="67" spans="1:4" ht="18" customHeight="1" x14ac:dyDescent="0.15">
      <c r="A67" s="8">
        <v>51</v>
      </c>
      <c r="B67" s="21">
        <v>0</v>
      </c>
      <c r="C67" s="6">
        <v>0</v>
      </c>
      <c r="D67" s="5">
        <v>0</v>
      </c>
    </row>
    <row r="68" spans="1:4" ht="18" customHeight="1" x14ac:dyDescent="0.15">
      <c r="A68" s="8">
        <v>52</v>
      </c>
      <c r="B68" s="21">
        <v>1</v>
      </c>
      <c r="C68" s="6">
        <v>0</v>
      </c>
      <c r="D68" s="5">
        <v>1</v>
      </c>
    </row>
    <row r="69" spans="1:4" ht="18" customHeight="1" x14ac:dyDescent="0.15">
      <c r="A69" s="8">
        <v>53</v>
      </c>
      <c r="B69" s="21">
        <v>0</v>
      </c>
      <c r="C69" s="6">
        <v>0</v>
      </c>
      <c r="D69" s="5">
        <v>0</v>
      </c>
    </row>
    <row r="70" spans="1:4" ht="18" customHeight="1" x14ac:dyDescent="0.15">
      <c r="A70" s="8">
        <v>54</v>
      </c>
      <c r="B70" s="21">
        <v>1</v>
      </c>
      <c r="C70" s="6">
        <v>0</v>
      </c>
      <c r="D70" s="5">
        <v>1</v>
      </c>
    </row>
    <row r="71" spans="1:4" ht="18" customHeight="1" x14ac:dyDescent="0.15">
      <c r="A71" s="8" t="s">
        <v>14</v>
      </c>
      <c r="B71" s="21">
        <v>2</v>
      </c>
      <c r="C71" s="6">
        <v>1</v>
      </c>
      <c r="D71" s="5">
        <v>3</v>
      </c>
    </row>
    <row r="72" spans="1:4" ht="18" customHeight="1" x14ac:dyDescent="0.15">
      <c r="A72" s="8">
        <v>55</v>
      </c>
      <c r="B72" s="21">
        <v>1</v>
      </c>
      <c r="C72" s="6">
        <v>0</v>
      </c>
      <c r="D72" s="5">
        <v>1</v>
      </c>
    </row>
    <row r="73" spans="1:4" ht="18" customHeight="1" x14ac:dyDescent="0.15">
      <c r="A73" s="8">
        <v>56</v>
      </c>
      <c r="B73" s="21">
        <v>0</v>
      </c>
      <c r="C73" s="6">
        <v>0</v>
      </c>
      <c r="D73" s="5">
        <v>0</v>
      </c>
    </row>
    <row r="74" spans="1:4" ht="18" customHeight="1" x14ac:dyDescent="0.15">
      <c r="A74" s="8">
        <v>57</v>
      </c>
      <c r="B74" s="21">
        <v>0</v>
      </c>
      <c r="C74" s="6">
        <v>0</v>
      </c>
      <c r="D74" s="5">
        <v>0</v>
      </c>
    </row>
    <row r="75" spans="1:4" ht="18" customHeight="1" x14ac:dyDescent="0.15">
      <c r="A75" s="8">
        <v>58</v>
      </c>
      <c r="B75" s="21">
        <v>0</v>
      </c>
      <c r="C75" s="6">
        <v>1</v>
      </c>
      <c r="D75" s="5">
        <v>1</v>
      </c>
    </row>
    <row r="76" spans="1:4" ht="18" customHeight="1" x14ac:dyDescent="0.15">
      <c r="A76" s="8">
        <v>59</v>
      </c>
      <c r="B76" s="21">
        <v>0</v>
      </c>
      <c r="C76" s="6">
        <v>0</v>
      </c>
      <c r="D76" s="5">
        <v>0</v>
      </c>
    </row>
    <row r="77" spans="1:4" ht="18" customHeight="1" x14ac:dyDescent="0.15">
      <c r="A77" s="8" t="s">
        <v>13</v>
      </c>
      <c r="B77" s="21">
        <v>1</v>
      </c>
      <c r="C77" s="6">
        <v>1</v>
      </c>
      <c r="D77" s="5">
        <v>2</v>
      </c>
    </row>
    <row r="78" spans="1:4" ht="18" customHeight="1" x14ac:dyDescent="0.15">
      <c r="A78" s="8">
        <v>60</v>
      </c>
      <c r="B78" s="21">
        <v>0</v>
      </c>
      <c r="C78" s="6">
        <v>1</v>
      </c>
      <c r="D78" s="5">
        <v>1</v>
      </c>
    </row>
    <row r="79" spans="1:4" ht="18" customHeight="1" x14ac:dyDescent="0.15">
      <c r="A79" s="8">
        <v>61</v>
      </c>
      <c r="B79" s="21">
        <v>0</v>
      </c>
      <c r="C79" s="6">
        <v>0</v>
      </c>
      <c r="D79" s="5">
        <v>0</v>
      </c>
    </row>
    <row r="80" spans="1:4" ht="18" customHeight="1" x14ac:dyDescent="0.15">
      <c r="A80" s="8">
        <v>62</v>
      </c>
      <c r="B80" s="21">
        <v>0</v>
      </c>
      <c r="C80" s="6">
        <v>0</v>
      </c>
      <c r="D80" s="5">
        <v>0</v>
      </c>
    </row>
    <row r="81" spans="1:4" ht="18" customHeight="1" x14ac:dyDescent="0.15">
      <c r="A81" s="8">
        <v>63</v>
      </c>
      <c r="B81" s="21">
        <v>0</v>
      </c>
      <c r="C81" s="6">
        <v>0</v>
      </c>
      <c r="D81" s="5">
        <v>0</v>
      </c>
    </row>
    <row r="82" spans="1:4" ht="18" customHeight="1" x14ac:dyDescent="0.15">
      <c r="A82" s="8">
        <v>64</v>
      </c>
      <c r="B82" s="21">
        <v>1</v>
      </c>
      <c r="C82" s="6">
        <v>0</v>
      </c>
      <c r="D82" s="5">
        <v>1</v>
      </c>
    </row>
    <row r="83" spans="1:4" ht="18" customHeight="1" x14ac:dyDescent="0.15">
      <c r="A83" s="8" t="s">
        <v>12</v>
      </c>
      <c r="B83" s="21">
        <v>1</v>
      </c>
      <c r="C83" s="6">
        <v>1</v>
      </c>
      <c r="D83" s="5">
        <v>2</v>
      </c>
    </row>
    <row r="84" spans="1:4" ht="18" customHeight="1" x14ac:dyDescent="0.15">
      <c r="A84" s="8" t="s">
        <v>11</v>
      </c>
      <c r="B84" s="21">
        <v>8</v>
      </c>
      <c r="C84" s="6">
        <v>3</v>
      </c>
      <c r="D84" s="5">
        <v>11</v>
      </c>
    </row>
    <row r="85" spans="1:4" ht="18" customHeight="1" x14ac:dyDescent="0.15">
      <c r="A85" s="8">
        <v>65</v>
      </c>
      <c r="B85" s="21">
        <v>0</v>
      </c>
      <c r="C85" s="6">
        <v>0</v>
      </c>
      <c r="D85" s="5">
        <v>0</v>
      </c>
    </row>
    <row r="86" spans="1:4" ht="18" customHeight="1" x14ac:dyDescent="0.15">
      <c r="A86" s="8">
        <v>66</v>
      </c>
      <c r="B86" s="21">
        <v>0</v>
      </c>
      <c r="C86" s="6">
        <v>0</v>
      </c>
      <c r="D86" s="5">
        <v>0</v>
      </c>
    </row>
    <row r="87" spans="1:4" ht="18" customHeight="1" x14ac:dyDescent="0.15">
      <c r="A87" s="8">
        <v>67</v>
      </c>
      <c r="B87" s="21">
        <v>1</v>
      </c>
      <c r="C87" s="6">
        <v>2</v>
      </c>
      <c r="D87" s="5">
        <v>3</v>
      </c>
    </row>
    <row r="88" spans="1:4" ht="18" customHeight="1" x14ac:dyDescent="0.15">
      <c r="A88" s="8">
        <v>68</v>
      </c>
      <c r="B88" s="21">
        <v>1</v>
      </c>
      <c r="C88" s="6">
        <v>0</v>
      </c>
      <c r="D88" s="5">
        <v>1</v>
      </c>
    </row>
    <row r="89" spans="1:4" ht="18" customHeight="1" x14ac:dyDescent="0.15">
      <c r="A89" s="8">
        <v>69</v>
      </c>
      <c r="B89" s="21">
        <v>0</v>
      </c>
      <c r="C89" s="6">
        <v>0</v>
      </c>
      <c r="D89" s="5">
        <v>0</v>
      </c>
    </row>
    <row r="90" spans="1:4" ht="18" customHeight="1" x14ac:dyDescent="0.15">
      <c r="A90" s="8" t="s">
        <v>10</v>
      </c>
      <c r="B90" s="21">
        <v>2</v>
      </c>
      <c r="C90" s="6">
        <v>2</v>
      </c>
      <c r="D90" s="5">
        <v>4</v>
      </c>
    </row>
    <row r="91" spans="1:4" ht="18" customHeight="1" x14ac:dyDescent="0.15">
      <c r="A91" s="8">
        <v>70</v>
      </c>
      <c r="B91" s="21">
        <v>1</v>
      </c>
      <c r="C91" s="6">
        <v>0</v>
      </c>
      <c r="D91" s="5">
        <v>1</v>
      </c>
    </row>
    <row r="92" spans="1:4" ht="18" customHeight="1" x14ac:dyDescent="0.15">
      <c r="A92" s="8">
        <v>71</v>
      </c>
      <c r="B92" s="21">
        <v>0</v>
      </c>
      <c r="C92" s="6">
        <v>0</v>
      </c>
      <c r="D92" s="5">
        <v>0</v>
      </c>
    </row>
    <row r="93" spans="1:4" ht="18" customHeight="1" x14ac:dyDescent="0.15">
      <c r="A93" s="8">
        <v>72</v>
      </c>
      <c r="B93" s="21">
        <v>2</v>
      </c>
      <c r="C93" s="6">
        <v>0</v>
      </c>
      <c r="D93" s="5">
        <v>2</v>
      </c>
    </row>
    <row r="94" spans="1:4" ht="18" customHeight="1" x14ac:dyDescent="0.15">
      <c r="A94" s="8">
        <v>73</v>
      </c>
      <c r="B94" s="21">
        <v>1</v>
      </c>
      <c r="C94" s="6">
        <v>0</v>
      </c>
      <c r="D94" s="5">
        <v>1</v>
      </c>
    </row>
    <row r="95" spans="1:4" ht="18" customHeight="1" x14ac:dyDescent="0.15">
      <c r="A95" s="8">
        <v>74</v>
      </c>
      <c r="B95" s="21">
        <v>1</v>
      </c>
      <c r="C95" s="6">
        <v>0</v>
      </c>
      <c r="D95" s="5">
        <v>1</v>
      </c>
    </row>
    <row r="96" spans="1:4" ht="18" customHeight="1" x14ac:dyDescent="0.15">
      <c r="A96" s="8" t="s">
        <v>9</v>
      </c>
      <c r="B96" s="21">
        <v>5</v>
      </c>
      <c r="C96" s="6">
        <v>0</v>
      </c>
      <c r="D96" s="5">
        <v>5</v>
      </c>
    </row>
    <row r="97" spans="1:4" ht="18" customHeight="1" x14ac:dyDescent="0.15">
      <c r="A97" s="8">
        <v>75</v>
      </c>
      <c r="B97" s="21">
        <v>0</v>
      </c>
      <c r="C97" s="6">
        <v>0</v>
      </c>
      <c r="D97" s="5">
        <v>0</v>
      </c>
    </row>
    <row r="98" spans="1:4" ht="18" customHeight="1" x14ac:dyDescent="0.15">
      <c r="A98" s="8">
        <v>76</v>
      </c>
      <c r="B98" s="21">
        <v>0</v>
      </c>
      <c r="C98" s="6">
        <v>1</v>
      </c>
      <c r="D98" s="5">
        <v>1</v>
      </c>
    </row>
    <row r="99" spans="1:4" ht="18" customHeight="1" x14ac:dyDescent="0.15">
      <c r="A99" s="8">
        <v>77</v>
      </c>
      <c r="B99" s="21">
        <v>0</v>
      </c>
      <c r="C99" s="6">
        <v>0</v>
      </c>
      <c r="D99" s="5">
        <v>0</v>
      </c>
    </row>
    <row r="100" spans="1:4" ht="18" customHeight="1" x14ac:dyDescent="0.15">
      <c r="A100" s="8">
        <v>78</v>
      </c>
      <c r="B100" s="21">
        <v>1</v>
      </c>
      <c r="C100" s="6">
        <v>0</v>
      </c>
      <c r="D100" s="5">
        <v>1</v>
      </c>
    </row>
    <row r="101" spans="1:4" ht="18" customHeight="1" x14ac:dyDescent="0.15">
      <c r="A101" s="8">
        <v>79</v>
      </c>
      <c r="B101" s="21">
        <v>1</v>
      </c>
      <c r="C101" s="6">
        <v>1</v>
      </c>
      <c r="D101" s="5">
        <v>2</v>
      </c>
    </row>
    <row r="102" spans="1:4" ht="18" customHeight="1" x14ac:dyDescent="0.15">
      <c r="A102" s="8" t="s">
        <v>8</v>
      </c>
      <c r="B102" s="21">
        <v>2</v>
      </c>
      <c r="C102" s="6">
        <v>2</v>
      </c>
      <c r="D102" s="5">
        <v>4</v>
      </c>
    </row>
    <row r="103" spans="1:4" ht="18" customHeight="1" x14ac:dyDescent="0.15">
      <c r="A103" s="8">
        <v>80</v>
      </c>
      <c r="B103" s="21">
        <v>0</v>
      </c>
      <c r="C103" s="6">
        <v>0</v>
      </c>
      <c r="D103" s="5">
        <v>0</v>
      </c>
    </row>
    <row r="104" spans="1:4" ht="18" customHeight="1" x14ac:dyDescent="0.15">
      <c r="A104" s="8">
        <v>81</v>
      </c>
      <c r="B104" s="21">
        <v>0</v>
      </c>
      <c r="C104" s="6">
        <v>0</v>
      </c>
      <c r="D104" s="5">
        <v>0</v>
      </c>
    </row>
    <row r="105" spans="1:4" ht="18" customHeight="1" x14ac:dyDescent="0.15">
      <c r="A105" s="8">
        <v>82</v>
      </c>
      <c r="B105" s="21">
        <v>0</v>
      </c>
      <c r="C105" s="6">
        <v>0</v>
      </c>
      <c r="D105" s="5">
        <v>0</v>
      </c>
    </row>
    <row r="106" spans="1:4" ht="18" customHeight="1" x14ac:dyDescent="0.15">
      <c r="A106" s="8">
        <v>83</v>
      </c>
      <c r="B106" s="21">
        <v>1</v>
      </c>
      <c r="C106" s="6">
        <v>0</v>
      </c>
      <c r="D106" s="5">
        <v>1</v>
      </c>
    </row>
    <row r="107" spans="1:4" ht="18" customHeight="1" x14ac:dyDescent="0.15">
      <c r="A107" s="8">
        <v>84</v>
      </c>
      <c r="B107" s="21">
        <v>0</v>
      </c>
      <c r="C107" s="6">
        <v>0</v>
      </c>
      <c r="D107" s="5">
        <v>0</v>
      </c>
    </row>
    <row r="108" spans="1:4" ht="18" customHeight="1" x14ac:dyDescent="0.15">
      <c r="A108" s="8" t="s">
        <v>7</v>
      </c>
      <c r="B108" s="21">
        <v>1</v>
      </c>
      <c r="C108" s="6">
        <v>0</v>
      </c>
      <c r="D108" s="5">
        <v>1</v>
      </c>
    </row>
    <row r="109" spans="1:4" ht="18" customHeight="1" x14ac:dyDescent="0.15">
      <c r="A109" s="8">
        <v>85</v>
      </c>
      <c r="B109" s="21">
        <v>0</v>
      </c>
      <c r="C109" s="6">
        <v>1</v>
      </c>
      <c r="D109" s="5">
        <v>1</v>
      </c>
    </row>
    <row r="110" spans="1:4" ht="18" customHeight="1" x14ac:dyDescent="0.15">
      <c r="A110" s="8">
        <v>86</v>
      </c>
      <c r="B110" s="21">
        <v>1</v>
      </c>
      <c r="C110" s="6">
        <v>1</v>
      </c>
      <c r="D110" s="5">
        <v>2</v>
      </c>
    </row>
    <row r="111" spans="1:4" ht="18" customHeight="1" x14ac:dyDescent="0.15">
      <c r="A111" s="8">
        <v>87</v>
      </c>
      <c r="B111" s="21">
        <v>1</v>
      </c>
      <c r="C111" s="6">
        <v>0</v>
      </c>
      <c r="D111" s="5">
        <v>1</v>
      </c>
    </row>
    <row r="112" spans="1:4" ht="18" customHeight="1" x14ac:dyDescent="0.15">
      <c r="A112" s="8">
        <v>88</v>
      </c>
      <c r="B112" s="21">
        <v>0</v>
      </c>
      <c r="C112" s="6">
        <v>2</v>
      </c>
      <c r="D112" s="5">
        <v>2</v>
      </c>
    </row>
    <row r="113" spans="1:4" ht="18" customHeight="1" x14ac:dyDescent="0.15">
      <c r="A113" s="8">
        <v>89</v>
      </c>
      <c r="B113" s="21">
        <v>1</v>
      </c>
      <c r="C113" s="6">
        <v>1</v>
      </c>
      <c r="D113" s="5">
        <v>2</v>
      </c>
    </row>
    <row r="114" spans="1:4" ht="18" customHeight="1" x14ac:dyDescent="0.15">
      <c r="A114" s="8" t="s">
        <v>6</v>
      </c>
      <c r="B114" s="21">
        <v>3</v>
      </c>
      <c r="C114" s="6">
        <v>5</v>
      </c>
      <c r="D114" s="5">
        <v>8</v>
      </c>
    </row>
    <row r="115" spans="1:4" ht="18" customHeight="1" x14ac:dyDescent="0.15">
      <c r="A115" s="8">
        <v>90</v>
      </c>
      <c r="B115" s="21">
        <v>1</v>
      </c>
      <c r="C115" s="6">
        <v>1</v>
      </c>
      <c r="D115" s="5">
        <v>2</v>
      </c>
    </row>
    <row r="116" spans="1:4" ht="18" customHeight="1" x14ac:dyDescent="0.15">
      <c r="A116" s="8">
        <v>91</v>
      </c>
      <c r="B116" s="21">
        <v>0</v>
      </c>
      <c r="C116" s="6">
        <v>0</v>
      </c>
      <c r="D116" s="5">
        <v>0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0</v>
      </c>
      <c r="D118" s="5">
        <v>0</v>
      </c>
    </row>
    <row r="119" spans="1:4" ht="18" customHeight="1" x14ac:dyDescent="0.15">
      <c r="A119" s="8">
        <v>94</v>
      </c>
      <c r="B119" s="21">
        <v>1</v>
      </c>
      <c r="C119" s="6">
        <v>0</v>
      </c>
      <c r="D119" s="5">
        <v>1</v>
      </c>
    </row>
    <row r="120" spans="1:4" ht="18" customHeight="1" x14ac:dyDescent="0.15">
      <c r="A120" s="8" t="s">
        <v>5</v>
      </c>
      <c r="B120" s="21">
        <v>2</v>
      </c>
      <c r="C120" s="6">
        <v>1</v>
      </c>
      <c r="D120" s="5">
        <v>3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0</v>
      </c>
      <c r="C122" s="6">
        <v>0</v>
      </c>
      <c r="D122" s="5">
        <v>0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0</v>
      </c>
      <c r="D126" s="5">
        <v>0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5</v>
      </c>
      <c r="C130" s="6">
        <v>10</v>
      </c>
      <c r="D130" s="5">
        <v>25</v>
      </c>
    </row>
    <row r="131" spans="1:4" ht="18" customHeight="1" x14ac:dyDescent="0.15">
      <c r="A131" s="4" t="s">
        <v>0</v>
      </c>
      <c r="B131" s="20">
        <v>26</v>
      </c>
      <c r="C131" s="2">
        <v>13</v>
      </c>
      <c r="D131" s="1">
        <v>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54ED2DA-D85B-4B4D-8C0D-F979B3E855F4}">
  <sheetPr codeName="Sheet8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7</v>
      </c>
      <c r="C5" s="31">
        <v>22</v>
      </c>
      <c r="D5" s="30">
        <v>49</v>
      </c>
    </row>
    <row r="6" spans="1:4" ht="18" customHeight="1" x14ac:dyDescent="0.15">
      <c r="A6" s="8">
        <v>1</v>
      </c>
      <c r="B6" s="26">
        <v>30</v>
      </c>
      <c r="C6" s="6">
        <v>28</v>
      </c>
      <c r="D6" s="5">
        <v>58</v>
      </c>
    </row>
    <row r="7" spans="1:4" ht="18" customHeight="1" x14ac:dyDescent="0.15">
      <c r="A7" s="8">
        <v>2</v>
      </c>
      <c r="B7" s="26">
        <v>30</v>
      </c>
      <c r="C7" s="6">
        <v>26</v>
      </c>
      <c r="D7" s="5">
        <v>56</v>
      </c>
    </row>
    <row r="8" spans="1:4" ht="18" customHeight="1" x14ac:dyDescent="0.15">
      <c r="A8" s="8">
        <v>3</v>
      </c>
      <c r="B8" s="26">
        <v>32</v>
      </c>
      <c r="C8" s="6">
        <v>29</v>
      </c>
      <c r="D8" s="5">
        <v>61</v>
      </c>
    </row>
    <row r="9" spans="1:4" ht="18" customHeight="1" x14ac:dyDescent="0.15">
      <c r="A9" s="8">
        <v>4</v>
      </c>
      <c r="B9" s="29">
        <v>43</v>
      </c>
      <c r="C9" s="28">
        <v>30</v>
      </c>
      <c r="D9" s="27">
        <v>73</v>
      </c>
    </row>
    <row r="10" spans="1:4" ht="18" customHeight="1" x14ac:dyDescent="0.15">
      <c r="A10" s="8" t="s">
        <v>25</v>
      </c>
      <c r="B10" s="21">
        <v>162</v>
      </c>
      <c r="C10" s="6">
        <v>135</v>
      </c>
      <c r="D10" s="5">
        <v>297</v>
      </c>
    </row>
    <row r="11" spans="1:4" ht="18" customHeight="1" x14ac:dyDescent="0.15">
      <c r="A11" s="8">
        <v>5</v>
      </c>
      <c r="B11" s="26">
        <v>37</v>
      </c>
      <c r="C11" s="6">
        <v>48</v>
      </c>
      <c r="D11" s="5">
        <v>85</v>
      </c>
    </row>
    <row r="12" spans="1:4" ht="18" customHeight="1" x14ac:dyDescent="0.15">
      <c r="A12" s="8">
        <v>6</v>
      </c>
      <c r="B12" s="26">
        <v>44</v>
      </c>
      <c r="C12" s="6">
        <v>53</v>
      </c>
      <c r="D12" s="5">
        <v>97</v>
      </c>
    </row>
    <row r="13" spans="1:4" ht="18" customHeight="1" x14ac:dyDescent="0.15">
      <c r="A13" s="8">
        <v>7</v>
      </c>
      <c r="B13" s="26">
        <v>36</v>
      </c>
      <c r="C13" s="6">
        <v>53</v>
      </c>
      <c r="D13" s="5">
        <v>89</v>
      </c>
    </row>
    <row r="14" spans="1:4" ht="18" customHeight="1" x14ac:dyDescent="0.15">
      <c r="A14" s="8">
        <v>8</v>
      </c>
      <c r="B14" s="26">
        <v>54</v>
      </c>
      <c r="C14" s="6">
        <v>63</v>
      </c>
      <c r="D14" s="5">
        <v>117</v>
      </c>
    </row>
    <row r="15" spans="1:4" ht="18" customHeight="1" x14ac:dyDescent="0.15">
      <c r="A15" s="8">
        <v>9</v>
      </c>
      <c r="B15" s="26">
        <v>53</v>
      </c>
      <c r="C15" s="6">
        <v>63</v>
      </c>
      <c r="D15" s="5">
        <v>116</v>
      </c>
    </row>
    <row r="16" spans="1:4" ht="18" customHeight="1" x14ac:dyDescent="0.15">
      <c r="A16" s="8" t="s">
        <v>24</v>
      </c>
      <c r="B16" s="21">
        <v>224</v>
      </c>
      <c r="C16" s="6">
        <v>280</v>
      </c>
      <c r="D16" s="5">
        <v>504</v>
      </c>
    </row>
    <row r="17" spans="1:4" ht="18" customHeight="1" x14ac:dyDescent="0.15">
      <c r="A17" s="8">
        <v>10</v>
      </c>
      <c r="B17" s="21">
        <v>56</v>
      </c>
      <c r="C17" s="6">
        <v>66</v>
      </c>
      <c r="D17" s="5">
        <v>122</v>
      </c>
    </row>
    <row r="18" spans="1:4" ht="18" customHeight="1" x14ac:dyDescent="0.15">
      <c r="A18" s="8">
        <v>11</v>
      </c>
      <c r="B18" s="21">
        <v>63</v>
      </c>
      <c r="C18" s="6">
        <v>59</v>
      </c>
      <c r="D18" s="5">
        <v>122</v>
      </c>
    </row>
    <row r="19" spans="1:4" ht="18" customHeight="1" x14ac:dyDescent="0.15">
      <c r="A19" s="8">
        <v>12</v>
      </c>
      <c r="B19" s="21">
        <v>74</v>
      </c>
      <c r="C19" s="6">
        <v>64</v>
      </c>
      <c r="D19" s="5">
        <v>138</v>
      </c>
    </row>
    <row r="20" spans="1:4" ht="18" customHeight="1" x14ac:dyDescent="0.15">
      <c r="A20" s="8">
        <v>13</v>
      </c>
      <c r="B20" s="21">
        <v>57</v>
      </c>
      <c r="C20" s="6">
        <v>61</v>
      </c>
      <c r="D20" s="5">
        <v>118</v>
      </c>
    </row>
    <row r="21" spans="1:4" ht="18" customHeight="1" x14ac:dyDescent="0.15">
      <c r="A21" s="8">
        <v>14</v>
      </c>
      <c r="B21" s="21">
        <v>67</v>
      </c>
      <c r="C21" s="6">
        <v>59</v>
      </c>
      <c r="D21" s="5">
        <v>126</v>
      </c>
    </row>
    <row r="22" spans="1:4" ht="18" customHeight="1" x14ac:dyDescent="0.15">
      <c r="A22" s="8" t="s">
        <v>23</v>
      </c>
      <c r="B22" s="21">
        <v>317</v>
      </c>
      <c r="C22" s="6">
        <v>309</v>
      </c>
      <c r="D22" s="5">
        <v>626</v>
      </c>
    </row>
    <row r="23" spans="1:4" ht="18" customHeight="1" x14ac:dyDescent="0.15">
      <c r="A23" s="8" t="s">
        <v>22</v>
      </c>
      <c r="B23" s="21">
        <v>703</v>
      </c>
      <c r="C23" s="6">
        <v>724</v>
      </c>
      <c r="D23" s="5">
        <v>1427</v>
      </c>
    </row>
    <row r="24" spans="1:4" ht="18" customHeight="1" x14ac:dyDescent="0.15">
      <c r="A24" s="8">
        <v>15</v>
      </c>
      <c r="B24" s="21">
        <v>61</v>
      </c>
      <c r="C24" s="6">
        <v>86</v>
      </c>
      <c r="D24" s="5">
        <v>147</v>
      </c>
    </row>
    <row r="25" spans="1:4" ht="18" customHeight="1" x14ac:dyDescent="0.15">
      <c r="A25" s="8">
        <v>16</v>
      </c>
      <c r="B25" s="21">
        <v>79</v>
      </c>
      <c r="C25" s="6">
        <v>71</v>
      </c>
      <c r="D25" s="5">
        <v>150</v>
      </c>
    </row>
    <row r="26" spans="1:4" ht="18" customHeight="1" x14ac:dyDescent="0.15">
      <c r="A26" s="8">
        <v>17</v>
      </c>
      <c r="B26" s="21">
        <v>77</v>
      </c>
      <c r="C26" s="6">
        <v>82</v>
      </c>
      <c r="D26" s="5">
        <v>159</v>
      </c>
    </row>
    <row r="27" spans="1:4" ht="18" customHeight="1" x14ac:dyDescent="0.15">
      <c r="A27" s="8">
        <v>18</v>
      </c>
      <c r="B27" s="21">
        <v>74</v>
      </c>
      <c r="C27" s="6">
        <v>66</v>
      </c>
      <c r="D27" s="5">
        <v>140</v>
      </c>
    </row>
    <row r="28" spans="1:4" ht="18" customHeight="1" x14ac:dyDescent="0.15">
      <c r="A28" s="8">
        <v>19</v>
      </c>
      <c r="B28" s="21">
        <v>93</v>
      </c>
      <c r="C28" s="6">
        <v>77</v>
      </c>
      <c r="D28" s="5">
        <v>170</v>
      </c>
    </row>
    <row r="29" spans="1:4" ht="18" customHeight="1" x14ac:dyDescent="0.15">
      <c r="A29" s="8" t="s">
        <v>21</v>
      </c>
      <c r="B29" s="21">
        <v>384</v>
      </c>
      <c r="C29" s="6">
        <v>382</v>
      </c>
      <c r="D29" s="5">
        <v>766</v>
      </c>
    </row>
    <row r="30" spans="1:4" ht="18" customHeight="1" x14ac:dyDescent="0.15">
      <c r="A30" s="8">
        <v>20</v>
      </c>
      <c r="B30" s="21">
        <v>71</v>
      </c>
      <c r="C30" s="6">
        <v>86</v>
      </c>
      <c r="D30" s="5">
        <v>157</v>
      </c>
    </row>
    <row r="31" spans="1:4" ht="18" customHeight="1" x14ac:dyDescent="0.15">
      <c r="A31" s="8">
        <v>21</v>
      </c>
      <c r="B31" s="21">
        <v>97</v>
      </c>
      <c r="C31" s="6">
        <v>78</v>
      </c>
      <c r="D31" s="5">
        <v>175</v>
      </c>
    </row>
    <row r="32" spans="1:4" ht="18" customHeight="1" x14ac:dyDescent="0.15">
      <c r="A32" s="8">
        <v>22</v>
      </c>
      <c r="B32" s="21">
        <v>72</v>
      </c>
      <c r="C32" s="6">
        <v>89</v>
      </c>
      <c r="D32" s="5">
        <v>161</v>
      </c>
    </row>
    <row r="33" spans="1:4" ht="18" customHeight="1" x14ac:dyDescent="0.15">
      <c r="A33" s="8">
        <v>23</v>
      </c>
      <c r="B33" s="21">
        <v>98</v>
      </c>
      <c r="C33" s="6">
        <v>81</v>
      </c>
      <c r="D33" s="5">
        <v>179</v>
      </c>
    </row>
    <row r="34" spans="1:4" ht="18" customHeight="1" x14ac:dyDescent="0.15">
      <c r="A34" s="8">
        <v>24</v>
      </c>
      <c r="B34" s="21">
        <v>96</v>
      </c>
      <c r="C34" s="6">
        <v>72</v>
      </c>
      <c r="D34" s="5">
        <v>168</v>
      </c>
    </row>
    <row r="35" spans="1:4" ht="18" customHeight="1" x14ac:dyDescent="0.15">
      <c r="A35" s="8" t="s">
        <v>20</v>
      </c>
      <c r="B35" s="21">
        <v>434</v>
      </c>
      <c r="C35" s="6">
        <v>406</v>
      </c>
      <c r="D35" s="5">
        <v>840</v>
      </c>
    </row>
    <row r="36" spans="1:4" ht="18" customHeight="1" x14ac:dyDescent="0.15">
      <c r="A36" s="8">
        <v>25</v>
      </c>
      <c r="B36" s="21">
        <v>87</v>
      </c>
      <c r="C36" s="6">
        <v>85</v>
      </c>
      <c r="D36" s="5">
        <v>172</v>
      </c>
    </row>
    <row r="37" spans="1:4" ht="18" customHeight="1" x14ac:dyDescent="0.15">
      <c r="A37" s="8">
        <v>26</v>
      </c>
      <c r="B37" s="21">
        <v>93</v>
      </c>
      <c r="C37" s="6">
        <v>68</v>
      </c>
      <c r="D37" s="5">
        <v>161</v>
      </c>
    </row>
    <row r="38" spans="1:4" ht="18" customHeight="1" x14ac:dyDescent="0.15">
      <c r="A38" s="8">
        <v>27</v>
      </c>
      <c r="B38" s="21">
        <v>106</v>
      </c>
      <c r="C38" s="6">
        <v>65</v>
      </c>
      <c r="D38" s="5">
        <v>171</v>
      </c>
    </row>
    <row r="39" spans="1:4" ht="18" customHeight="1" x14ac:dyDescent="0.15">
      <c r="A39" s="8">
        <v>28</v>
      </c>
      <c r="B39" s="21">
        <v>73</v>
      </c>
      <c r="C39" s="6">
        <v>58</v>
      </c>
      <c r="D39" s="5">
        <v>131</v>
      </c>
    </row>
    <row r="40" spans="1:4" ht="18" customHeight="1" x14ac:dyDescent="0.15">
      <c r="A40" s="8">
        <v>29</v>
      </c>
      <c r="B40" s="21">
        <v>84</v>
      </c>
      <c r="C40" s="6">
        <v>62</v>
      </c>
      <c r="D40" s="5">
        <v>146</v>
      </c>
    </row>
    <row r="41" spans="1:4" ht="18" customHeight="1" x14ac:dyDescent="0.15">
      <c r="A41" s="8" t="s">
        <v>19</v>
      </c>
      <c r="B41" s="21">
        <v>443</v>
      </c>
      <c r="C41" s="6">
        <v>338</v>
      </c>
      <c r="D41" s="5">
        <v>781</v>
      </c>
    </row>
    <row r="42" spans="1:4" ht="18" customHeight="1" x14ac:dyDescent="0.15">
      <c r="A42" s="8">
        <v>30</v>
      </c>
      <c r="B42" s="21">
        <v>60</v>
      </c>
      <c r="C42" s="6">
        <v>56</v>
      </c>
      <c r="D42" s="5">
        <v>116</v>
      </c>
    </row>
    <row r="43" spans="1:4" ht="18" customHeight="1" x14ac:dyDescent="0.15">
      <c r="A43" s="8">
        <v>31</v>
      </c>
      <c r="B43" s="21">
        <v>81</v>
      </c>
      <c r="C43" s="6">
        <v>43</v>
      </c>
      <c r="D43" s="5">
        <v>124</v>
      </c>
    </row>
    <row r="44" spans="1:4" ht="18" customHeight="1" x14ac:dyDescent="0.15">
      <c r="A44" s="8">
        <v>32</v>
      </c>
      <c r="B44" s="21">
        <v>62</v>
      </c>
      <c r="C44" s="6">
        <v>44</v>
      </c>
      <c r="D44" s="5">
        <v>106</v>
      </c>
    </row>
    <row r="45" spans="1:4" ht="18" customHeight="1" x14ac:dyDescent="0.15">
      <c r="A45" s="8">
        <v>33</v>
      </c>
      <c r="B45" s="21">
        <v>73</v>
      </c>
      <c r="C45" s="6">
        <v>67</v>
      </c>
      <c r="D45" s="5">
        <v>140</v>
      </c>
    </row>
    <row r="46" spans="1:4" ht="18" customHeight="1" x14ac:dyDescent="0.15">
      <c r="A46" s="8">
        <v>34</v>
      </c>
      <c r="B46" s="21">
        <v>64</v>
      </c>
      <c r="C46" s="6">
        <v>50</v>
      </c>
      <c r="D46" s="5">
        <v>114</v>
      </c>
    </row>
    <row r="47" spans="1:4" ht="18" customHeight="1" x14ac:dyDescent="0.15">
      <c r="A47" s="8" t="s">
        <v>18</v>
      </c>
      <c r="B47" s="21">
        <v>340</v>
      </c>
      <c r="C47" s="6">
        <v>260</v>
      </c>
      <c r="D47" s="5">
        <v>600</v>
      </c>
    </row>
    <row r="48" spans="1:4" ht="18" customHeight="1" x14ac:dyDescent="0.15">
      <c r="A48" s="8">
        <v>35</v>
      </c>
      <c r="B48" s="21">
        <v>59</v>
      </c>
      <c r="C48" s="6">
        <v>50</v>
      </c>
      <c r="D48" s="5">
        <v>109</v>
      </c>
    </row>
    <row r="49" spans="1:4" ht="18" customHeight="1" x14ac:dyDescent="0.15">
      <c r="A49" s="8">
        <v>36</v>
      </c>
      <c r="B49" s="21">
        <v>78</v>
      </c>
      <c r="C49" s="6">
        <v>69</v>
      </c>
      <c r="D49" s="5">
        <v>147</v>
      </c>
    </row>
    <row r="50" spans="1:4" ht="18" customHeight="1" x14ac:dyDescent="0.15">
      <c r="A50" s="8">
        <v>37</v>
      </c>
      <c r="B50" s="21">
        <v>83</v>
      </c>
      <c r="C50" s="6">
        <v>63</v>
      </c>
      <c r="D50" s="5">
        <v>146</v>
      </c>
    </row>
    <row r="51" spans="1:4" ht="18" customHeight="1" x14ac:dyDescent="0.15">
      <c r="A51" s="8">
        <v>38</v>
      </c>
      <c r="B51" s="21">
        <v>76</v>
      </c>
      <c r="C51" s="6">
        <v>71</v>
      </c>
      <c r="D51" s="5">
        <v>147</v>
      </c>
    </row>
    <row r="52" spans="1:4" ht="18" customHeight="1" x14ac:dyDescent="0.15">
      <c r="A52" s="8">
        <v>39</v>
      </c>
      <c r="B52" s="21">
        <v>78</v>
      </c>
      <c r="C52" s="6">
        <v>75</v>
      </c>
      <c r="D52" s="5">
        <v>153</v>
      </c>
    </row>
    <row r="53" spans="1:4" ht="18" customHeight="1" x14ac:dyDescent="0.15">
      <c r="A53" s="8" t="s">
        <v>17</v>
      </c>
      <c r="B53" s="21">
        <v>374</v>
      </c>
      <c r="C53" s="6">
        <v>328</v>
      </c>
      <c r="D53" s="5">
        <v>702</v>
      </c>
    </row>
    <row r="54" spans="1:4" ht="18" customHeight="1" x14ac:dyDescent="0.15">
      <c r="A54" s="8">
        <v>40</v>
      </c>
      <c r="B54" s="21">
        <v>76</v>
      </c>
      <c r="C54" s="6">
        <v>80</v>
      </c>
      <c r="D54" s="5">
        <v>156</v>
      </c>
    </row>
    <row r="55" spans="1:4" ht="18" customHeight="1" x14ac:dyDescent="0.15">
      <c r="A55" s="8">
        <v>41</v>
      </c>
      <c r="B55" s="21">
        <v>84</v>
      </c>
      <c r="C55" s="6">
        <v>83</v>
      </c>
      <c r="D55" s="5">
        <v>167</v>
      </c>
    </row>
    <row r="56" spans="1:4" ht="18" customHeight="1" x14ac:dyDescent="0.15">
      <c r="A56" s="8">
        <v>42</v>
      </c>
      <c r="B56" s="21">
        <v>83</v>
      </c>
      <c r="C56" s="6">
        <v>84</v>
      </c>
      <c r="D56" s="5">
        <v>167</v>
      </c>
    </row>
    <row r="57" spans="1:4" ht="18" customHeight="1" x14ac:dyDescent="0.15">
      <c r="A57" s="8">
        <v>43</v>
      </c>
      <c r="B57" s="21">
        <v>102</v>
      </c>
      <c r="C57" s="6">
        <v>100</v>
      </c>
      <c r="D57" s="5">
        <v>202</v>
      </c>
    </row>
    <row r="58" spans="1:4" ht="18" customHeight="1" x14ac:dyDescent="0.15">
      <c r="A58" s="8">
        <v>44</v>
      </c>
      <c r="B58" s="21">
        <v>116</v>
      </c>
      <c r="C58" s="6">
        <v>94</v>
      </c>
      <c r="D58" s="5">
        <v>210</v>
      </c>
    </row>
    <row r="59" spans="1:4" ht="18" customHeight="1" x14ac:dyDescent="0.15">
      <c r="A59" s="8" t="s">
        <v>16</v>
      </c>
      <c r="B59" s="21">
        <v>461</v>
      </c>
      <c r="C59" s="6">
        <v>441</v>
      </c>
      <c r="D59" s="5">
        <v>902</v>
      </c>
    </row>
    <row r="60" spans="1:4" ht="18" customHeight="1" x14ac:dyDescent="0.15">
      <c r="A60" s="8">
        <v>45</v>
      </c>
      <c r="B60" s="21">
        <v>113</v>
      </c>
      <c r="C60" s="6">
        <v>91</v>
      </c>
      <c r="D60" s="5">
        <v>204</v>
      </c>
    </row>
    <row r="61" spans="1:4" ht="18" customHeight="1" x14ac:dyDescent="0.15">
      <c r="A61" s="8">
        <v>46</v>
      </c>
      <c r="B61" s="21">
        <v>118</v>
      </c>
      <c r="C61" s="6">
        <v>109</v>
      </c>
      <c r="D61" s="5">
        <v>227</v>
      </c>
    </row>
    <row r="62" spans="1:4" ht="18" customHeight="1" x14ac:dyDescent="0.15">
      <c r="A62" s="8">
        <v>47</v>
      </c>
      <c r="B62" s="21">
        <v>100</v>
      </c>
      <c r="C62" s="6">
        <v>113</v>
      </c>
      <c r="D62" s="5">
        <v>213</v>
      </c>
    </row>
    <row r="63" spans="1:4" ht="18" customHeight="1" x14ac:dyDescent="0.15">
      <c r="A63" s="8">
        <v>48</v>
      </c>
      <c r="B63" s="21">
        <v>108</v>
      </c>
      <c r="C63" s="6">
        <v>108</v>
      </c>
      <c r="D63" s="5">
        <v>216</v>
      </c>
    </row>
    <row r="64" spans="1:4" ht="18" customHeight="1" x14ac:dyDescent="0.15">
      <c r="A64" s="8">
        <v>49</v>
      </c>
      <c r="B64" s="21">
        <v>130</v>
      </c>
      <c r="C64" s="6">
        <v>122</v>
      </c>
      <c r="D64" s="5">
        <v>252</v>
      </c>
    </row>
    <row r="65" spans="1:4" ht="18" customHeight="1" x14ac:dyDescent="0.15">
      <c r="A65" s="8" t="s">
        <v>15</v>
      </c>
      <c r="B65" s="21">
        <v>569</v>
      </c>
      <c r="C65" s="6">
        <v>543</v>
      </c>
      <c r="D65" s="5">
        <v>1112</v>
      </c>
    </row>
    <row r="66" spans="1:4" ht="18" customHeight="1" x14ac:dyDescent="0.15">
      <c r="A66" s="8">
        <v>50</v>
      </c>
      <c r="B66" s="21">
        <v>148</v>
      </c>
      <c r="C66" s="6">
        <v>135</v>
      </c>
      <c r="D66" s="5">
        <v>283</v>
      </c>
    </row>
    <row r="67" spans="1:4" ht="18" customHeight="1" x14ac:dyDescent="0.15">
      <c r="A67" s="8">
        <v>51</v>
      </c>
      <c r="B67" s="21">
        <v>128</v>
      </c>
      <c r="C67" s="6">
        <v>125</v>
      </c>
      <c r="D67" s="5">
        <v>253</v>
      </c>
    </row>
    <row r="68" spans="1:4" ht="18" customHeight="1" x14ac:dyDescent="0.15">
      <c r="A68" s="8">
        <v>52</v>
      </c>
      <c r="B68" s="21">
        <v>159</v>
      </c>
      <c r="C68" s="6">
        <v>130</v>
      </c>
      <c r="D68" s="5">
        <v>289</v>
      </c>
    </row>
    <row r="69" spans="1:4" ht="18" customHeight="1" x14ac:dyDescent="0.15">
      <c r="A69" s="8">
        <v>53</v>
      </c>
      <c r="B69" s="21">
        <v>144</v>
      </c>
      <c r="C69" s="6">
        <v>144</v>
      </c>
      <c r="D69" s="5">
        <v>288</v>
      </c>
    </row>
    <row r="70" spans="1:4" ht="18" customHeight="1" x14ac:dyDescent="0.15">
      <c r="A70" s="8">
        <v>54</v>
      </c>
      <c r="B70" s="21">
        <v>137</v>
      </c>
      <c r="C70" s="6">
        <v>123</v>
      </c>
      <c r="D70" s="5">
        <v>260</v>
      </c>
    </row>
    <row r="71" spans="1:4" ht="18" customHeight="1" x14ac:dyDescent="0.15">
      <c r="A71" s="8" t="s">
        <v>14</v>
      </c>
      <c r="B71" s="21">
        <v>716</v>
      </c>
      <c r="C71" s="6">
        <v>657</v>
      </c>
      <c r="D71" s="5">
        <v>1373</v>
      </c>
    </row>
    <row r="72" spans="1:4" ht="18" customHeight="1" x14ac:dyDescent="0.15">
      <c r="A72" s="8">
        <v>55</v>
      </c>
      <c r="B72" s="21">
        <v>148</v>
      </c>
      <c r="C72" s="6">
        <v>129</v>
      </c>
      <c r="D72" s="5">
        <v>277</v>
      </c>
    </row>
    <row r="73" spans="1:4" ht="18" customHeight="1" x14ac:dyDescent="0.15">
      <c r="A73" s="8">
        <v>56</v>
      </c>
      <c r="B73" s="21">
        <v>120</v>
      </c>
      <c r="C73" s="6">
        <v>114</v>
      </c>
      <c r="D73" s="5">
        <v>234</v>
      </c>
    </row>
    <row r="74" spans="1:4" ht="18" customHeight="1" x14ac:dyDescent="0.15">
      <c r="A74" s="8">
        <v>57</v>
      </c>
      <c r="B74" s="21">
        <v>108</v>
      </c>
      <c r="C74" s="6">
        <v>131</v>
      </c>
      <c r="D74" s="5">
        <v>239</v>
      </c>
    </row>
    <row r="75" spans="1:4" ht="18" customHeight="1" x14ac:dyDescent="0.15">
      <c r="A75" s="8">
        <v>58</v>
      </c>
      <c r="B75" s="21">
        <v>127</v>
      </c>
      <c r="C75" s="6">
        <v>124</v>
      </c>
      <c r="D75" s="5">
        <v>251</v>
      </c>
    </row>
    <row r="76" spans="1:4" ht="18" customHeight="1" x14ac:dyDescent="0.15">
      <c r="A76" s="8">
        <v>59</v>
      </c>
      <c r="B76" s="21">
        <v>72</v>
      </c>
      <c r="C76" s="6">
        <v>86</v>
      </c>
      <c r="D76" s="5">
        <v>158</v>
      </c>
    </row>
    <row r="77" spans="1:4" ht="18" customHeight="1" x14ac:dyDescent="0.15">
      <c r="A77" s="8" t="s">
        <v>13</v>
      </c>
      <c r="B77" s="21">
        <v>575</v>
      </c>
      <c r="C77" s="6">
        <v>584</v>
      </c>
      <c r="D77" s="5">
        <v>1159</v>
      </c>
    </row>
    <row r="78" spans="1:4" ht="18" customHeight="1" x14ac:dyDescent="0.15">
      <c r="A78" s="8">
        <v>60</v>
      </c>
      <c r="B78" s="21">
        <v>135</v>
      </c>
      <c r="C78" s="6">
        <v>107</v>
      </c>
      <c r="D78" s="5">
        <v>242</v>
      </c>
    </row>
    <row r="79" spans="1:4" ht="18" customHeight="1" x14ac:dyDescent="0.15">
      <c r="A79" s="8">
        <v>61</v>
      </c>
      <c r="B79" s="21">
        <v>131</v>
      </c>
      <c r="C79" s="6">
        <v>112</v>
      </c>
      <c r="D79" s="5">
        <v>243</v>
      </c>
    </row>
    <row r="80" spans="1:4" ht="18" customHeight="1" x14ac:dyDescent="0.15">
      <c r="A80" s="8">
        <v>62</v>
      </c>
      <c r="B80" s="21">
        <v>103</v>
      </c>
      <c r="C80" s="6">
        <v>116</v>
      </c>
      <c r="D80" s="5">
        <v>219</v>
      </c>
    </row>
    <row r="81" spans="1:4" ht="18" customHeight="1" x14ac:dyDescent="0.15">
      <c r="A81" s="8">
        <v>63</v>
      </c>
      <c r="B81" s="21">
        <v>116</v>
      </c>
      <c r="C81" s="6">
        <v>93</v>
      </c>
      <c r="D81" s="5">
        <v>209</v>
      </c>
    </row>
    <row r="82" spans="1:4" ht="18" customHeight="1" x14ac:dyDescent="0.15">
      <c r="A82" s="8">
        <v>64</v>
      </c>
      <c r="B82" s="21">
        <v>111</v>
      </c>
      <c r="C82" s="6">
        <v>124</v>
      </c>
      <c r="D82" s="5">
        <v>235</v>
      </c>
    </row>
    <row r="83" spans="1:4" ht="18" customHeight="1" x14ac:dyDescent="0.15">
      <c r="A83" s="8" t="s">
        <v>12</v>
      </c>
      <c r="B83" s="21">
        <v>596</v>
      </c>
      <c r="C83" s="6">
        <v>552</v>
      </c>
      <c r="D83" s="5">
        <v>1148</v>
      </c>
    </row>
    <row r="84" spans="1:4" ht="18" customHeight="1" x14ac:dyDescent="0.15">
      <c r="A84" s="8" t="s">
        <v>11</v>
      </c>
      <c r="B84" s="21">
        <v>4892</v>
      </c>
      <c r="C84" s="6">
        <v>4491</v>
      </c>
      <c r="D84" s="5">
        <v>9383</v>
      </c>
    </row>
    <row r="85" spans="1:4" ht="18" customHeight="1" x14ac:dyDescent="0.15">
      <c r="A85" s="8">
        <v>65</v>
      </c>
      <c r="B85" s="21">
        <v>129</v>
      </c>
      <c r="C85" s="6">
        <v>117</v>
      </c>
      <c r="D85" s="5">
        <v>246</v>
      </c>
    </row>
    <row r="86" spans="1:4" ht="18" customHeight="1" x14ac:dyDescent="0.15">
      <c r="A86" s="8">
        <v>66</v>
      </c>
      <c r="B86" s="21">
        <v>111</v>
      </c>
      <c r="C86" s="6">
        <v>114</v>
      </c>
      <c r="D86" s="5">
        <v>225</v>
      </c>
    </row>
    <row r="87" spans="1:4" ht="18" customHeight="1" x14ac:dyDescent="0.15">
      <c r="A87" s="8">
        <v>67</v>
      </c>
      <c r="B87" s="21">
        <v>122</v>
      </c>
      <c r="C87" s="6">
        <v>126</v>
      </c>
      <c r="D87" s="5">
        <v>248</v>
      </c>
    </row>
    <row r="88" spans="1:4" ht="18" customHeight="1" x14ac:dyDescent="0.15">
      <c r="A88" s="8">
        <v>68</v>
      </c>
      <c r="B88" s="21">
        <v>126</v>
      </c>
      <c r="C88" s="6">
        <v>127</v>
      </c>
      <c r="D88" s="5">
        <v>253</v>
      </c>
    </row>
    <row r="89" spans="1:4" ht="18" customHeight="1" x14ac:dyDescent="0.15">
      <c r="A89" s="8">
        <v>69</v>
      </c>
      <c r="B89" s="21">
        <v>126</v>
      </c>
      <c r="C89" s="6">
        <v>129</v>
      </c>
      <c r="D89" s="5">
        <v>255</v>
      </c>
    </row>
    <row r="90" spans="1:4" ht="18" customHeight="1" x14ac:dyDescent="0.15">
      <c r="A90" s="8" t="s">
        <v>10</v>
      </c>
      <c r="B90" s="21">
        <v>614</v>
      </c>
      <c r="C90" s="6">
        <v>613</v>
      </c>
      <c r="D90" s="5">
        <v>1227</v>
      </c>
    </row>
    <row r="91" spans="1:4" ht="18" customHeight="1" x14ac:dyDescent="0.15">
      <c r="A91" s="8">
        <v>70</v>
      </c>
      <c r="B91" s="21">
        <v>134</v>
      </c>
      <c r="C91" s="6">
        <v>143</v>
      </c>
      <c r="D91" s="5">
        <v>277</v>
      </c>
    </row>
    <row r="92" spans="1:4" ht="18" customHeight="1" x14ac:dyDescent="0.15">
      <c r="A92" s="8">
        <v>71</v>
      </c>
      <c r="B92" s="21">
        <v>158</v>
      </c>
      <c r="C92" s="6">
        <v>158</v>
      </c>
      <c r="D92" s="5">
        <v>316</v>
      </c>
    </row>
    <row r="93" spans="1:4" ht="18" customHeight="1" x14ac:dyDescent="0.15">
      <c r="A93" s="8">
        <v>72</v>
      </c>
      <c r="B93" s="21">
        <v>155</v>
      </c>
      <c r="C93" s="6">
        <v>142</v>
      </c>
      <c r="D93" s="5">
        <v>297</v>
      </c>
    </row>
    <row r="94" spans="1:4" ht="18" customHeight="1" x14ac:dyDescent="0.15">
      <c r="A94" s="8">
        <v>73</v>
      </c>
      <c r="B94" s="21">
        <v>157</v>
      </c>
      <c r="C94" s="6">
        <v>143</v>
      </c>
      <c r="D94" s="5">
        <v>300</v>
      </c>
    </row>
    <row r="95" spans="1:4" ht="18" customHeight="1" x14ac:dyDescent="0.15">
      <c r="A95" s="8">
        <v>74</v>
      </c>
      <c r="B95" s="21">
        <v>143</v>
      </c>
      <c r="C95" s="6">
        <v>174</v>
      </c>
      <c r="D95" s="5">
        <v>317</v>
      </c>
    </row>
    <row r="96" spans="1:4" ht="18" customHeight="1" x14ac:dyDescent="0.15">
      <c r="A96" s="8" t="s">
        <v>9</v>
      </c>
      <c r="B96" s="21">
        <v>747</v>
      </c>
      <c r="C96" s="6">
        <v>760</v>
      </c>
      <c r="D96" s="5">
        <v>1507</v>
      </c>
    </row>
    <row r="97" spans="1:4" ht="18" customHeight="1" x14ac:dyDescent="0.15">
      <c r="A97" s="8">
        <v>75</v>
      </c>
      <c r="B97" s="21">
        <v>170</v>
      </c>
      <c r="C97" s="6">
        <v>167</v>
      </c>
      <c r="D97" s="5">
        <v>337</v>
      </c>
    </row>
    <row r="98" spans="1:4" ht="18" customHeight="1" x14ac:dyDescent="0.15">
      <c r="A98" s="8">
        <v>76</v>
      </c>
      <c r="B98" s="21">
        <v>177</v>
      </c>
      <c r="C98" s="6">
        <v>192</v>
      </c>
      <c r="D98" s="5">
        <v>369</v>
      </c>
    </row>
    <row r="99" spans="1:4" ht="18" customHeight="1" x14ac:dyDescent="0.15">
      <c r="A99" s="8">
        <v>77</v>
      </c>
      <c r="B99" s="21">
        <v>197</v>
      </c>
      <c r="C99" s="6">
        <v>185</v>
      </c>
      <c r="D99" s="5">
        <v>382</v>
      </c>
    </row>
    <row r="100" spans="1:4" ht="18" customHeight="1" x14ac:dyDescent="0.15">
      <c r="A100" s="8">
        <v>78</v>
      </c>
      <c r="B100" s="21">
        <v>172</v>
      </c>
      <c r="C100" s="6">
        <v>186</v>
      </c>
      <c r="D100" s="5">
        <v>358</v>
      </c>
    </row>
    <row r="101" spans="1:4" ht="18" customHeight="1" x14ac:dyDescent="0.15">
      <c r="A101" s="8">
        <v>79</v>
      </c>
      <c r="B101" s="21">
        <v>82</v>
      </c>
      <c r="C101" s="6">
        <v>111</v>
      </c>
      <c r="D101" s="5">
        <v>193</v>
      </c>
    </row>
    <row r="102" spans="1:4" ht="18" customHeight="1" x14ac:dyDescent="0.15">
      <c r="A102" s="8" t="s">
        <v>8</v>
      </c>
      <c r="B102" s="21">
        <v>798</v>
      </c>
      <c r="C102" s="6">
        <v>841</v>
      </c>
      <c r="D102" s="5">
        <v>1639</v>
      </c>
    </row>
    <row r="103" spans="1:4" ht="18" customHeight="1" x14ac:dyDescent="0.15">
      <c r="A103" s="8">
        <v>80</v>
      </c>
      <c r="B103" s="21">
        <v>70</v>
      </c>
      <c r="C103" s="6">
        <v>89</v>
      </c>
      <c r="D103" s="5">
        <v>159</v>
      </c>
    </row>
    <row r="104" spans="1:4" ht="18" customHeight="1" x14ac:dyDescent="0.15">
      <c r="A104" s="8">
        <v>81</v>
      </c>
      <c r="B104" s="21">
        <v>102</v>
      </c>
      <c r="C104" s="6">
        <v>128</v>
      </c>
      <c r="D104" s="5">
        <v>230</v>
      </c>
    </row>
    <row r="105" spans="1:4" ht="18" customHeight="1" x14ac:dyDescent="0.15">
      <c r="A105" s="8">
        <v>82</v>
      </c>
      <c r="B105" s="21">
        <v>100</v>
      </c>
      <c r="C105" s="6">
        <v>104</v>
      </c>
      <c r="D105" s="5">
        <v>204</v>
      </c>
    </row>
    <row r="106" spans="1:4" ht="18" customHeight="1" x14ac:dyDescent="0.15">
      <c r="A106" s="8">
        <v>83</v>
      </c>
      <c r="B106" s="21">
        <v>89</v>
      </c>
      <c r="C106" s="6">
        <v>112</v>
      </c>
      <c r="D106" s="5">
        <v>201</v>
      </c>
    </row>
    <row r="107" spans="1:4" ht="18" customHeight="1" x14ac:dyDescent="0.15">
      <c r="A107" s="8">
        <v>84</v>
      </c>
      <c r="B107" s="21">
        <v>91</v>
      </c>
      <c r="C107" s="6">
        <v>111</v>
      </c>
      <c r="D107" s="5">
        <v>202</v>
      </c>
    </row>
    <row r="108" spans="1:4" ht="18" customHeight="1" x14ac:dyDescent="0.15">
      <c r="A108" s="8" t="s">
        <v>7</v>
      </c>
      <c r="B108" s="21">
        <v>452</v>
      </c>
      <c r="C108" s="6">
        <v>544</v>
      </c>
      <c r="D108" s="5">
        <v>996</v>
      </c>
    </row>
    <row r="109" spans="1:4" ht="18" customHeight="1" x14ac:dyDescent="0.15">
      <c r="A109" s="8">
        <v>85</v>
      </c>
      <c r="B109" s="21">
        <v>47</v>
      </c>
      <c r="C109" s="6">
        <v>89</v>
      </c>
      <c r="D109" s="5">
        <v>136</v>
      </c>
    </row>
    <row r="110" spans="1:4" ht="18" customHeight="1" x14ac:dyDescent="0.15">
      <c r="A110" s="8">
        <v>86</v>
      </c>
      <c r="B110" s="21">
        <v>52</v>
      </c>
      <c r="C110" s="6">
        <v>85</v>
      </c>
      <c r="D110" s="5">
        <v>137</v>
      </c>
    </row>
    <row r="111" spans="1:4" ht="18" customHeight="1" x14ac:dyDescent="0.15">
      <c r="A111" s="8">
        <v>87</v>
      </c>
      <c r="B111" s="21">
        <v>43</v>
      </c>
      <c r="C111" s="6">
        <v>90</v>
      </c>
      <c r="D111" s="5">
        <v>133</v>
      </c>
    </row>
    <row r="112" spans="1:4" ht="18" customHeight="1" x14ac:dyDescent="0.15">
      <c r="A112" s="8">
        <v>88</v>
      </c>
      <c r="B112" s="21">
        <v>45</v>
      </c>
      <c r="C112" s="6">
        <v>98</v>
      </c>
      <c r="D112" s="5">
        <v>143</v>
      </c>
    </row>
    <row r="113" spans="1:4" ht="18" customHeight="1" x14ac:dyDescent="0.15">
      <c r="A113" s="8">
        <v>89</v>
      </c>
      <c r="B113" s="21">
        <v>51</v>
      </c>
      <c r="C113" s="6">
        <v>85</v>
      </c>
      <c r="D113" s="5">
        <v>136</v>
      </c>
    </row>
    <row r="114" spans="1:4" ht="18" customHeight="1" x14ac:dyDescent="0.15">
      <c r="A114" s="8" t="s">
        <v>6</v>
      </c>
      <c r="B114" s="21">
        <v>238</v>
      </c>
      <c r="C114" s="6">
        <v>447</v>
      </c>
      <c r="D114" s="5">
        <v>685</v>
      </c>
    </row>
    <row r="115" spans="1:4" ht="18" customHeight="1" x14ac:dyDescent="0.15">
      <c r="A115" s="8">
        <v>90</v>
      </c>
      <c r="B115" s="21">
        <v>33</v>
      </c>
      <c r="C115" s="6">
        <v>68</v>
      </c>
      <c r="D115" s="5">
        <v>101</v>
      </c>
    </row>
    <row r="116" spans="1:4" ht="18" customHeight="1" x14ac:dyDescent="0.15">
      <c r="A116" s="8">
        <v>91</v>
      </c>
      <c r="B116" s="21">
        <v>24</v>
      </c>
      <c r="C116" s="6">
        <v>85</v>
      </c>
      <c r="D116" s="5">
        <v>109</v>
      </c>
    </row>
    <row r="117" spans="1:4" ht="18" customHeight="1" x14ac:dyDescent="0.15">
      <c r="A117" s="8">
        <v>92</v>
      </c>
      <c r="B117" s="21">
        <v>21</v>
      </c>
      <c r="C117" s="6">
        <v>54</v>
      </c>
      <c r="D117" s="5">
        <v>75</v>
      </c>
    </row>
    <row r="118" spans="1:4" ht="18" customHeight="1" x14ac:dyDescent="0.15">
      <c r="A118" s="8">
        <v>93</v>
      </c>
      <c r="B118" s="21">
        <v>19</v>
      </c>
      <c r="C118" s="6">
        <v>73</v>
      </c>
      <c r="D118" s="5">
        <v>92</v>
      </c>
    </row>
    <row r="119" spans="1:4" ht="18" customHeight="1" x14ac:dyDescent="0.15">
      <c r="A119" s="8">
        <v>94</v>
      </c>
      <c r="B119" s="21">
        <v>11</v>
      </c>
      <c r="C119" s="6">
        <v>42</v>
      </c>
      <c r="D119" s="5">
        <v>53</v>
      </c>
    </row>
    <row r="120" spans="1:4" ht="18" customHeight="1" x14ac:dyDescent="0.15">
      <c r="A120" s="8" t="s">
        <v>5</v>
      </c>
      <c r="B120" s="21">
        <v>108</v>
      </c>
      <c r="C120" s="6">
        <v>322</v>
      </c>
      <c r="D120" s="5">
        <v>430</v>
      </c>
    </row>
    <row r="121" spans="1:4" ht="18" customHeight="1" x14ac:dyDescent="0.15">
      <c r="A121" s="8">
        <v>95</v>
      </c>
      <c r="B121" s="21">
        <v>10</v>
      </c>
      <c r="C121" s="6">
        <v>41</v>
      </c>
      <c r="D121" s="5">
        <v>51</v>
      </c>
    </row>
    <row r="122" spans="1:4" ht="18" customHeight="1" x14ac:dyDescent="0.15">
      <c r="A122" s="8">
        <v>96</v>
      </c>
      <c r="B122" s="21">
        <v>9</v>
      </c>
      <c r="C122" s="6">
        <v>29</v>
      </c>
      <c r="D122" s="5">
        <v>38</v>
      </c>
    </row>
    <row r="123" spans="1:4" ht="18" customHeight="1" x14ac:dyDescent="0.15">
      <c r="A123" s="8">
        <v>97</v>
      </c>
      <c r="B123" s="21">
        <v>6</v>
      </c>
      <c r="C123" s="6">
        <v>23</v>
      </c>
      <c r="D123" s="5">
        <v>29</v>
      </c>
    </row>
    <row r="124" spans="1:4" ht="18" customHeight="1" x14ac:dyDescent="0.15">
      <c r="A124" s="8">
        <v>98</v>
      </c>
      <c r="B124" s="21">
        <v>3</v>
      </c>
      <c r="C124" s="6">
        <v>15</v>
      </c>
      <c r="D124" s="5">
        <v>18</v>
      </c>
    </row>
    <row r="125" spans="1:4" ht="18" customHeight="1" x14ac:dyDescent="0.15">
      <c r="A125" s="8">
        <v>99</v>
      </c>
      <c r="B125" s="21">
        <v>2</v>
      </c>
      <c r="C125" s="6">
        <v>15</v>
      </c>
      <c r="D125" s="5">
        <v>17</v>
      </c>
    </row>
    <row r="126" spans="1:4" ht="18" customHeight="1" x14ac:dyDescent="0.15">
      <c r="A126" s="8" t="s">
        <v>4</v>
      </c>
      <c r="B126" s="21">
        <v>30</v>
      </c>
      <c r="C126" s="6">
        <v>123</v>
      </c>
      <c r="D126" s="5">
        <v>153</v>
      </c>
    </row>
    <row r="127" spans="1:4" ht="18" customHeight="1" x14ac:dyDescent="0.15">
      <c r="A127" s="8">
        <v>100</v>
      </c>
      <c r="B127" s="21">
        <v>0</v>
      </c>
      <c r="C127" s="6">
        <v>9</v>
      </c>
      <c r="D127" s="5">
        <v>9</v>
      </c>
    </row>
    <row r="128" spans="1:4" ht="18" customHeight="1" x14ac:dyDescent="0.15">
      <c r="A128" s="9" t="s">
        <v>3</v>
      </c>
      <c r="B128" s="21">
        <v>1</v>
      </c>
      <c r="C128" s="6">
        <v>12</v>
      </c>
      <c r="D128" s="5">
        <v>13</v>
      </c>
    </row>
    <row r="129" spans="1:4" ht="18" customHeight="1" x14ac:dyDescent="0.15">
      <c r="A129" s="8" t="s">
        <v>2</v>
      </c>
      <c r="B129" s="21">
        <v>1</v>
      </c>
      <c r="C129" s="6">
        <v>21</v>
      </c>
      <c r="D129" s="5">
        <v>22</v>
      </c>
    </row>
    <row r="130" spans="1:4" ht="18" customHeight="1" x14ac:dyDescent="0.15">
      <c r="A130" s="8" t="s">
        <v>1</v>
      </c>
      <c r="B130" s="21">
        <v>2988</v>
      </c>
      <c r="C130" s="6">
        <v>3671</v>
      </c>
      <c r="D130" s="5">
        <v>6659</v>
      </c>
    </row>
    <row r="131" spans="1:4" ht="18" customHeight="1" x14ac:dyDescent="0.15">
      <c r="A131" s="4" t="s">
        <v>0</v>
      </c>
      <c r="B131" s="20">
        <v>8583</v>
      </c>
      <c r="C131" s="2">
        <v>8886</v>
      </c>
      <c r="D131" s="1">
        <v>1746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3B1429-214B-46FC-914C-0EB8B5A9E889}">
  <sheetPr codeName="Sheet8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21</v>
      </c>
      <c r="C5" s="31">
        <v>22</v>
      </c>
      <c r="D5" s="30">
        <v>43</v>
      </c>
    </row>
    <row r="6" spans="1:4" ht="18" customHeight="1" x14ac:dyDescent="0.15">
      <c r="A6" s="8">
        <v>1</v>
      </c>
      <c r="B6" s="26">
        <v>29</v>
      </c>
      <c r="C6" s="6">
        <v>31</v>
      </c>
      <c r="D6" s="5">
        <v>60</v>
      </c>
    </row>
    <row r="7" spans="1:4" ht="18" customHeight="1" x14ac:dyDescent="0.15">
      <c r="A7" s="8">
        <v>2</v>
      </c>
      <c r="B7" s="26">
        <v>33</v>
      </c>
      <c r="C7" s="6">
        <v>25</v>
      </c>
      <c r="D7" s="5">
        <v>58</v>
      </c>
    </row>
    <row r="8" spans="1:4" ht="18" customHeight="1" x14ac:dyDescent="0.15">
      <c r="A8" s="8">
        <v>3</v>
      </c>
      <c r="B8" s="26">
        <v>42</v>
      </c>
      <c r="C8" s="6">
        <v>33</v>
      </c>
      <c r="D8" s="5">
        <v>75</v>
      </c>
    </row>
    <row r="9" spans="1:4" ht="18" customHeight="1" x14ac:dyDescent="0.15">
      <c r="A9" s="8">
        <v>4</v>
      </c>
      <c r="B9" s="29">
        <v>33</v>
      </c>
      <c r="C9" s="28">
        <v>36</v>
      </c>
      <c r="D9" s="27">
        <v>69</v>
      </c>
    </row>
    <row r="10" spans="1:4" ht="18" customHeight="1" x14ac:dyDescent="0.15">
      <c r="A10" s="8" t="s">
        <v>25</v>
      </c>
      <c r="B10" s="21">
        <v>158</v>
      </c>
      <c r="C10" s="6">
        <v>147</v>
      </c>
      <c r="D10" s="5">
        <v>305</v>
      </c>
    </row>
    <row r="11" spans="1:4" ht="18" customHeight="1" x14ac:dyDescent="0.15">
      <c r="A11" s="8">
        <v>5</v>
      </c>
      <c r="B11" s="26">
        <v>52</v>
      </c>
      <c r="C11" s="6">
        <v>50</v>
      </c>
      <c r="D11" s="5">
        <v>102</v>
      </c>
    </row>
    <row r="12" spans="1:4" ht="18" customHeight="1" x14ac:dyDescent="0.15">
      <c r="A12" s="8">
        <v>6</v>
      </c>
      <c r="B12" s="26">
        <v>38</v>
      </c>
      <c r="C12" s="6">
        <v>41</v>
      </c>
      <c r="D12" s="5">
        <v>79</v>
      </c>
    </row>
    <row r="13" spans="1:4" ht="18" customHeight="1" x14ac:dyDescent="0.15">
      <c r="A13" s="8">
        <v>7</v>
      </c>
      <c r="B13" s="26">
        <v>55</v>
      </c>
      <c r="C13" s="6">
        <v>41</v>
      </c>
      <c r="D13" s="5">
        <v>96</v>
      </c>
    </row>
    <row r="14" spans="1:4" ht="18" customHeight="1" x14ac:dyDescent="0.15">
      <c r="A14" s="8">
        <v>8</v>
      </c>
      <c r="B14" s="26">
        <v>46</v>
      </c>
      <c r="C14" s="6">
        <v>51</v>
      </c>
      <c r="D14" s="5">
        <v>97</v>
      </c>
    </row>
    <row r="15" spans="1:4" ht="18" customHeight="1" x14ac:dyDescent="0.15">
      <c r="A15" s="8">
        <v>9</v>
      </c>
      <c r="B15" s="26">
        <v>63</v>
      </c>
      <c r="C15" s="6">
        <v>41</v>
      </c>
      <c r="D15" s="5">
        <v>104</v>
      </c>
    </row>
    <row r="16" spans="1:4" ht="18" customHeight="1" x14ac:dyDescent="0.15">
      <c r="A16" s="8" t="s">
        <v>24</v>
      </c>
      <c r="B16" s="21">
        <v>254</v>
      </c>
      <c r="C16" s="6">
        <v>224</v>
      </c>
      <c r="D16" s="5">
        <v>478</v>
      </c>
    </row>
    <row r="17" spans="1:4" ht="18" customHeight="1" x14ac:dyDescent="0.15">
      <c r="A17" s="8">
        <v>10</v>
      </c>
      <c r="B17" s="21">
        <v>44</v>
      </c>
      <c r="C17" s="6">
        <v>42</v>
      </c>
      <c r="D17" s="5">
        <v>86</v>
      </c>
    </row>
    <row r="18" spans="1:4" ht="18" customHeight="1" x14ac:dyDescent="0.15">
      <c r="A18" s="8">
        <v>11</v>
      </c>
      <c r="B18" s="21">
        <v>47</v>
      </c>
      <c r="C18" s="6">
        <v>44</v>
      </c>
      <c r="D18" s="5">
        <v>91</v>
      </c>
    </row>
    <row r="19" spans="1:4" ht="18" customHeight="1" x14ac:dyDescent="0.15">
      <c r="A19" s="8">
        <v>12</v>
      </c>
      <c r="B19" s="21">
        <v>52</v>
      </c>
      <c r="C19" s="6">
        <v>64</v>
      </c>
      <c r="D19" s="5">
        <v>116</v>
      </c>
    </row>
    <row r="20" spans="1:4" ht="18" customHeight="1" x14ac:dyDescent="0.15">
      <c r="A20" s="8">
        <v>13</v>
      </c>
      <c r="B20" s="21">
        <v>59</v>
      </c>
      <c r="C20" s="6">
        <v>54</v>
      </c>
      <c r="D20" s="5">
        <v>113</v>
      </c>
    </row>
    <row r="21" spans="1:4" ht="18" customHeight="1" x14ac:dyDescent="0.15">
      <c r="A21" s="8">
        <v>14</v>
      </c>
      <c r="B21" s="21">
        <v>69</v>
      </c>
      <c r="C21" s="6">
        <v>63</v>
      </c>
      <c r="D21" s="5">
        <v>132</v>
      </c>
    </row>
    <row r="22" spans="1:4" ht="18" customHeight="1" x14ac:dyDescent="0.15">
      <c r="A22" s="8" t="s">
        <v>23</v>
      </c>
      <c r="B22" s="21">
        <v>271</v>
      </c>
      <c r="C22" s="6">
        <v>267</v>
      </c>
      <c r="D22" s="5">
        <v>538</v>
      </c>
    </row>
    <row r="23" spans="1:4" ht="18" customHeight="1" x14ac:dyDescent="0.15">
      <c r="A23" s="8" t="s">
        <v>22</v>
      </c>
      <c r="B23" s="21">
        <v>683</v>
      </c>
      <c r="C23" s="6">
        <v>638</v>
      </c>
      <c r="D23" s="5">
        <v>1321</v>
      </c>
    </row>
    <row r="24" spans="1:4" ht="18" customHeight="1" x14ac:dyDescent="0.15">
      <c r="A24" s="8">
        <v>15</v>
      </c>
      <c r="B24" s="21">
        <v>56</v>
      </c>
      <c r="C24" s="6">
        <v>69</v>
      </c>
      <c r="D24" s="5">
        <v>125</v>
      </c>
    </row>
    <row r="25" spans="1:4" ht="18" customHeight="1" x14ac:dyDescent="0.15">
      <c r="A25" s="8">
        <v>16</v>
      </c>
      <c r="B25" s="21">
        <v>75</v>
      </c>
      <c r="C25" s="6">
        <v>70</v>
      </c>
      <c r="D25" s="5">
        <v>145</v>
      </c>
    </row>
    <row r="26" spans="1:4" ht="18" customHeight="1" x14ac:dyDescent="0.15">
      <c r="A26" s="8">
        <v>17</v>
      </c>
      <c r="B26" s="21">
        <v>95</v>
      </c>
      <c r="C26" s="6">
        <v>85</v>
      </c>
      <c r="D26" s="5">
        <v>180</v>
      </c>
    </row>
    <row r="27" spans="1:4" ht="18" customHeight="1" x14ac:dyDescent="0.15">
      <c r="A27" s="8">
        <v>18</v>
      </c>
      <c r="B27" s="21">
        <v>82</v>
      </c>
      <c r="C27" s="6">
        <v>77</v>
      </c>
      <c r="D27" s="5">
        <v>159</v>
      </c>
    </row>
    <row r="28" spans="1:4" ht="18" customHeight="1" x14ac:dyDescent="0.15">
      <c r="A28" s="8">
        <v>19</v>
      </c>
      <c r="B28" s="21">
        <v>81</v>
      </c>
      <c r="C28" s="6">
        <v>90</v>
      </c>
      <c r="D28" s="5">
        <v>171</v>
      </c>
    </row>
    <row r="29" spans="1:4" ht="18" customHeight="1" x14ac:dyDescent="0.15">
      <c r="A29" s="8" t="s">
        <v>21</v>
      </c>
      <c r="B29" s="21">
        <v>389</v>
      </c>
      <c r="C29" s="6">
        <v>391</v>
      </c>
      <c r="D29" s="5">
        <v>780</v>
      </c>
    </row>
    <row r="30" spans="1:4" ht="18" customHeight="1" x14ac:dyDescent="0.15">
      <c r="A30" s="8">
        <v>20</v>
      </c>
      <c r="B30" s="21">
        <v>74</v>
      </c>
      <c r="C30" s="6">
        <v>78</v>
      </c>
      <c r="D30" s="5">
        <v>152</v>
      </c>
    </row>
    <row r="31" spans="1:4" ht="18" customHeight="1" x14ac:dyDescent="0.15">
      <c r="A31" s="8">
        <v>21</v>
      </c>
      <c r="B31" s="21">
        <v>82</v>
      </c>
      <c r="C31" s="6">
        <v>85</v>
      </c>
      <c r="D31" s="5">
        <v>167</v>
      </c>
    </row>
    <row r="32" spans="1:4" ht="18" customHeight="1" x14ac:dyDescent="0.15">
      <c r="A32" s="8">
        <v>22</v>
      </c>
      <c r="B32" s="21">
        <v>81</v>
      </c>
      <c r="C32" s="6">
        <v>75</v>
      </c>
      <c r="D32" s="5">
        <v>156</v>
      </c>
    </row>
    <row r="33" spans="1:4" ht="18" customHeight="1" x14ac:dyDescent="0.15">
      <c r="A33" s="8">
        <v>23</v>
      </c>
      <c r="B33" s="21">
        <v>69</v>
      </c>
      <c r="C33" s="6">
        <v>65</v>
      </c>
      <c r="D33" s="5">
        <v>134</v>
      </c>
    </row>
    <row r="34" spans="1:4" ht="18" customHeight="1" x14ac:dyDescent="0.15">
      <c r="A34" s="8">
        <v>24</v>
      </c>
      <c r="B34" s="21">
        <v>78</v>
      </c>
      <c r="C34" s="6">
        <v>66</v>
      </c>
      <c r="D34" s="5">
        <v>144</v>
      </c>
    </row>
    <row r="35" spans="1:4" ht="18" customHeight="1" x14ac:dyDescent="0.15">
      <c r="A35" s="8" t="s">
        <v>20</v>
      </c>
      <c r="B35" s="21">
        <v>384</v>
      </c>
      <c r="C35" s="6">
        <v>369</v>
      </c>
      <c r="D35" s="5">
        <v>753</v>
      </c>
    </row>
    <row r="36" spans="1:4" ht="18" customHeight="1" x14ac:dyDescent="0.15">
      <c r="A36" s="8">
        <v>25</v>
      </c>
      <c r="B36" s="21">
        <v>91</v>
      </c>
      <c r="C36" s="6">
        <v>58</v>
      </c>
      <c r="D36" s="5">
        <v>149</v>
      </c>
    </row>
    <row r="37" spans="1:4" ht="18" customHeight="1" x14ac:dyDescent="0.15">
      <c r="A37" s="8">
        <v>26</v>
      </c>
      <c r="B37" s="21">
        <v>78</v>
      </c>
      <c r="C37" s="6">
        <v>68</v>
      </c>
      <c r="D37" s="5">
        <v>146</v>
      </c>
    </row>
    <row r="38" spans="1:4" ht="18" customHeight="1" x14ac:dyDescent="0.15">
      <c r="A38" s="8">
        <v>27</v>
      </c>
      <c r="B38" s="21">
        <v>75</v>
      </c>
      <c r="C38" s="6">
        <v>56</v>
      </c>
      <c r="D38" s="5">
        <v>131</v>
      </c>
    </row>
    <row r="39" spans="1:4" ht="18" customHeight="1" x14ac:dyDescent="0.15">
      <c r="A39" s="8">
        <v>28</v>
      </c>
      <c r="B39" s="21">
        <v>72</v>
      </c>
      <c r="C39" s="6">
        <v>41</v>
      </c>
      <c r="D39" s="5">
        <v>113</v>
      </c>
    </row>
    <row r="40" spans="1:4" ht="18" customHeight="1" x14ac:dyDescent="0.15">
      <c r="A40" s="8">
        <v>29</v>
      </c>
      <c r="B40" s="21">
        <v>69</v>
      </c>
      <c r="C40" s="6">
        <v>64</v>
      </c>
      <c r="D40" s="5">
        <v>133</v>
      </c>
    </row>
    <row r="41" spans="1:4" ht="18" customHeight="1" x14ac:dyDescent="0.15">
      <c r="A41" s="8" t="s">
        <v>19</v>
      </c>
      <c r="B41" s="21">
        <v>385</v>
      </c>
      <c r="C41" s="6">
        <v>287</v>
      </c>
      <c r="D41" s="5">
        <v>672</v>
      </c>
    </row>
    <row r="42" spans="1:4" ht="18" customHeight="1" x14ac:dyDescent="0.15">
      <c r="A42" s="8">
        <v>30</v>
      </c>
      <c r="B42" s="21">
        <v>63</v>
      </c>
      <c r="C42" s="6">
        <v>47</v>
      </c>
      <c r="D42" s="5">
        <v>110</v>
      </c>
    </row>
    <row r="43" spans="1:4" ht="18" customHeight="1" x14ac:dyDescent="0.15">
      <c r="A43" s="8">
        <v>31</v>
      </c>
      <c r="B43" s="21">
        <v>57</v>
      </c>
      <c r="C43" s="6">
        <v>63</v>
      </c>
      <c r="D43" s="5">
        <v>120</v>
      </c>
    </row>
    <row r="44" spans="1:4" ht="18" customHeight="1" x14ac:dyDescent="0.15">
      <c r="A44" s="8">
        <v>32</v>
      </c>
      <c r="B44" s="21">
        <v>61</v>
      </c>
      <c r="C44" s="6">
        <v>58</v>
      </c>
      <c r="D44" s="5">
        <v>119</v>
      </c>
    </row>
    <row r="45" spans="1:4" ht="18" customHeight="1" x14ac:dyDescent="0.15">
      <c r="A45" s="8">
        <v>33</v>
      </c>
      <c r="B45" s="21">
        <v>51</v>
      </c>
      <c r="C45" s="6">
        <v>45</v>
      </c>
      <c r="D45" s="5">
        <v>96</v>
      </c>
    </row>
    <row r="46" spans="1:4" ht="18" customHeight="1" x14ac:dyDescent="0.15">
      <c r="A46" s="8">
        <v>34</v>
      </c>
      <c r="B46" s="21">
        <v>68</v>
      </c>
      <c r="C46" s="6">
        <v>41</v>
      </c>
      <c r="D46" s="5">
        <v>109</v>
      </c>
    </row>
    <row r="47" spans="1:4" ht="18" customHeight="1" x14ac:dyDescent="0.15">
      <c r="A47" s="8" t="s">
        <v>18</v>
      </c>
      <c r="B47" s="21">
        <v>300</v>
      </c>
      <c r="C47" s="6">
        <v>254</v>
      </c>
      <c r="D47" s="5">
        <v>554</v>
      </c>
    </row>
    <row r="48" spans="1:4" ht="18" customHeight="1" x14ac:dyDescent="0.15">
      <c r="A48" s="8">
        <v>35</v>
      </c>
      <c r="B48" s="21">
        <v>65</v>
      </c>
      <c r="C48" s="6">
        <v>55</v>
      </c>
      <c r="D48" s="5">
        <v>120</v>
      </c>
    </row>
    <row r="49" spans="1:4" ht="18" customHeight="1" x14ac:dyDescent="0.15">
      <c r="A49" s="8">
        <v>36</v>
      </c>
      <c r="B49" s="21">
        <v>55</v>
      </c>
      <c r="C49" s="6">
        <v>50</v>
      </c>
      <c r="D49" s="5">
        <v>105</v>
      </c>
    </row>
    <row r="50" spans="1:4" ht="18" customHeight="1" x14ac:dyDescent="0.15">
      <c r="A50" s="8">
        <v>37</v>
      </c>
      <c r="B50" s="21">
        <v>54</v>
      </c>
      <c r="C50" s="6">
        <v>45</v>
      </c>
      <c r="D50" s="5">
        <v>99</v>
      </c>
    </row>
    <row r="51" spans="1:4" ht="18" customHeight="1" x14ac:dyDescent="0.15">
      <c r="A51" s="8">
        <v>38</v>
      </c>
      <c r="B51" s="21">
        <v>67</v>
      </c>
      <c r="C51" s="6">
        <v>71</v>
      </c>
      <c r="D51" s="5">
        <v>138</v>
      </c>
    </row>
    <row r="52" spans="1:4" ht="18" customHeight="1" x14ac:dyDescent="0.15">
      <c r="A52" s="8">
        <v>39</v>
      </c>
      <c r="B52" s="21">
        <v>79</v>
      </c>
      <c r="C52" s="6">
        <v>75</v>
      </c>
      <c r="D52" s="5">
        <v>154</v>
      </c>
    </row>
    <row r="53" spans="1:4" ht="18" customHeight="1" x14ac:dyDescent="0.15">
      <c r="A53" s="8" t="s">
        <v>17</v>
      </c>
      <c r="B53" s="21">
        <v>320</v>
      </c>
      <c r="C53" s="6">
        <v>296</v>
      </c>
      <c r="D53" s="5">
        <v>616</v>
      </c>
    </row>
    <row r="54" spans="1:4" ht="18" customHeight="1" x14ac:dyDescent="0.15">
      <c r="A54" s="8">
        <v>40</v>
      </c>
      <c r="B54" s="21">
        <v>73</v>
      </c>
      <c r="C54" s="6">
        <v>56</v>
      </c>
      <c r="D54" s="5">
        <v>129</v>
      </c>
    </row>
    <row r="55" spans="1:4" ht="18" customHeight="1" x14ac:dyDescent="0.15">
      <c r="A55" s="8">
        <v>41</v>
      </c>
      <c r="B55" s="21">
        <v>81</v>
      </c>
      <c r="C55" s="6">
        <v>85</v>
      </c>
      <c r="D55" s="5">
        <v>166</v>
      </c>
    </row>
    <row r="56" spans="1:4" ht="18" customHeight="1" x14ac:dyDescent="0.15">
      <c r="A56" s="8">
        <v>42</v>
      </c>
      <c r="B56" s="21">
        <v>61</v>
      </c>
      <c r="C56" s="6">
        <v>65</v>
      </c>
      <c r="D56" s="5">
        <v>126</v>
      </c>
    </row>
    <row r="57" spans="1:4" ht="18" customHeight="1" x14ac:dyDescent="0.15">
      <c r="A57" s="8">
        <v>43</v>
      </c>
      <c r="B57" s="21">
        <v>66</v>
      </c>
      <c r="C57" s="6">
        <v>81</v>
      </c>
      <c r="D57" s="5">
        <v>147</v>
      </c>
    </row>
    <row r="58" spans="1:4" ht="18" customHeight="1" x14ac:dyDescent="0.15">
      <c r="A58" s="8">
        <v>44</v>
      </c>
      <c r="B58" s="21">
        <v>77</v>
      </c>
      <c r="C58" s="6">
        <v>66</v>
      </c>
      <c r="D58" s="5">
        <v>143</v>
      </c>
    </row>
    <row r="59" spans="1:4" ht="18" customHeight="1" x14ac:dyDescent="0.15">
      <c r="A59" s="8" t="s">
        <v>16</v>
      </c>
      <c r="B59" s="21">
        <v>358</v>
      </c>
      <c r="C59" s="6">
        <v>353</v>
      </c>
      <c r="D59" s="5">
        <v>711</v>
      </c>
    </row>
    <row r="60" spans="1:4" ht="18" customHeight="1" x14ac:dyDescent="0.15">
      <c r="A60" s="8">
        <v>45</v>
      </c>
      <c r="B60" s="21">
        <v>79</v>
      </c>
      <c r="C60" s="6">
        <v>83</v>
      </c>
      <c r="D60" s="5">
        <v>162</v>
      </c>
    </row>
    <row r="61" spans="1:4" ht="18" customHeight="1" x14ac:dyDescent="0.15">
      <c r="A61" s="8">
        <v>46</v>
      </c>
      <c r="B61" s="21">
        <v>73</v>
      </c>
      <c r="C61" s="6">
        <v>93</v>
      </c>
      <c r="D61" s="5">
        <v>166</v>
      </c>
    </row>
    <row r="62" spans="1:4" ht="18" customHeight="1" x14ac:dyDescent="0.15">
      <c r="A62" s="8">
        <v>47</v>
      </c>
      <c r="B62" s="21">
        <v>95</v>
      </c>
      <c r="C62" s="6">
        <v>87</v>
      </c>
      <c r="D62" s="5">
        <v>182</v>
      </c>
    </row>
    <row r="63" spans="1:4" ht="18" customHeight="1" x14ac:dyDescent="0.15">
      <c r="A63" s="8">
        <v>48</v>
      </c>
      <c r="B63" s="21">
        <v>107</v>
      </c>
      <c r="C63" s="6">
        <v>103</v>
      </c>
      <c r="D63" s="5">
        <v>210</v>
      </c>
    </row>
    <row r="64" spans="1:4" ht="18" customHeight="1" x14ac:dyDescent="0.15">
      <c r="A64" s="8">
        <v>49</v>
      </c>
      <c r="B64" s="21">
        <v>113</v>
      </c>
      <c r="C64" s="6">
        <v>107</v>
      </c>
      <c r="D64" s="5">
        <v>220</v>
      </c>
    </row>
    <row r="65" spans="1:4" ht="18" customHeight="1" x14ac:dyDescent="0.15">
      <c r="A65" s="8" t="s">
        <v>15</v>
      </c>
      <c r="B65" s="21">
        <v>467</v>
      </c>
      <c r="C65" s="6">
        <v>473</v>
      </c>
      <c r="D65" s="5">
        <v>940</v>
      </c>
    </row>
    <row r="66" spans="1:4" ht="18" customHeight="1" x14ac:dyDescent="0.15">
      <c r="A66" s="8">
        <v>50</v>
      </c>
      <c r="B66" s="21">
        <v>118</v>
      </c>
      <c r="C66" s="6">
        <v>121</v>
      </c>
      <c r="D66" s="5">
        <v>239</v>
      </c>
    </row>
    <row r="67" spans="1:4" ht="18" customHeight="1" x14ac:dyDescent="0.15">
      <c r="A67" s="8">
        <v>51</v>
      </c>
      <c r="B67" s="21">
        <v>105</v>
      </c>
      <c r="C67" s="6">
        <v>105</v>
      </c>
      <c r="D67" s="5">
        <v>210</v>
      </c>
    </row>
    <row r="68" spans="1:4" ht="18" customHeight="1" x14ac:dyDescent="0.15">
      <c r="A68" s="8">
        <v>52</v>
      </c>
      <c r="B68" s="21">
        <v>131</v>
      </c>
      <c r="C68" s="6">
        <v>126</v>
      </c>
      <c r="D68" s="5">
        <v>257</v>
      </c>
    </row>
    <row r="69" spans="1:4" ht="18" customHeight="1" x14ac:dyDescent="0.15">
      <c r="A69" s="8">
        <v>53</v>
      </c>
      <c r="B69" s="21">
        <v>113</v>
      </c>
      <c r="C69" s="6">
        <v>123</v>
      </c>
      <c r="D69" s="5">
        <v>236</v>
      </c>
    </row>
    <row r="70" spans="1:4" ht="18" customHeight="1" x14ac:dyDescent="0.15">
      <c r="A70" s="8">
        <v>54</v>
      </c>
      <c r="B70" s="21">
        <v>115</v>
      </c>
      <c r="C70" s="6">
        <v>102</v>
      </c>
      <c r="D70" s="5">
        <v>217</v>
      </c>
    </row>
    <row r="71" spans="1:4" ht="18" customHeight="1" x14ac:dyDescent="0.15">
      <c r="A71" s="8" t="s">
        <v>14</v>
      </c>
      <c r="B71" s="21">
        <v>582</v>
      </c>
      <c r="C71" s="6">
        <v>577</v>
      </c>
      <c r="D71" s="5">
        <v>1159</v>
      </c>
    </row>
    <row r="72" spans="1:4" ht="18" customHeight="1" x14ac:dyDescent="0.15">
      <c r="A72" s="8">
        <v>55</v>
      </c>
      <c r="B72" s="21">
        <v>124</v>
      </c>
      <c r="C72" s="6">
        <v>96</v>
      </c>
      <c r="D72" s="5">
        <v>220</v>
      </c>
    </row>
    <row r="73" spans="1:4" ht="18" customHeight="1" x14ac:dyDescent="0.15">
      <c r="A73" s="8">
        <v>56</v>
      </c>
      <c r="B73" s="21">
        <v>100</v>
      </c>
      <c r="C73" s="6">
        <v>76</v>
      </c>
      <c r="D73" s="5">
        <v>176</v>
      </c>
    </row>
    <row r="74" spans="1:4" ht="18" customHeight="1" x14ac:dyDescent="0.15">
      <c r="A74" s="8">
        <v>57</v>
      </c>
      <c r="B74" s="21">
        <v>96</v>
      </c>
      <c r="C74" s="6">
        <v>103</v>
      </c>
      <c r="D74" s="5">
        <v>199</v>
      </c>
    </row>
    <row r="75" spans="1:4" ht="18" customHeight="1" x14ac:dyDescent="0.15">
      <c r="A75" s="8">
        <v>58</v>
      </c>
      <c r="B75" s="21">
        <v>73</v>
      </c>
      <c r="C75" s="6">
        <v>89</v>
      </c>
      <c r="D75" s="5">
        <v>162</v>
      </c>
    </row>
    <row r="76" spans="1:4" ht="18" customHeight="1" x14ac:dyDescent="0.15">
      <c r="A76" s="8">
        <v>59</v>
      </c>
      <c r="B76" s="21">
        <v>55</v>
      </c>
      <c r="C76" s="6">
        <v>54</v>
      </c>
      <c r="D76" s="5">
        <v>109</v>
      </c>
    </row>
    <row r="77" spans="1:4" ht="18" customHeight="1" x14ac:dyDescent="0.15">
      <c r="A77" s="8" t="s">
        <v>13</v>
      </c>
      <c r="B77" s="21">
        <v>448</v>
      </c>
      <c r="C77" s="6">
        <v>418</v>
      </c>
      <c r="D77" s="5">
        <v>866</v>
      </c>
    </row>
    <row r="78" spans="1:4" ht="18" customHeight="1" x14ac:dyDescent="0.15">
      <c r="A78" s="8">
        <v>60</v>
      </c>
      <c r="B78" s="21">
        <v>69</v>
      </c>
      <c r="C78" s="6">
        <v>87</v>
      </c>
      <c r="D78" s="5">
        <v>156</v>
      </c>
    </row>
    <row r="79" spans="1:4" ht="18" customHeight="1" x14ac:dyDescent="0.15">
      <c r="A79" s="8">
        <v>61</v>
      </c>
      <c r="B79" s="21">
        <v>79</v>
      </c>
      <c r="C79" s="6">
        <v>85</v>
      </c>
      <c r="D79" s="5">
        <v>164</v>
      </c>
    </row>
    <row r="80" spans="1:4" ht="18" customHeight="1" x14ac:dyDescent="0.15">
      <c r="A80" s="8">
        <v>62</v>
      </c>
      <c r="B80" s="21">
        <v>69</v>
      </c>
      <c r="C80" s="6">
        <v>70</v>
      </c>
      <c r="D80" s="5">
        <v>139</v>
      </c>
    </row>
    <row r="81" spans="1:4" ht="18" customHeight="1" x14ac:dyDescent="0.15">
      <c r="A81" s="8">
        <v>63</v>
      </c>
      <c r="B81" s="21">
        <v>62</v>
      </c>
      <c r="C81" s="6">
        <v>65</v>
      </c>
      <c r="D81" s="5">
        <v>127</v>
      </c>
    </row>
    <row r="82" spans="1:4" ht="18" customHeight="1" x14ac:dyDescent="0.15">
      <c r="A82" s="8">
        <v>64</v>
      </c>
      <c r="B82" s="21">
        <v>64</v>
      </c>
      <c r="C82" s="6">
        <v>57</v>
      </c>
      <c r="D82" s="5">
        <v>121</v>
      </c>
    </row>
    <row r="83" spans="1:4" ht="18" customHeight="1" x14ac:dyDescent="0.15">
      <c r="A83" s="8" t="s">
        <v>12</v>
      </c>
      <c r="B83" s="21">
        <v>343</v>
      </c>
      <c r="C83" s="6">
        <v>364</v>
      </c>
      <c r="D83" s="5">
        <v>707</v>
      </c>
    </row>
    <row r="84" spans="1:4" ht="18" customHeight="1" x14ac:dyDescent="0.15">
      <c r="A84" s="8" t="s">
        <v>11</v>
      </c>
      <c r="B84" s="21">
        <v>3976</v>
      </c>
      <c r="C84" s="6">
        <v>3782</v>
      </c>
      <c r="D84" s="5">
        <v>7758</v>
      </c>
    </row>
    <row r="85" spans="1:4" ht="18" customHeight="1" x14ac:dyDescent="0.15">
      <c r="A85" s="8">
        <v>65</v>
      </c>
      <c r="B85" s="21">
        <v>59</v>
      </c>
      <c r="C85" s="6">
        <v>70</v>
      </c>
      <c r="D85" s="5">
        <v>129</v>
      </c>
    </row>
    <row r="86" spans="1:4" ht="18" customHeight="1" x14ac:dyDescent="0.15">
      <c r="A86" s="8">
        <v>66</v>
      </c>
      <c r="B86" s="21">
        <v>51</v>
      </c>
      <c r="C86" s="6">
        <v>65</v>
      </c>
      <c r="D86" s="5">
        <v>116</v>
      </c>
    </row>
    <row r="87" spans="1:4" ht="18" customHeight="1" x14ac:dyDescent="0.15">
      <c r="A87" s="8">
        <v>67</v>
      </c>
      <c r="B87" s="21">
        <v>54</v>
      </c>
      <c r="C87" s="6">
        <v>55</v>
      </c>
      <c r="D87" s="5">
        <v>109</v>
      </c>
    </row>
    <row r="88" spans="1:4" ht="18" customHeight="1" x14ac:dyDescent="0.15">
      <c r="A88" s="8">
        <v>68</v>
      </c>
      <c r="B88" s="21">
        <v>49</v>
      </c>
      <c r="C88" s="6">
        <v>50</v>
      </c>
      <c r="D88" s="5">
        <v>99</v>
      </c>
    </row>
    <row r="89" spans="1:4" ht="18" customHeight="1" x14ac:dyDescent="0.15">
      <c r="A89" s="8">
        <v>69</v>
      </c>
      <c r="B89" s="21">
        <v>56</v>
      </c>
      <c r="C89" s="6">
        <v>60</v>
      </c>
      <c r="D89" s="5">
        <v>116</v>
      </c>
    </row>
    <row r="90" spans="1:4" ht="18" customHeight="1" x14ac:dyDescent="0.15">
      <c r="A90" s="8" t="s">
        <v>10</v>
      </c>
      <c r="B90" s="21">
        <v>269</v>
      </c>
      <c r="C90" s="6">
        <v>300</v>
      </c>
      <c r="D90" s="5">
        <v>569</v>
      </c>
    </row>
    <row r="91" spans="1:4" ht="18" customHeight="1" x14ac:dyDescent="0.15">
      <c r="A91" s="8">
        <v>70</v>
      </c>
      <c r="B91" s="21">
        <v>62</v>
      </c>
      <c r="C91" s="6">
        <v>67</v>
      </c>
      <c r="D91" s="5">
        <v>129</v>
      </c>
    </row>
    <row r="92" spans="1:4" ht="18" customHeight="1" x14ac:dyDescent="0.15">
      <c r="A92" s="8">
        <v>71</v>
      </c>
      <c r="B92" s="21">
        <v>55</v>
      </c>
      <c r="C92" s="6">
        <v>60</v>
      </c>
      <c r="D92" s="5">
        <v>115</v>
      </c>
    </row>
    <row r="93" spans="1:4" ht="18" customHeight="1" x14ac:dyDescent="0.15">
      <c r="A93" s="8">
        <v>72</v>
      </c>
      <c r="B93" s="21">
        <v>77</v>
      </c>
      <c r="C93" s="6">
        <v>65</v>
      </c>
      <c r="D93" s="5">
        <v>142</v>
      </c>
    </row>
    <row r="94" spans="1:4" ht="18" customHeight="1" x14ac:dyDescent="0.15">
      <c r="A94" s="8">
        <v>73</v>
      </c>
      <c r="B94" s="21">
        <v>53</v>
      </c>
      <c r="C94" s="6">
        <v>66</v>
      </c>
      <c r="D94" s="5">
        <v>119</v>
      </c>
    </row>
    <row r="95" spans="1:4" ht="18" customHeight="1" x14ac:dyDescent="0.15">
      <c r="A95" s="8">
        <v>74</v>
      </c>
      <c r="B95" s="21">
        <v>58</v>
      </c>
      <c r="C95" s="6">
        <v>63</v>
      </c>
      <c r="D95" s="5">
        <v>121</v>
      </c>
    </row>
    <row r="96" spans="1:4" ht="18" customHeight="1" x14ac:dyDescent="0.15">
      <c r="A96" s="8" t="s">
        <v>9</v>
      </c>
      <c r="B96" s="21">
        <v>305</v>
      </c>
      <c r="C96" s="6">
        <v>321</v>
      </c>
      <c r="D96" s="5">
        <v>626</v>
      </c>
    </row>
    <row r="97" spans="1:4" ht="18" customHeight="1" x14ac:dyDescent="0.15">
      <c r="A97" s="8">
        <v>75</v>
      </c>
      <c r="B97" s="21">
        <v>65</v>
      </c>
      <c r="C97" s="6">
        <v>72</v>
      </c>
      <c r="D97" s="5">
        <v>137</v>
      </c>
    </row>
    <row r="98" spans="1:4" ht="18" customHeight="1" x14ac:dyDescent="0.15">
      <c r="A98" s="8">
        <v>76</v>
      </c>
      <c r="B98" s="21">
        <v>67</v>
      </c>
      <c r="C98" s="6">
        <v>71</v>
      </c>
      <c r="D98" s="5">
        <v>138</v>
      </c>
    </row>
    <row r="99" spans="1:4" ht="18" customHeight="1" x14ac:dyDescent="0.15">
      <c r="A99" s="8">
        <v>77</v>
      </c>
      <c r="B99" s="21">
        <v>76</v>
      </c>
      <c r="C99" s="6">
        <v>86</v>
      </c>
      <c r="D99" s="5">
        <v>162</v>
      </c>
    </row>
    <row r="100" spans="1:4" ht="18" customHeight="1" x14ac:dyDescent="0.15">
      <c r="A100" s="8">
        <v>78</v>
      </c>
      <c r="B100" s="21">
        <v>57</v>
      </c>
      <c r="C100" s="6">
        <v>89</v>
      </c>
      <c r="D100" s="5">
        <v>146</v>
      </c>
    </row>
    <row r="101" spans="1:4" ht="18" customHeight="1" x14ac:dyDescent="0.15">
      <c r="A101" s="8">
        <v>79</v>
      </c>
      <c r="B101" s="21">
        <v>29</v>
      </c>
      <c r="C101" s="6">
        <v>44</v>
      </c>
      <c r="D101" s="5">
        <v>73</v>
      </c>
    </row>
    <row r="102" spans="1:4" ht="18" customHeight="1" x14ac:dyDescent="0.15">
      <c r="A102" s="8" t="s">
        <v>8</v>
      </c>
      <c r="B102" s="21">
        <v>294</v>
      </c>
      <c r="C102" s="6">
        <v>362</v>
      </c>
      <c r="D102" s="5">
        <v>656</v>
      </c>
    </row>
    <row r="103" spans="1:4" ht="18" customHeight="1" x14ac:dyDescent="0.15">
      <c r="A103" s="8">
        <v>80</v>
      </c>
      <c r="B103" s="21">
        <v>34</v>
      </c>
      <c r="C103" s="6">
        <v>31</v>
      </c>
      <c r="D103" s="5">
        <v>65</v>
      </c>
    </row>
    <row r="104" spans="1:4" ht="18" customHeight="1" x14ac:dyDescent="0.15">
      <c r="A104" s="8">
        <v>81</v>
      </c>
      <c r="B104" s="21">
        <v>35</v>
      </c>
      <c r="C104" s="6">
        <v>47</v>
      </c>
      <c r="D104" s="5">
        <v>82</v>
      </c>
    </row>
    <row r="105" spans="1:4" ht="18" customHeight="1" x14ac:dyDescent="0.15">
      <c r="A105" s="8">
        <v>82</v>
      </c>
      <c r="B105" s="21">
        <v>34</v>
      </c>
      <c r="C105" s="6">
        <v>53</v>
      </c>
      <c r="D105" s="5">
        <v>87</v>
      </c>
    </row>
    <row r="106" spans="1:4" ht="18" customHeight="1" x14ac:dyDescent="0.15">
      <c r="A106" s="8">
        <v>83</v>
      </c>
      <c r="B106" s="21">
        <v>32</v>
      </c>
      <c r="C106" s="6">
        <v>31</v>
      </c>
      <c r="D106" s="5">
        <v>63</v>
      </c>
    </row>
    <row r="107" spans="1:4" ht="18" customHeight="1" x14ac:dyDescent="0.15">
      <c r="A107" s="8">
        <v>84</v>
      </c>
      <c r="B107" s="21">
        <v>31</v>
      </c>
      <c r="C107" s="6">
        <v>54</v>
      </c>
      <c r="D107" s="5">
        <v>85</v>
      </c>
    </row>
    <row r="108" spans="1:4" ht="18" customHeight="1" x14ac:dyDescent="0.15">
      <c r="A108" s="8" t="s">
        <v>7</v>
      </c>
      <c r="B108" s="21">
        <v>166</v>
      </c>
      <c r="C108" s="6">
        <v>216</v>
      </c>
      <c r="D108" s="5">
        <v>382</v>
      </c>
    </row>
    <row r="109" spans="1:4" ht="18" customHeight="1" x14ac:dyDescent="0.15">
      <c r="A109" s="8">
        <v>85</v>
      </c>
      <c r="B109" s="21">
        <v>28</v>
      </c>
      <c r="C109" s="6">
        <v>36</v>
      </c>
      <c r="D109" s="5">
        <v>64</v>
      </c>
    </row>
    <row r="110" spans="1:4" ht="18" customHeight="1" x14ac:dyDescent="0.15">
      <c r="A110" s="8">
        <v>86</v>
      </c>
      <c r="B110" s="21">
        <v>19</v>
      </c>
      <c r="C110" s="6">
        <v>34</v>
      </c>
      <c r="D110" s="5">
        <v>53</v>
      </c>
    </row>
    <row r="111" spans="1:4" ht="18" customHeight="1" x14ac:dyDescent="0.15">
      <c r="A111" s="8">
        <v>87</v>
      </c>
      <c r="B111" s="21">
        <v>21</v>
      </c>
      <c r="C111" s="6">
        <v>22</v>
      </c>
      <c r="D111" s="5">
        <v>43</v>
      </c>
    </row>
    <row r="112" spans="1:4" ht="18" customHeight="1" x14ac:dyDescent="0.15">
      <c r="A112" s="8">
        <v>88</v>
      </c>
      <c r="B112" s="21">
        <v>8</v>
      </c>
      <c r="C112" s="6">
        <v>22</v>
      </c>
      <c r="D112" s="5">
        <v>30</v>
      </c>
    </row>
    <row r="113" spans="1:4" ht="18" customHeight="1" x14ac:dyDescent="0.15">
      <c r="A113" s="8">
        <v>89</v>
      </c>
      <c r="B113" s="21">
        <v>18</v>
      </c>
      <c r="C113" s="6">
        <v>22</v>
      </c>
      <c r="D113" s="5">
        <v>40</v>
      </c>
    </row>
    <row r="114" spans="1:4" ht="18" customHeight="1" x14ac:dyDescent="0.15">
      <c r="A114" s="8" t="s">
        <v>6</v>
      </c>
      <c r="B114" s="21">
        <v>94</v>
      </c>
      <c r="C114" s="6">
        <v>136</v>
      </c>
      <c r="D114" s="5">
        <v>230</v>
      </c>
    </row>
    <row r="115" spans="1:4" ht="18" customHeight="1" x14ac:dyDescent="0.15">
      <c r="A115" s="8">
        <v>90</v>
      </c>
      <c r="B115" s="21">
        <v>7</v>
      </c>
      <c r="C115" s="6">
        <v>33</v>
      </c>
      <c r="D115" s="5">
        <v>40</v>
      </c>
    </row>
    <row r="116" spans="1:4" ht="18" customHeight="1" x14ac:dyDescent="0.15">
      <c r="A116" s="8">
        <v>91</v>
      </c>
      <c r="B116" s="21">
        <v>8</v>
      </c>
      <c r="C116" s="6">
        <v>21</v>
      </c>
      <c r="D116" s="5">
        <v>29</v>
      </c>
    </row>
    <row r="117" spans="1:4" ht="18" customHeight="1" x14ac:dyDescent="0.15">
      <c r="A117" s="8">
        <v>92</v>
      </c>
      <c r="B117" s="21">
        <v>7</v>
      </c>
      <c r="C117" s="6">
        <v>20</v>
      </c>
      <c r="D117" s="5">
        <v>27</v>
      </c>
    </row>
    <row r="118" spans="1:4" ht="18" customHeight="1" x14ac:dyDescent="0.15">
      <c r="A118" s="8">
        <v>93</v>
      </c>
      <c r="B118" s="21">
        <v>5</v>
      </c>
      <c r="C118" s="6">
        <v>26</v>
      </c>
      <c r="D118" s="5">
        <v>31</v>
      </c>
    </row>
    <row r="119" spans="1:4" ht="18" customHeight="1" x14ac:dyDescent="0.15">
      <c r="A119" s="8">
        <v>94</v>
      </c>
      <c r="B119" s="21">
        <v>7</v>
      </c>
      <c r="C119" s="6">
        <v>12</v>
      </c>
      <c r="D119" s="5">
        <v>19</v>
      </c>
    </row>
    <row r="120" spans="1:4" ht="18" customHeight="1" x14ac:dyDescent="0.15">
      <c r="A120" s="8" t="s">
        <v>5</v>
      </c>
      <c r="B120" s="21">
        <v>34</v>
      </c>
      <c r="C120" s="6">
        <v>112</v>
      </c>
      <c r="D120" s="5">
        <v>146</v>
      </c>
    </row>
    <row r="121" spans="1:4" ht="18" customHeight="1" x14ac:dyDescent="0.15">
      <c r="A121" s="8">
        <v>95</v>
      </c>
      <c r="B121" s="21">
        <v>3</v>
      </c>
      <c r="C121" s="6">
        <v>15</v>
      </c>
      <c r="D121" s="5">
        <v>18</v>
      </c>
    </row>
    <row r="122" spans="1:4" ht="18" customHeight="1" x14ac:dyDescent="0.15">
      <c r="A122" s="8">
        <v>96</v>
      </c>
      <c r="B122" s="21">
        <v>4</v>
      </c>
      <c r="C122" s="6">
        <v>8</v>
      </c>
      <c r="D122" s="5">
        <v>12</v>
      </c>
    </row>
    <row r="123" spans="1:4" ht="18" customHeight="1" x14ac:dyDescent="0.15">
      <c r="A123" s="8">
        <v>97</v>
      </c>
      <c r="B123" s="21">
        <v>2</v>
      </c>
      <c r="C123" s="6">
        <v>6</v>
      </c>
      <c r="D123" s="5">
        <v>8</v>
      </c>
    </row>
    <row r="124" spans="1:4" ht="18" customHeight="1" x14ac:dyDescent="0.15">
      <c r="A124" s="8">
        <v>98</v>
      </c>
      <c r="B124" s="21">
        <v>1</v>
      </c>
      <c r="C124" s="6">
        <v>4</v>
      </c>
      <c r="D124" s="5">
        <v>5</v>
      </c>
    </row>
    <row r="125" spans="1:4" ht="18" customHeight="1" x14ac:dyDescent="0.15">
      <c r="A125" s="8">
        <v>99</v>
      </c>
      <c r="B125" s="21">
        <v>1</v>
      </c>
      <c r="C125" s="6">
        <v>1</v>
      </c>
      <c r="D125" s="5">
        <v>2</v>
      </c>
    </row>
    <row r="126" spans="1:4" ht="18" customHeight="1" x14ac:dyDescent="0.15">
      <c r="A126" s="8" t="s">
        <v>4</v>
      </c>
      <c r="B126" s="21">
        <v>11</v>
      </c>
      <c r="C126" s="6">
        <v>34</v>
      </c>
      <c r="D126" s="5">
        <v>45</v>
      </c>
    </row>
    <row r="127" spans="1:4" ht="18" customHeight="1" x14ac:dyDescent="0.15">
      <c r="A127" s="8">
        <v>100</v>
      </c>
      <c r="B127" s="21">
        <v>1</v>
      </c>
      <c r="C127" s="6">
        <v>2</v>
      </c>
      <c r="D127" s="5">
        <v>3</v>
      </c>
    </row>
    <row r="128" spans="1:4" ht="18" customHeight="1" x14ac:dyDescent="0.15">
      <c r="A128" s="9" t="s">
        <v>3</v>
      </c>
      <c r="B128" s="21">
        <v>1</v>
      </c>
      <c r="C128" s="6">
        <v>1</v>
      </c>
      <c r="D128" s="5">
        <v>2</v>
      </c>
    </row>
    <row r="129" spans="1:4" ht="18" customHeight="1" x14ac:dyDescent="0.15">
      <c r="A129" s="8" t="s">
        <v>2</v>
      </c>
      <c r="B129" s="21">
        <v>2</v>
      </c>
      <c r="C129" s="6">
        <v>3</v>
      </c>
      <c r="D129" s="5">
        <v>5</v>
      </c>
    </row>
    <row r="130" spans="1:4" ht="18" customHeight="1" x14ac:dyDescent="0.15">
      <c r="A130" s="8" t="s">
        <v>1</v>
      </c>
      <c r="B130" s="21">
        <v>1175</v>
      </c>
      <c r="C130" s="6">
        <v>1484</v>
      </c>
      <c r="D130" s="5">
        <v>2659</v>
      </c>
    </row>
    <row r="131" spans="1:4" ht="18" customHeight="1" x14ac:dyDescent="0.15">
      <c r="A131" s="4" t="s">
        <v>0</v>
      </c>
      <c r="B131" s="20">
        <v>5834</v>
      </c>
      <c r="C131" s="2">
        <v>5904</v>
      </c>
      <c r="D131" s="1">
        <v>1173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B6D2F1-1C53-478B-934A-5D1E297513AA}">
  <sheetPr codeName="Sheet8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58</v>
      </c>
      <c r="C5" s="31">
        <v>37</v>
      </c>
      <c r="D5" s="30">
        <v>95</v>
      </c>
    </row>
    <row r="6" spans="1:4" ht="18" customHeight="1" x14ac:dyDescent="0.15">
      <c r="A6" s="8">
        <v>1</v>
      </c>
      <c r="B6" s="26">
        <v>35</v>
      </c>
      <c r="C6" s="6">
        <v>40</v>
      </c>
      <c r="D6" s="5">
        <v>75</v>
      </c>
    </row>
    <row r="7" spans="1:4" ht="18" customHeight="1" x14ac:dyDescent="0.15">
      <c r="A7" s="8">
        <v>2</v>
      </c>
      <c r="B7" s="26">
        <v>47</v>
      </c>
      <c r="C7" s="6">
        <v>39</v>
      </c>
      <c r="D7" s="5">
        <v>86</v>
      </c>
    </row>
    <row r="8" spans="1:4" ht="18" customHeight="1" x14ac:dyDescent="0.15">
      <c r="A8" s="8">
        <v>3</v>
      </c>
      <c r="B8" s="26">
        <v>45</v>
      </c>
      <c r="C8" s="6">
        <v>46</v>
      </c>
      <c r="D8" s="5">
        <v>91</v>
      </c>
    </row>
    <row r="9" spans="1:4" ht="18" customHeight="1" x14ac:dyDescent="0.15">
      <c r="A9" s="8">
        <v>4</v>
      </c>
      <c r="B9" s="29">
        <v>58</v>
      </c>
      <c r="C9" s="28">
        <v>38</v>
      </c>
      <c r="D9" s="27">
        <v>96</v>
      </c>
    </row>
    <row r="10" spans="1:4" ht="18" customHeight="1" x14ac:dyDescent="0.15">
      <c r="A10" s="8" t="s">
        <v>25</v>
      </c>
      <c r="B10" s="21">
        <v>243</v>
      </c>
      <c r="C10" s="6">
        <v>200</v>
      </c>
      <c r="D10" s="5">
        <v>443</v>
      </c>
    </row>
    <row r="11" spans="1:4" ht="18" customHeight="1" x14ac:dyDescent="0.15">
      <c r="A11" s="8">
        <v>5</v>
      </c>
      <c r="B11" s="26">
        <v>48</v>
      </c>
      <c r="C11" s="6">
        <v>49</v>
      </c>
      <c r="D11" s="5">
        <v>97</v>
      </c>
    </row>
    <row r="12" spans="1:4" ht="18" customHeight="1" x14ac:dyDescent="0.15">
      <c r="A12" s="8">
        <v>6</v>
      </c>
      <c r="B12" s="26">
        <v>41</v>
      </c>
      <c r="C12" s="6">
        <v>40</v>
      </c>
      <c r="D12" s="5">
        <v>81</v>
      </c>
    </row>
    <row r="13" spans="1:4" ht="18" customHeight="1" x14ac:dyDescent="0.15">
      <c r="A13" s="8">
        <v>7</v>
      </c>
      <c r="B13" s="26">
        <v>55</v>
      </c>
      <c r="C13" s="6">
        <v>54</v>
      </c>
      <c r="D13" s="5">
        <v>109</v>
      </c>
    </row>
    <row r="14" spans="1:4" ht="18" customHeight="1" x14ac:dyDescent="0.15">
      <c r="A14" s="8">
        <v>8</v>
      </c>
      <c r="B14" s="26">
        <v>50</v>
      </c>
      <c r="C14" s="6">
        <v>53</v>
      </c>
      <c r="D14" s="5">
        <v>103</v>
      </c>
    </row>
    <row r="15" spans="1:4" ht="18" customHeight="1" x14ac:dyDescent="0.15">
      <c r="A15" s="8">
        <v>9</v>
      </c>
      <c r="B15" s="26">
        <v>76</v>
      </c>
      <c r="C15" s="6">
        <v>49</v>
      </c>
      <c r="D15" s="5">
        <v>125</v>
      </c>
    </row>
    <row r="16" spans="1:4" ht="18" customHeight="1" x14ac:dyDescent="0.15">
      <c r="A16" s="8" t="s">
        <v>24</v>
      </c>
      <c r="B16" s="21">
        <v>270</v>
      </c>
      <c r="C16" s="6">
        <v>245</v>
      </c>
      <c r="D16" s="5">
        <v>515</v>
      </c>
    </row>
    <row r="17" spans="1:4" ht="18" customHeight="1" x14ac:dyDescent="0.15">
      <c r="A17" s="8">
        <v>10</v>
      </c>
      <c r="B17" s="21">
        <v>73</v>
      </c>
      <c r="C17" s="6">
        <v>73</v>
      </c>
      <c r="D17" s="5">
        <v>146</v>
      </c>
    </row>
    <row r="18" spans="1:4" ht="18" customHeight="1" x14ac:dyDescent="0.15">
      <c r="A18" s="8">
        <v>11</v>
      </c>
      <c r="B18" s="21">
        <v>63</v>
      </c>
      <c r="C18" s="6">
        <v>48</v>
      </c>
      <c r="D18" s="5">
        <v>111</v>
      </c>
    </row>
    <row r="19" spans="1:4" ht="18" customHeight="1" x14ac:dyDescent="0.15">
      <c r="A19" s="8">
        <v>12</v>
      </c>
      <c r="B19" s="21">
        <v>62</v>
      </c>
      <c r="C19" s="6">
        <v>85</v>
      </c>
      <c r="D19" s="5">
        <v>147</v>
      </c>
    </row>
    <row r="20" spans="1:4" ht="18" customHeight="1" x14ac:dyDescent="0.15">
      <c r="A20" s="8">
        <v>13</v>
      </c>
      <c r="B20" s="21">
        <v>62</v>
      </c>
      <c r="C20" s="6">
        <v>69</v>
      </c>
      <c r="D20" s="5">
        <v>131</v>
      </c>
    </row>
    <row r="21" spans="1:4" ht="18" customHeight="1" x14ac:dyDescent="0.15">
      <c r="A21" s="8">
        <v>14</v>
      </c>
      <c r="B21" s="21">
        <v>70</v>
      </c>
      <c r="C21" s="6">
        <v>65</v>
      </c>
      <c r="D21" s="5">
        <v>135</v>
      </c>
    </row>
    <row r="22" spans="1:4" ht="18" customHeight="1" x14ac:dyDescent="0.15">
      <c r="A22" s="8" t="s">
        <v>23</v>
      </c>
      <c r="B22" s="21">
        <v>330</v>
      </c>
      <c r="C22" s="6">
        <v>340</v>
      </c>
      <c r="D22" s="5">
        <v>670</v>
      </c>
    </row>
    <row r="23" spans="1:4" ht="18" customHeight="1" x14ac:dyDescent="0.15">
      <c r="A23" s="8" t="s">
        <v>22</v>
      </c>
      <c r="B23" s="21">
        <v>843</v>
      </c>
      <c r="C23" s="6">
        <v>785</v>
      </c>
      <c r="D23" s="5">
        <v>1628</v>
      </c>
    </row>
    <row r="24" spans="1:4" ht="18" customHeight="1" x14ac:dyDescent="0.15">
      <c r="A24" s="8">
        <v>15</v>
      </c>
      <c r="B24" s="21">
        <v>86</v>
      </c>
      <c r="C24" s="6">
        <v>64</v>
      </c>
      <c r="D24" s="5">
        <v>150</v>
      </c>
    </row>
    <row r="25" spans="1:4" ht="18" customHeight="1" x14ac:dyDescent="0.15">
      <c r="A25" s="8">
        <v>16</v>
      </c>
      <c r="B25" s="21">
        <v>76</v>
      </c>
      <c r="C25" s="6">
        <v>79</v>
      </c>
      <c r="D25" s="5">
        <v>155</v>
      </c>
    </row>
    <row r="26" spans="1:4" ht="18" customHeight="1" x14ac:dyDescent="0.15">
      <c r="A26" s="8">
        <v>17</v>
      </c>
      <c r="B26" s="21">
        <v>78</v>
      </c>
      <c r="C26" s="6">
        <v>71</v>
      </c>
      <c r="D26" s="5">
        <v>149</v>
      </c>
    </row>
    <row r="27" spans="1:4" ht="18" customHeight="1" x14ac:dyDescent="0.15">
      <c r="A27" s="8">
        <v>18</v>
      </c>
      <c r="B27" s="21">
        <v>65</v>
      </c>
      <c r="C27" s="6">
        <v>80</v>
      </c>
      <c r="D27" s="5">
        <v>145</v>
      </c>
    </row>
    <row r="28" spans="1:4" ht="18" customHeight="1" x14ac:dyDescent="0.15">
      <c r="A28" s="8">
        <v>19</v>
      </c>
      <c r="B28" s="21">
        <v>79</v>
      </c>
      <c r="C28" s="6">
        <v>63</v>
      </c>
      <c r="D28" s="5">
        <v>142</v>
      </c>
    </row>
    <row r="29" spans="1:4" ht="18" customHeight="1" x14ac:dyDescent="0.15">
      <c r="A29" s="8" t="s">
        <v>21</v>
      </c>
      <c r="B29" s="21">
        <v>384</v>
      </c>
      <c r="C29" s="6">
        <v>357</v>
      </c>
      <c r="D29" s="5">
        <v>741</v>
      </c>
    </row>
    <row r="30" spans="1:4" ht="18" customHeight="1" x14ac:dyDescent="0.15">
      <c r="A30" s="8">
        <v>20</v>
      </c>
      <c r="B30" s="21">
        <v>73</v>
      </c>
      <c r="C30" s="6">
        <v>64</v>
      </c>
      <c r="D30" s="5">
        <v>137</v>
      </c>
    </row>
    <row r="31" spans="1:4" ht="18" customHeight="1" x14ac:dyDescent="0.15">
      <c r="A31" s="8">
        <v>21</v>
      </c>
      <c r="B31" s="21">
        <v>76</v>
      </c>
      <c r="C31" s="6">
        <v>58</v>
      </c>
      <c r="D31" s="5">
        <v>134</v>
      </c>
    </row>
    <row r="32" spans="1:4" ht="18" customHeight="1" x14ac:dyDescent="0.15">
      <c r="A32" s="8">
        <v>22</v>
      </c>
      <c r="B32" s="21">
        <v>76</v>
      </c>
      <c r="C32" s="6">
        <v>58</v>
      </c>
      <c r="D32" s="5">
        <v>134</v>
      </c>
    </row>
    <row r="33" spans="1:4" ht="18" customHeight="1" x14ac:dyDescent="0.15">
      <c r="A33" s="8">
        <v>23</v>
      </c>
      <c r="B33" s="21">
        <v>72</v>
      </c>
      <c r="C33" s="6">
        <v>58</v>
      </c>
      <c r="D33" s="5">
        <v>130</v>
      </c>
    </row>
    <row r="34" spans="1:4" ht="18" customHeight="1" x14ac:dyDescent="0.15">
      <c r="A34" s="8">
        <v>24</v>
      </c>
      <c r="B34" s="21">
        <v>78</v>
      </c>
      <c r="C34" s="6">
        <v>64</v>
      </c>
      <c r="D34" s="5">
        <v>142</v>
      </c>
    </row>
    <row r="35" spans="1:4" ht="18" customHeight="1" x14ac:dyDescent="0.15">
      <c r="A35" s="8" t="s">
        <v>20</v>
      </c>
      <c r="B35" s="21">
        <v>375</v>
      </c>
      <c r="C35" s="6">
        <v>302</v>
      </c>
      <c r="D35" s="5">
        <v>677</v>
      </c>
    </row>
    <row r="36" spans="1:4" ht="18" customHeight="1" x14ac:dyDescent="0.15">
      <c r="A36" s="8">
        <v>25</v>
      </c>
      <c r="B36" s="21">
        <v>76</v>
      </c>
      <c r="C36" s="6">
        <v>59</v>
      </c>
      <c r="D36" s="5">
        <v>135</v>
      </c>
    </row>
    <row r="37" spans="1:4" ht="18" customHeight="1" x14ac:dyDescent="0.15">
      <c r="A37" s="8">
        <v>26</v>
      </c>
      <c r="B37" s="21">
        <v>72</v>
      </c>
      <c r="C37" s="6">
        <v>67</v>
      </c>
      <c r="D37" s="5">
        <v>139</v>
      </c>
    </row>
    <row r="38" spans="1:4" ht="18" customHeight="1" x14ac:dyDescent="0.15">
      <c r="A38" s="8">
        <v>27</v>
      </c>
      <c r="B38" s="21">
        <v>72</v>
      </c>
      <c r="C38" s="6">
        <v>68</v>
      </c>
      <c r="D38" s="5">
        <v>140</v>
      </c>
    </row>
    <row r="39" spans="1:4" ht="18" customHeight="1" x14ac:dyDescent="0.15">
      <c r="A39" s="8">
        <v>28</v>
      </c>
      <c r="B39" s="21">
        <v>73</v>
      </c>
      <c r="C39" s="6">
        <v>70</v>
      </c>
      <c r="D39" s="5">
        <v>143</v>
      </c>
    </row>
    <row r="40" spans="1:4" ht="18" customHeight="1" x14ac:dyDescent="0.15">
      <c r="A40" s="8">
        <v>29</v>
      </c>
      <c r="B40" s="21">
        <v>85</v>
      </c>
      <c r="C40" s="6">
        <v>68</v>
      </c>
      <c r="D40" s="5">
        <v>153</v>
      </c>
    </row>
    <row r="41" spans="1:4" ht="18" customHeight="1" x14ac:dyDescent="0.15">
      <c r="A41" s="8" t="s">
        <v>19</v>
      </c>
      <c r="B41" s="21">
        <v>378</v>
      </c>
      <c r="C41" s="6">
        <v>332</v>
      </c>
      <c r="D41" s="5">
        <v>710</v>
      </c>
    </row>
    <row r="42" spans="1:4" ht="18" customHeight="1" x14ac:dyDescent="0.15">
      <c r="A42" s="8">
        <v>30</v>
      </c>
      <c r="B42" s="21">
        <v>96</v>
      </c>
      <c r="C42" s="6">
        <v>65</v>
      </c>
      <c r="D42" s="5">
        <v>161</v>
      </c>
    </row>
    <row r="43" spans="1:4" ht="18" customHeight="1" x14ac:dyDescent="0.15">
      <c r="A43" s="8">
        <v>31</v>
      </c>
      <c r="B43" s="21">
        <v>78</v>
      </c>
      <c r="C43" s="6">
        <v>69</v>
      </c>
      <c r="D43" s="5">
        <v>147</v>
      </c>
    </row>
    <row r="44" spans="1:4" ht="18" customHeight="1" x14ac:dyDescent="0.15">
      <c r="A44" s="8">
        <v>32</v>
      </c>
      <c r="B44" s="21">
        <v>62</v>
      </c>
      <c r="C44" s="6">
        <v>77</v>
      </c>
      <c r="D44" s="5">
        <v>139</v>
      </c>
    </row>
    <row r="45" spans="1:4" ht="18" customHeight="1" x14ac:dyDescent="0.15">
      <c r="A45" s="8">
        <v>33</v>
      </c>
      <c r="B45" s="21">
        <v>76</v>
      </c>
      <c r="C45" s="6">
        <v>60</v>
      </c>
      <c r="D45" s="5">
        <v>136</v>
      </c>
    </row>
    <row r="46" spans="1:4" ht="18" customHeight="1" x14ac:dyDescent="0.15">
      <c r="A46" s="8">
        <v>34</v>
      </c>
      <c r="B46" s="21">
        <v>72</v>
      </c>
      <c r="C46" s="6">
        <v>47</v>
      </c>
      <c r="D46" s="5">
        <v>119</v>
      </c>
    </row>
    <row r="47" spans="1:4" ht="18" customHeight="1" x14ac:dyDescent="0.15">
      <c r="A47" s="8" t="s">
        <v>18</v>
      </c>
      <c r="B47" s="21">
        <v>384</v>
      </c>
      <c r="C47" s="6">
        <v>318</v>
      </c>
      <c r="D47" s="5">
        <v>702</v>
      </c>
    </row>
    <row r="48" spans="1:4" ht="18" customHeight="1" x14ac:dyDescent="0.15">
      <c r="A48" s="8">
        <v>35</v>
      </c>
      <c r="B48" s="21">
        <v>67</v>
      </c>
      <c r="C48" s="6">
        <v>68</v>
      </c>
      <c r="D48" s="5">
        <v>135</v>
      </c>
    </row>
    <row r="49" spans="1:4" ht="18" customHeight="1" x14ac:dyDescent="0.15">
      <c r="A49" s="8">
        <v>36</v>
      </c>
      <c r="B49" s="21">
        <v>66</v>
      </c>
      <c r="C49" s="6">
        <v>58</v>
      </c>
      <c r="D49" s="5">
        <v>124</v>
      </c>
    </row>
    <row r="50" spans="1:4" ht="18" customHeight="1" x14ac:dyDescent="0.15">
      <c r="A50" s="8">
        <v>37</v>
      </c>
      <c r="B50" s="21">
        <v>69</v>
      </c>
      <c r="C50" s="6">
        <v>49</v>
      </c>
      <c r="D50" s="5">
        <v>118</v>
      </c>
    </row>
    <row r="51" spans="1:4" ht="18" customHeight="1" x14ac:dyDescent="0.15">
      <c r="A51" s="8">
        <v>38</v>
      </c>
      <c r="B51" s="21">
        <v>56</v>
      </c>
      <c r="C51" s="6">
        <v>67</v>
      </c>
      <c r="D51" s="5">
        <v>123</v>
      </c>
    </row>
    <row r="52" spans="1:4" ht="18" customHeight="1" x14ac:dyDescent="0.15">
      <c r="A52" s="8">
        <v>39</v>
      </c>
      <c r="B52" s="21">
        <v>68</v>
      </c>
      <c r="C52" s="6">
        <v>60</v>
      </c>
      <c r="D52" s="5">
        <v>128</v>
      </c>
    </row>
    <row r="53" spans="1:4" ht="18" customHeight="1" x14ac:dyDescent="0.15">
      <c r="A53" s="8" t="s">
        <v>17</v>
      </c>
      <c r="B53" s="21">
        <v>326</v>
      </c>
      <c r="C53" s="6">
        <v>302</v>
      </c>
      <c r="D53" s="5">
        <v>628</v>
      </c>
    </row>
    <row r="54" spans="1:4" ht="18" customHeight="1" x14ac:dyDescent="0.15">
      <c r="A54" s="8">
        <v>40</v>
      </c>
      <c r="B54" s="21">
        <v>69</v>
      </c>
      <c r="C54" s="6">
        <v>76</v>
      </c>
      <c r="D54" s="5">
        <v>145</v>
      </c>
    </row>
    <row r="55" spans="1:4" ht="18" customHeight="1" x14ac:dyDescent="0.15">
      <c r="A55" s="8">
        <v>41</v>
      </c>
      <c r="B55" s="21">
        <v>61</v>
      </c>
      <c r="C55" s="6">
        <v>89</v>
      </c>
      <c r="D55" s="5">
        <v>150</v>
      </c>
    </row>
    <row r="56" spans="1:4" ht="18" customHeight="1" x14ac:dyDescent="0.15">
      <c r="A56" s="8">
        <v>42</v>
      </c>
      <c r="B56" s="21">
        <v>97</v>
      </c>
      <c r="C56" s="6">
        <v>84</v>
      </c>
      <c r="D56" s="5">
        <v>181</v>
      </c>
    </row>
    <row r="57" spans="1:4" ht="18" customHeight="1" x14ac:dyDescent="0.15">
      <c r="A57" s="8">
        <v>43</v>
      </c>
      <c r="B57" s="21">
        <v>76</v>
      </c>
      <c r="C57" s="6">
        <v>73</v>
      </c>
      <c r="D57" s="5">
        <v>149</v>
      </c>
    </row>
    <row r="58" spans="1:4" ht="18" customHeight="1" x14ac:dyDescent="0.15">
      <c r="A58" s="8">
        <v>44</v>
      </c>
      <c r="B58" s="21">
        <v>81</v>
      </c>
      <c r="C58" s="6">
        <v>91</v>
      </c>
      <c r="D58" s="5">
        <v>172</v>
      </c>
    </row>
    <row r="59" spans="1:4" ht="18" customHeight="1" x14ac:dyDescent="0.15">
      <c r="A59" s="8" t="s">
        <v>16</v>
      </c>
      <c r="B59" s="21">
        <v>384</v>
      </c>
      <c r="C59" s="6">
        <v>413</v>
      </c>
      <c r="D59" s="5">
        <v>797</v>
      </c>
    </row>
    <row r="60" spans="1:4" ht="18" customHeight="1" x14ac:dyDescent="0.15">
      <c r="A60" s="8">
        <v>45</v>
      </c>
      <c r="B60" s="21">
        <v>109</v>
      </c>
      <c r="C60" s="6">
        <v>92</v>
      </c>
      <c r="D60" s="5">
        <v>201</v>
      </c>
    </row>
    <row r="61" spans="1:4" ht="18" customHeight="1" x14ac:dyDescent="0.15">
      <c r="A61" s="8">
        <v>46</v>
      </c>
      <c r="B61" s="21">
        <v>77</v>
      </c>
      <c r="C61" s="6">
        <v>91</v>
      </c>
      <c r="D61" s="5">
        <v>168</v>
      </c>
    </row>
    <row r="62" spans="1:4" ht="18" customHeight="1" x14ac:dyDescent="0.15">
      <c r="A62" s="8">
        <v>47</v>
      </c>
      <c r="B62" s="21">
        <v>119</v>
      </c>
      <c r="C62" s="6">
        <v>106</v>
      </c>
      <c r="D62" s="5">
        <v>225</v>
      </c>
    </row>
    <row r="63" spans="1:4" ht="18" customHeight="1" x14ac:dyDescent="0.15">
      <c r="A63" s="8">
        <v>48</v>
      </c>
      <c r="B63" s="21">
        <v>109</v>
      </c>
      <c r="C63" s="6">
        <v>126</v>
      </c>
      <c r="D63" s="5">
        <v>235</v>
      </c>
    </row>
    <row r="64" spans="1:4" ht="18" customHeight="1" x14ac:dyDescent="0.15">
      <c r="A64" s="8">
        <v>49</v>
      </c>
      <c r="B64" s="21">
        <v>116</v>
      </c>
      <c r="C64" s="6">
        <v>120</v>
      </c>
      <c r="D64" s="5">
        <v>236</v>
      </c>
    </row>
    <row r="65" spans="1:4" ht="18" customHeight="1" x14ac:dyDescent="0.15">
      <c r="A65" s="8" t="s">
        <v>15</v>
      </c>
      <c r="B65" s="21">
        <v>530</v>
      </c>
      <c r="C65" s="6">
        <v>535</v>
      </c>
      <c r="D65" s="5">
        <v>1065</v>
      </c>
    </row>
    <row r="66" spans="1:4" ht="18" customHeight="1" x14ac:dyDescent="0.15">
      <c r="A66" s="8">
        <v>50</v>
      </c>
      <c r="B66" s="21">
        <v>103</v>
      </c>
      <c r="C66" s="6">
        <v>91</v>
      </c>
      <c r="D66" s="5">
        <v>194</v>
      </c>
    </row>
    <row r="67" spans="1:4" ht="18" customHeight="1" x14ac:dyDescent="0.15">
      <c r="A67" s="8">
        <v>51</v>
      </c>
      <c r="B67" s="21">
        <v>120</v>
      </c>
      <c r="C67" s="6">
        <v>116</v>
      </c>
      <c r="D67" s="5">
        <v>236</v>
      </c>
    </row>
    <row r="68" spans="1:4" ht="18" customHeight="1" x14ac:dyDescent="0.15">
      <c r="A68" s="8">
        <v>52</v>
      </c>
      <c r="B68" s="21">
        <v>119</v>
      </c>
      <c r="C68" s="6">
        <v>118</v>
      </c>
      <c r="D68" s="5">
        <v>237</v>
      </c>
    </row>
    <row r="69" spans="1:4" ht="18" customHeight="1" x14ac:dyDescent="0.15">
      <c r="A69" s="8">
        <v>53</v>
      </c>
      <c r="B69" s="21">
        <v>106</v>
      </c>
      <c r="C69" s="6">
        <v>113</v>
      </c>
      <c r="D69" s="5">
        <v>219</v>
      </c>
    </row>
    <row r="70" spans="1:4" ht="18" customHeight="1" x14ac:dyDescent="0.15">
      <c r="A70" s="8">
        <v>54</v>
      </c>
      <c r="B70" s="21">
        <v>90</v>
      </c>
      <c r="C70" s="6">
        <v>107</v>
      </c>
      <c r="D70" s="5">
        <v>197</v>
      </c>
    </row>
    <row r="71" spans="1:4" ht="18" customHeight="1" x14ac:dyDescent="0.15">
      <c r="A71" s="8" t="s">
        <v>14</v>
      </c>
      <c r="B71" s="21">
        <v>538</v>
      </c>
      <c r="C71" s="6">
        <v>545</v>
      </c>
      <c r="D71" s="5">
        <v>1083</v>
      </c>
    </row>
    <row r="72" spans="1:4" ht="18" customHeight="1" x14ac:dyDescent="0.15">
      <c r="A72" s="8">
        <v>55</v>
      </c>
      <c r="B72" s="21">
        <v>79</v>
      </c>
      <c r="C72" s="6">
        <v>96</v>
      </c>
      <c r="D72" s="5">
        <v>175</v>
      </c>
    </row>
    <row r="73" spans="1:4" ht="18" customHeight="1" x14ac:dyDescent="0.15">
      <c r="A73" s="8">
        <v>56</v>
      </c>
      <c r="B73" s="21">
        <v>93</v>
      </c>
      <c r="C73" s="6">
        <v>82</v>
      </c>
      <c r="D73" s="5">
        <v>175</v>
      </c>
    </row>
    <row r="74" spans="1:4" ht="18" customHeight="1" x14ac:dyDescent="0.15">
      <c r="A74" s="8">
        <v>57</v>
      </c>
      <c r="B74" s="21">
        <v>91</v>
      </c>
      <c r="C74" s="6">
        <v>80</v>
      </c>
      <c r="D74" s="5">
        <v>171</v>
      </c>
    </row>
    <row r="75" spans="1:4" ht="18" customHeight="1" x14ac:dyDescent="0.15">
      <c r="A75" s="8">
        <v>58</v>
      </c>
      <c r="B75" s="21">
        <v>74</v>
      </c>
      <c r="C75" s="6">
        <v>63</v>
      </c>
      <c r="D75" s="5">
        <v>137</v>
      </c>
    </row>
    <row r="76" spans="1:4" ht="18" customHeight="1" x14ac:dyDescent="0.15">
      <c r="A76" s="8">
        <v>59</v>
      </c>
      <c r="B76" s="21">
        <v>46</v>
      </c>
      <c r="C76" s="6">
        <v>42</v>
      </c>
      <c r="D76" s="5">
        <v>88</v>
      </c>
    </row>
    <row r="77" spans="1:4" ht="18" customHeight="1" x14ac:dyDescent="0.15">
      <c r="A77" s="8" t="s">
        <v>13</v>
      </c>
      <c r="B77" s="21">
        <v>383</v>
      </c>
      <c r="C77" s="6">
        <v>363</v>
      </c>
      <c r="D77" s="5">
        <v>746</v>
      </c>
    </row>
    <row r="78" spans="1:4" ht="18" customHeight="1" x14ac:dyDescent="0.15">
      <c r="A78" s="8">
        <v>60</v>
      </c>
      <c r="B78" s="21">
        <v>63</v>
      </c>
      <c r="C78" s="6">
        <v>81</v>
      </c>
      <c r="D78" s="5">
        <v>144</v>
      </c>
    </row>
    <row r="79" spans="1:4" ht="18" customHeight="1" x14ac:dyDescent="0.15">
      <c r="A79" s="8">
        <v>61</v>
      </c>
      <c r="B79" s="21">
        <v>56</v>
      </c>
      <c r="C79" s="6">
        <v>66</v>
      </c>
      <c r="D79" s="5">
        <v>122</v>
      </c>
    </row>
    <row r="80" spans="1:4" ht="18" customHeight="1" x14ac:dyDescent="0.15">
      <c r="A80" s="8">
        <v>62</v>
      </c>
      <c r="B80" s="21">
        <v>71</v>
      </c>
      <c r="C80" s="6">
        <v>65</v>
      </c>
      <c r="D80" s="5">
        <v>136</v>
      </c>
    </row>
    <row r="81" spans="1:4" ht="18" customHeight="1" x14ac:dyDescent="0.15">
      <c r="A81" s="8">
        <v>63</v>
      </c>
      <c r="B81" s="21">
        <v>65</v>
      </c>
      <c r="C81" s="6">
        <v>60</v>
      </c>
      <c r="D81" s="5">
        <v>125</v>
      </c>
    </row>
    <row r="82" spans="1:4" ht="18" customHeight="1" x14ac:dyDescent="0.15">
      <c r="A82" s="8">
        <v>64</v>
      </c>
      <c r="B82" s="21">
        <v>54</v>
      </c>
      <c r="C82" s="6">
        <v>71</v>
      </c>
      <c r="D82" s="5">
        <v>125</v>
      </c>
    </row>
    <row r="83" spans="1:4" ht="18" customHeight="1" x14ac:dyDescent="0.15">
      <c r="A83" s="8" t="s">
        <v>12</v>
      </c>
      <c r="B83" s="21">
        <v>309</v>
      </c>
      <c r="C83" s="6">
        <v>343</v>
      </c>
      <c r="D83" s="5">
        <v>652</v>
      </c>
    </row>
    <row r="84" spans="1:4" ht="18" customHeight="1" x14ac:dyDescent="0.15">
      <c r="A84" s="8" t="s">
        <v>11</v>
      </c>
      <c r="B84" s="21">
        <v>3991</v>
      </c>
      <c r="C84" s="6">
        <v>3810</v>
      </c>
      <c r="D84" s="5">
        <v>7801</v>
      </c>
    </row>
    <row r="85" spans="1:4" ht="18" customHeight="1" x14ac:dyDescent="0.15">
      <c r="A85" s="8">
        <v>65</v>
      </c>
      <c r="B85" s="21">
        <v>56</v>
      </c>
      <c r="C85" s="6">
        <v>55</v>
      </c>
      <c r="D85" s="5">
        <v>111</v>
      </c>
    </row>
    <row r="86" spans="1:4" ht="18" customHeight="1" x14ac:dyDescent="0.15">
      <c r="A86" s="8">
        <v>66</v>
      </c>
      <c r="B86" s="21">
        <v>62</v>
      </c>
      <c r="C86" s="6">
        <v>49</v>
      </c>
      <c r="D86" s="5">
        <v>111</v>
      </c>
    </row>
    <row r="87" spans="1:4" ht="18" customHeight="1" x14ac:dyDescent="0.15">
      <c r="A87" s="8">
        <v>67</v>
      </c>
      <c r="B87" s="21">
        <v>49</v>
      </c>
      <c r="C87" s="6">
        <v>57</v>
      </c>
      <c r="D87" s="5">
        <v>106</v>
      </c>
    </row>
    <row r="88" spans="1:4" ht="18" customHeight="1" x14ac:dyDescent="0.15">
      <c r="A88" s="8">
        <v>68</v>
      </c>
      <c r="B88" s="21">
        <v>45</v>
      </c>
      <c r="C88" s="6">
        <v>50</v>
      </c>
      <c r="D88" s="5">
        <v>95</v>
      </c>
    </row>
    <row r="89" spans="1:4" ht="18" customHeight="1" x14ac:dyDescent="0.15">
      <c r="A89" s="8">
        <v>69</v>
      </c>
      <c r="B89" s="21">
        <v>54</v>
      </c>
      <c r="C89" s="6">
        <v>56</v>
      </c>
      <c r="D89" s="5">
        <v>110</v>
      </c>
    </row>
    <row r="90" spans="1:4" ht="18" customHeight="1" x14ac:dyDescent="0.15">
      <c r="A90" s="8" t="s">
        <v>10</v>
      </c>
      <c r="B90" s="21">
        <v>266</v>
      </c>
      <c r="C90" s="6">
        <v>267</v>
      </c>
      <c r="D90" s="5">
        <v>533</v>
      </c>
    </row>
    <row r="91" spans="1:4" ht="18" customHeight="1" x14ac:dyDescent="0.15">
      <c r="A91" s="8">
        <v>70</v>
      </c>
      <c r="B91" s="21">
        <v>55</v>
      </c>
      <c r="C91" s="6">
        <v>53</v>
      </c>
      <c r="D91" s="5">
        <v>108</v>
      </c>
    </row>
    <row r="92" spans="1:4" ht="18" customHeight="1" x14ac:dyDescent="0.15">
      <c r="A92" s="8">
        <v>71</v>
      </c>
      <c r="B92" s="21">
        <v>43</v>
      </c>
      <c r="C92" s="6">
        <v>59</v>
      </c>
      <c r="D92" s="5">
        <v>102</v>
      </c>
    </row>
    <row r="93" spans="1:4" ht="18" customHeight="1" x14ac:dyDescent="0.15">
      <c r="A93" s="8">
        <v>72</v>
      </c>
      <c r="B93" s="21">
        <v>53</v>
      </c>
      <c r="C93" s="6">
        <v>59</v>
      </c>
      <c r="D93" s="5">
        <v>112</v>
      </c>
    </row>
    <row r="94" spans="1:4" ht="18" customHeight="1" x14ac:dyDescent="0.15">
      <c r="A94" s="8">
        <v>73</v>
      </c>
      <c r="B94" s="21">
        <v>55</v>
      </c>
      <c r="C94" s="6">
        <v>54</v>
      </c>
      <c r="D94" s="5">
        <v>109</v>
      </c>
    </row>
    <row r="95" spans="1:4" ht="18" customHeight="1" x14ac:dyDescent="0.15">
      <c r="A95" s="8">
        <v>74</v>
      </c>
      <c r="B95" s="21">
        <v>39</v>
      </c>
      <c r="C95" s="6">
        <v>63</v>
      </c>
      <c r="D95" s="5">
        <v>102</v>
      </c>
    </row>
    <row r="96" spans="1:4" ht="18" customHeight="1" x14ac:dyDescent="0.15">
      <c r="A96" s="8" t="s">
        <v>9</v>
      </c>
      <c r="B96" s="21">
        <v>245</v>
      </c>
      <c r="C96" s="6">
        <v>288</v>
      </c>
      <c r="D96" s="5">
        <v>533</v>
      </c>
    </row>
    <row r="97" spans="1:4" ht="18" customHeight="1" x14ac:dyDescent="0.15">
      <c r="A97" s="8">
        <v>75</v>
      </c>
      <c r="B97" s="21">
        <v>53</v>
      </c>
      <c r="C97" s="6">
        <v>65</v>
      </c>
      <c r="D97" s="5">
        <v>118</v>
      </c>
    </row>
    <row r="98" spans="1:4" ht="18" customHeight="1" x14ac:dyDescent="0.15">
      <c r="A98" s="8">
        <v>76</v>
      </c>
      <c r="B98" s="21">
        <v>53</v>
      </c>
      <c r="C98" s="6">
        <v>67</v>
      </c>
      <c r="D98" s="5">
        <v>120</v>
      </c>
    </row>
    <row r="99" spans="1:4" ht="18" customHeight="1" x14ac:dyDescent="0.15">
      <c r="A99" s="8">
        <v>77</v>
      </c>
      <c r="B99" s="21">
        <v>51</v>
      </c>
      <c r="C99" s="6">
        <v>67</v>
      </c>
      <c r="D99" s="5">
        <v>118</v>
      </c>
    </row>
    <row r="100" spans="1:4" ht="18" customHeight="1" x14ac:dyDescent="0.15">
      <c r="A100" s="8">
        <v>78</v>
      </c>
      <c r="B100" s="21">
        <v>56</v>
      </c>
      <c r="C100" s="6">
        <v>87</v>
      </c>
      <c r="D100" s="5">
        <v>143</v>
      </c>
    </row>
    <row r="101" spans="1:4" ht="18" customHeight="1" x14ac:dyDescent="0.15">
      <c r="A101" s="8">
        <v>79</v>
      </c>
      <c r="B101" s="21">
        <v>33</v>
      </c>
      <c r="C101" s="6">
        <v>37</v>
      </c>
      <c r="D101" s="5">
        <v>70</v>
      </c>
    </row>
    <row r="102" spans="1:4" ht="18" customHeight="1" x14ac:dyDescent="0.15">
      <c r="A102" s="8" t="s">
        <v>8</v>
      </c>
      <c r="B102" s="21">
        <v>246</v>
      </c>
      <c r="C102" s="6">
        <v>323</v>
      </c>
      <c r="D102" s="5">
        <v>569</v>
      </c>
    </row>
    <row r="103" spans="1:4" ht="18" customHeight="1" x14ac:dyDescent="0.15">
      <c r="A103" s="8">
        <v>80</v>
      </c>
      <c r="B103" s="21">
        <v>28</v>
      </c>
      <c r="C103" s="6">
        <v>28</v>
      </c>
      <c r="D103" s="5">
        <v>56</v>
      </c>
    </row>
    <row r="104" spans="1:4" ht="18" customHeight="1" x14ac:dyDescent="0.15">
      <c r="A104" s="8">
        <v>81</v>
      </c>
      <c r="B104" s="21">
        <v>30</v>
      </c>
      <c r="C104" s="6">
        <v>50</v>
      </c>
      <c r="D104" s="5">
        <v>80</v>
      </c>
    </row>
    <row r="105" spans="1:4" ht="18" customHeight="1" x14ac:dyDescent="0.15">
      <c r="A105" s="8">
        <v>82</v>
      </c>
      <c r="B105" s="21">
        <v>34</v>
      </c>
      <c r="C105" s="6">
        <v>36</v>
      </c>
      <c r="D105" s="5">
        <v>70</v>
      </c>
    </row>
    <row r="106" spans="1:4" ht="18" customHeight="1" x14ac:dyDescent="0.15">
      <c r="A106" s="8">
        <v>83</v>
      </c>
      <c r="B106" s="21">
        <v>35</v>
      </c>
      <c r="C106" s="6">
        <v>50</v>
      </c>
      <c r="D106" s="5">
        <v>85</v>
      </c>
    </row>
    <row r="107" spans="1:4" ht="18" customHeight="1" x14ac:dyDescent="0.15">
      <c r="A107" s="8">
        <v>84</v>
      </c>
      <c r="B107" s="21">
        <v>27</v>
      </c>
      <c r="C107" s="6">
        <v>33</v>
      </c>
      <c r="D107" s="5">
        <v>60</v>
      </c>
    </row>
    <row r="108" spans="1:4" ht="18" customHeight="1" x14ac:dyDescent="0.15">
      <c r="A108" s="8" t="s">
        <v>7</v>
      </c>
      <c r="B108" s="21">
        <v>154</v>
      </c>
      <c r="C108" s="6">
        <v>197</v>
      </c>
      <c r="D108" s="5">
        <v>351</v>
      </c>
    </row>
    <row r="109" spans="1:4" ht="18" customHeight="1" x14ac:dyDescent="0.15">
      <c r="A109" s="8">
        <v>85</v>
      </c>
      <c r="B109" s="21">
        <v>21</v>
      </c>
      <c r="C109" s="6">
        <v>30</v>
      </c>
      <c r="D109" s="5">
        <v>51</v>
      </c>
    </row>
    <row r="110" spans="1:4" ht="18" customHeight="1" x14ac:dyDescent="0.15">
      <c r="A110" s="8">
        <v>86</v>
      </c>
      <c r="B110" s="21">
        <v>15</v>
      </c>
      <c r="C110" s="6">
        <v>33</v>
      </c>
      <c r="D110" s="5">
        <v>48</v>
      </c>
    </row>
    <row r="111" spans="1:4" ht="18" customHeight="1" x14ac:dyDescent="0.15">
      <c r="A111" s="8">
        <v>87</v>
      </c>
      <c r="B111" s="21">
        <v>19</v>
      </c>
      <c r="C111" s="6">
        <v>22</v>
      </c>
      <c r="D111" s="5">
        <v>41</v>
      </c>
    </row>
    <row r="112" spans="1:4" ht="18" customHeight="1" x14ac:dyDescent="0.15">
      <c r="A112" s="8">
        <v>88</v>
      </c>
      <c r="B112" s="21">
        <v>14</v>
      </c>
      <c r="C112" s="6">
        <v>20</v>
      </c>
      <c r="D112" s="5">
        <v>34</v>
      </c>
    </row>
    <row r="113" spans="1:4" ht="18" customHeight="1" x14ac:dyDescent="0.15">
      <c r="A113" s="8">
        <v>89</v>
      </c>
      <c r="B113" s="21">
        <v>9</v>
      </c>
      <c r="C113" s="6">
        <v>30</v>
      </c>
      <c r="D113" s="5">
        <v>39</v>
      </c>
    </row>
    <row r="114" spans="1:4" ht="18" customHeight="1" x14ac:dyDescent="0.15">
      <c r="A114" s="8" t="s">
        <v>6</v>
      </c>
      <c r="B114" s="21">
        <v>78</v>
      </c>
      <c r="C114" s="6">
        <v>135</v>
      </c>
      <c r="D114" s="5">
        <v>213</v>
      </c>
    </row>
    <row r="115" spans="1:4" ht="18" customHeight="1" x14ac:dyDescent="0.15">
      <c r="A115" s="8">
        <v>90</v>
      </c>
      <c r="B115" s="21">
        <v>12</v>
      </c>
      <c r="C115" s="6">
        <v>25</v>
      </c>
      <c r="D115" s="5">
        <v>37</v>
      </c>
    </row>
    <row r="116" spans="1:4" ht="18" customHeight="1" x14ac:dyDescent="0.15">
      <c r="A116" s="8">
        <v>91</v>
      </c>
      <c r="B116" s="21">
        <v>8</v>
      </c>
      <c r="C116" s="6">
        <v>20</v>
      </c>
      <c r="D116" s="5">
        <v>28</v>
      </c>
    </row>
    <row r="117" spans="1:4" ht="18" customHeight="1" x14ac:dyDescent="0.15">
      <c r="A117" s="8">
        <v>92</v>
      </c>
      <c r="B117" s="21">
        <v>9</v>
      </c>
      <c r="C117" s="6">
        <v>31</v>
      </c>
      <c r="D117" s="5">
        <v>40</v>
      </c>
    </row>
    <row r="118" spans="1:4" ht="18" customHeight="1" x14ac:dyDescent="0.15">
      <c r="A118" s="8">
        <v>93</v>
      </c>
      <c r="B118" s="21">
        <v>0</v>
      </c>
      <c r="C118" s="6">
        <v>28</v>
      </c>
      <c r="D118" s="5">
        <v>28</v>
      </c>
    </row>
    <row r="119" spans="1:4" ht="18" customHeight="1" x14ac:dyDescent="0.15">
      <c r="A119" s="8">
        <v>94</v>
      </c>
      <c r="B119" s="21">
        <v>3</v>
      </c>
      <c r="C119" s="6">
        <v>15</v>
      </c>
      <c r="D119" s="5">
        <v>18</v>
      </c>
    </row>
    <row r="120" spans="1:4" ht="18" customHeight="1" x14ac:dyDescent="0.15">
      <c r="A120" s="8" t="s">
        <v>5</v>
      </c>
      <c r="B120" s="21">
        <v>32</v>
      </c>
      <c r="C120" s="6">
        <v>119</v>
      </c>
      <c r="D120" s="5">
        <v>151</v>
      </c>
    </row>
    <row r="121" spans="1:4" ht="18" customHeight="1" x14ac:dyDescent="0.15">
      <c r="A121" s="8">
        <v>95</v>
      </c>
      <c r="B121" s="21">
        <v>5</v>
      </c>
      <c r="C121" s="6">
        <v>13</v>
      </c>
      <c r="D121" s="5">
        <v>18</v>
      </c>
    </row>
    <row r="122" spans="1:4" ht="18" customHeight="1" x14ac:dyDescent="0.15">
      <c r="A122" s="8">
        <v>96</v>
      </c>
      <c r="B122" s="21">
        <v>2</v>
      </c>
      <c r="C122" s="6">
        <v>6</v>
      </c>
      <c r="D122" s="5">
        <v>8</v>
      </c>
    </row>
    <row r="123" spans="1:4" ht="18" customHeight="1" x14ac:dyDescent="0.15">
      <c r="A123" s="8">
        <v>97</v>
      </c>
      <c r="B123" s="21">
        <v>3</v>
      </c>
      <c r="C123" s="6">
        <v>7</v>
      </c>
      <c r="D123" s="5">
        <v>10</v>
      </c>
    </row>
    <row r="124" spans="1:4" ht="18" customHeight="1" x14ac:dyDescent="0.15">
      <c r="A124" s="8">
        <v>98</v>
      </c>
      <c r="B124" s="21">
        <v>3</v>
      </c>
      <c r="C124" s="6">
        <v>6</v>
      </c>
      <c r="D124" s="5">
        <v>9</v>
      </c>
    </row>
    <row r="125" spans="1:4" ht="18" customHeight="1" x14ac:dyDescent="0.15">
      <c r="A125" s="8">
        <v>99</v>
      </c>
      <c r="B125" s="21">
        <v>1</v>
      </c>
      <c r="C125" s="6">
        <v>3</v>
      </c>
      <c r="D125" s="5">
        <v>4</v>
      </c>
    </row>
    <row r="126" spans="1:4" ht="18" customHeight="1" x14ac:dyDescent="0.15">
      <c r="A126" s="8" t="s">
        <v>4</v>
      </c>
      <c r="B126" s="21">
        <v>14</v>
      </c>
      <c r="C126" s="6">
        <v>35</v>
      </c>
      <c r="D126" s="5">
        <v>49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8</v>
      </c>
      <c r="D128" s="5">
        <v>8</v>
      </c>
    </row>
    <row r="129" spans="1:4" ht="18" customHeight="1" x14ac:dyDescent="0.15">
      <c r="A129" s="8" t="s">
        <v>2</v>
      </c>
      <c r="B129" s="21">
        <v>0</v>
      </c>
      <c r="C129" s="6">
        <v>11</v>
      </c>
      <c r="D129" s="5">
        <v>11</v>
      </c>
    </row>
    <row r="130" spans="1:4" ht="18" customHeight="1" x14ac:dyDescent="0.15">
      <c r="A130" s="8" t="s">
        <v>1</v>
      </c>
      <c r="B130" s="21">
        <v>1035</v>
      </c>
      <c r="C130" s="6">
        <v>1375</v>
      </c>
      <c r="D130" s="5">
        <v>2410</v>
      </c>
    </row>
    <row r="131" spans="1:4" ht="18" customHeight="1" x14ac:dyDescent="0.15">
      <c r="A131" s="4" t="s">
        <v>0</v>
      </c>
      <c r="B131" s="20">
        <v>5869</v>
      </c>
      <c r="C131" s="2">
        <v>5970</v>
      </c>
      <c r="D131" s="1">
        <v>1183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319058-C740-4224-8859-71D4FFF6E5AD}">
  <sheetPr codeName="Sheet8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4</v>
      </c>
      <c r="D5" s="30">
        <v>4</v>
      </c>
    </row>
    <row r="6" spans="1:4" ht="18" customHeight="1" x14ac:dyDescent="0.15">
      <c r="A6" s="8">
        <v>1</v>
      </c>
      <c r="B6" s="26">
        <v>6</v>
      </c>
      <c r="C6" s="6">
        <v>5</v>
      </c>
      <c r="D6" s="5">
        <v>11</v>
      </c>
    </row>
    <row r="7" spans="1:4" ht="18" customHeight="1" x14ac:dyDescent="0.15">
      <c r="A7" s="8">
        <v>2</v>
      </c>
      <c r="B7" s="26">
        <v>8</v>
      </c>
      <c r="C7" s="6">
        <v>3</v>
      </c>
      <c r="D7" s="5">
        <v>11</v>
      </c>
    </row>
    <row r="8" spans="1:4" ht="18" customHeight="1" x14ac:dyDescent="0.15">
      <c r="A8" s="8">
        <v>3</v>
      </c>
      <c r="B8" s="26">
        <v>6</v>
      </c>
      <c r="C8" s="6">
        <v>3</v>
      </c>
      <c r="D8" s="5">
        <v>9</v>
      </c>
    </row>
    <row r="9" spans="1:4" ht="18" customHeight="1" x14ac:dyDescent="0.15">
      <c r="A9" s="8">
        <v>4</v>
      </c>
      <c r="B9" s="29">
        <v>6</v>
      </c>
      <c r="C9" s="28">
        <v>7</v>
      </c>
      <c r="D9" s="27">
        <v>13</v>
      </c>
    </row>
    <row r="10" spans="1:4" ht="18" customHeight="1" x14ac:dyDescent="0.15">
      <c r="A10" s="8" t="s">
        <v>25</v>
      </c>
      <c r="B10" s="21">
        <v>26</v>
      </c>
      <c r="C10" s="6">
        <v>22</v>
      </c>
      <c r="D10" s="5">
        <v>48</v>
      </c>
    </row>
    <row r="11" spans="1:4" ht="18" customHeight="1" x14ac:dyDescent="0.15">
      <c r="A11" s="8">
        <v>5</v>
      </c>
      <c r="B11" s="26">
        <v>4</v>
      </c>
      <c r="C11" s="6">
        <v>5</v>
      </c>
      <c r="D11" s="5">
        <v>9</v>
      </c>
    </row>
    <row r="12" spans="1:4" ht="18" customHeight="1" x14ac:dyDescent="0.15">
      <c r="A12" s="8">
        <v>6</v>
      </c>
      <c r="B12" s="26">
        <v>6</v>
      </c>
      <c r="C12" s="6">
        <v>6</v>
      </c>
      <c r="D12" s="5">
        <v>12</v>
      </c>
    </row>
    <row r="13" spans="1:4" ht="18" customHeight="1" x14ac:dyDescent="0.15">
      <c r="A13" s="8">
        <v>7</v>
      </c>
      <c r="B13" s="26">
        <v>6</v>
      </c>
      <c r="C13" s="6">
        <v>7</v>
      </c>
      <c r="D13" s="5">
        <v>13</v>
      </c>
    </row>
    <row r="14" spans="1:4" ht="18" customHeight="1" x14ac:dyDescent="0.15">
      <c r="A14" s="8">
        <v>8</v>
      </c>
      <c r="B14" s="26">
        <v>10</v>
      </c>
      <c r="C14" s="6">
        <v>5</v>
      </c>
      <c r="D14" s="5">
        <v>15</v>
      </c>
    </row>
    <row r="15" spans="1:4" ht="18" customHeight="1" x14ac:dyDescent="0.15">
      <c r="A15" s="8">
        <v>9</v>
      </c>
      <c r="B15" s="26">
        <v>6</v>
      </c>
      <c r="C15" s="6">
        <v>8</v>
      </c>
      <c r="D15" s="5">
        <v>14</v>
      </c>
    </row>
    <row r="16" spans="1:4" ht="18" customHeight="1" x14ac:dyDescent="0.15">
      <c r="A16" s="8" t="s">
        <v>24</v>
      </c>
      <c r="B16" s="21">
        <v>32</v>
      </c>
      <c r="C16" s="6">
        <v>31</v>
      </c>
      <c r="D16" s="5">
        <v>63</v>
      </c>
    </row>
    <row r="17" spans="1:4" ht="18" customHeight="1" x14ac:dyDescent="0.15">
      <c r="A17" s="8">
        <v>10</v>
      </c>
      <c r="B17" s="21">
        <v>3</v>
      </c>
      <c r="C17" s="6">
        <v>7</v>
      </c>
      <c r="D17" s="5">
        <v>10</v>
      </c>
    </row>
    <row r="18" spans="1:4" ht="18" customHeight="1" x14ac:dyDescent="0.15">
      <c r="A18" s="8">
        <v>11</v>
      </c>
      <c r="B18" s="21">
        <v>6</v>
      </c>
      <c r="C18" s="6">
        <v>4</v>
      </c>
      <c r="D18" s="5">
        <v>10</v>
      </c>
    </row>
    <row r="19" spans="1:4" ht="18" customHeight="1" x14ac:dyDescent="0.15">
      <c r="A19" s="8">
        <v>12</v>
      </c>
      <c r="B19" s="21">
        <v>3</v>
      </c>
      <c r="C19" s="6">
        <v>4</v>
      </c>
      <c r="D19" s="5">
        <v>7</v>
      </c>
    </row>
    <row r="20" spans="1:4" ht="18" customHeight="1" x14ac:dyDescent="0.15">
      <c r="A20" s="8">
        <v>13</v>
      </c>
      <c r="B20" s="21">
        <v>7</v>
      </c>
      <c r="C20" s="6">
        <v>4</v>
      </c>
      <c r="D20" s="5">
        <v>11</v>
      </c>
    </row>
    <row r="21" spans="1:4" ht="18" customHeight="1" x14ac:dyDescent="0.15">
      <c r="A21" s="8">
        <v>14</v>
      </c>
      <c r="B21" s="21">
        <v>2</v>
      </c>
      <c r="C21" s="6">
        <v>7</v>
      </c>
      <c r="D21" s="5">
        <v>9</v>
      </c>
    </row>
    <row r="22" spans="1:4" ht="18" customHeight="1" x14ac:dyDescent="0.15">
      <c r="A22" s="8" t="s">
        <v>23</v>
      </c>
      <c r="B22" s="21">
        <v>21</v>
      </c>
      <c r="C22" s="6">
        <v>26</v>
      </c>
      <c r="D22" s="5">
        <v>47</v>
      </c>
    </row>
    <row r="23" spans="1:4" ht="18" customHeight="1" x14ac:dyDescent="0.15">
      <c r="A23" s="8" t="s">
        <v>22</v>
      </c>
      <c r="B23" s="21">
        <v>79</v>
      </c>
      <c r="C23" s="6">
        <v>79</v>
      </c>
      <c r="D23" s="5">
        <v>158</v>
      </c>
    </row>
    <row r="24" spans="1:4" ht="18" customHeight="1" x14ac:dyDescent="0.15">
      <c r="A24" s="8">
        <v>15</v>
      </c>
      <c r="B24" s="21">
        <v>4</v>
      </c>
      <c r="C24" s="6">
        <v>1</v>
      </c>
      <c r="D24" s="5">
        <v>5</v>
      </c>
    </row>
    <row r="25" spans="1:4" ht="18" customHeight="1" x14ac:dyDescent="0.15">
      <c r="A25" s="8">
        <v>16</v>
      </c>
      <c r="B25" s="21">
        <v>0</v>
      </c>
      <c r="C25" s="6">
        <v>6</v>
      </c>
      <c r="D25" s="5">
        <v>6</v>
      </c>
    </row>
    <row r="26" spans="1:4" ht="18" customHeight="1" x14ac:dyDescent="0.15">
      <c r="A26" s="8">
        <v>17</v>
      </c>
      <c r="B26" s="21">
        <v>7</v>
      </c>
      <c r="C26" s="6">
        <v>2</v>
      </c>
      <c r="D26" s="5">
        <v>9</v>
      </c>
    </row>
    <row r="27" spans="1:4" ht="18" customHeight="1" x14ac:dyDescent="0.15">
      <c r="A27" s="8">
        <v>18</v>
      </c>
      <c r="B27" s="21">
        <v>4</v>
      </c>
      <c r="C27" s="6">
        <v>4</v>
      </c>
      <c r="D27" s="5">
        <v>8</v>
      </c>
    </row>
    <row r="28" spans="1:4" ht="18" customHeight="1" x14ac:dyDescent="0.15">
      <c r="A28" s="8">
        <v>19</v>
      </c>
      <c r="B28" s="21">
        <v>3</v>
      </c>
      <c r="C28" s="6">
        <v>3</v>
      </c>
      <c r="D28" s="5">
        <v>6</v>
      </c>
    </row>
    <row r="29" spans="1:4" ht="18" customHeight="1" x14ac:dyDescent="0.15">
      <c r="A29" s="8" t="s">
        <v>21</v>
      </c>
      <c r="B29" s="21">
        <v>18</v>
      </c>
      <c r="C29" s="6">
        <v>16</v>
      </c>
      <c r="D29" s="5">
        <v>34</v>
      </c>
    </row>
    <row r="30" spans="1:4" ht="18" customHeight="1" x14ac:dyDescent="0.15">
      <c r="A30" s="8">
        <v>20</v>
      </c>
      <c r="B30" s="21">
        <v>2</v>
      </c>
      <c r="C30" s="6">
        <v>9</v>
      </c>
      <c r="D30" s="5">
        <v>11</v>
      </c>
    </row>
    <row r="31" spans="1:4" ht="18" customHeight="1" x14ac:dyDescent="0.15">
      <c r="A31" s="8">
        <v>21</v>
      </c>
      <c r="B31" s="21">
        <v>4</v>
      </c>
      <c r="C31" s="6">
        <v>4</v>
      </c>
      <c r="D31" s="5">
        <v>8</v>
      </c>
    </row>
    <row r="32" spans="1:4" ht="18" customHeight="1" x14ac:dyDescent="0.15">
      <c r="A32" s="8">
        <v>22</v>
      </c>
      <c r="B32" s="21">
        <v>1</v>
      </c>
      <c r="C32" s="6">
        <v>5</v>
      </c>
      <c r="D32" s="5">
        <v>6</v>
      </c>
    </row>
    <row r="33" spans="1:4" ht="18" customHeight="1" x14ac:dyDescent="0.15">
      <c r="A33" s="8">
        <v>23</v>
      </c>
      <c r="B33" s="21">
        <v>4</v>
      </c>
      <c r="C33" s="6">
        <v>7</v>
      </c>
      <c r="D33" s="5">
        <v>11</v>
      </c>
    </row>
    <row r="34" spans="1:4" ht="18" customHeight="1" x14ac:dyDescent="0.15">
      <c r="A34" s="8">
        <v>24</v>
      </c>
      <c r="B34" s="21">
        <v>3</v>
      </c>
      <c r="C34" s="6">
        <v>5</v>
      </c>
      <c r="D34" s="5">
        <v>8</v>
      </c>
    </row>
    <row r="35" spans="1:4" ht="18" customHeight="1" x14ac:dyDescent="0.15">
      <c r="A35" s="8" t="s">
        <v>20</v>
      </c>
      <c r="B35" s="21">
        <v>14</v>
      </c>
      <c r="C35" s="6">
        <v>30</v>
      </c>
      <c r="D35" s="5">
        <v>44</v>
      </c>
    </row>
    <row r="36" spans="1:4" ht="18" customHeight="1" x14ac:dyDescent="0.15">
      <c r="A36" s="8">
        <v>25</v>
      </c>
      <c r="B36" s="21">
        <v>5</v>
      </c>
      <c r="C36" s="6">
        <v>6</v>
      </c>
      <c r="D36" s="5">
        <v>11</v>
      </c>
    </row>
    <row r="37" spans="1:4" ht="18" customHeight="1" x14ac:dyDescent="0.15">
      <c r="A37" s="8">
        <v>26</v>
      </c>
      <c r="B37" s="21">
        <v>5</v>
      </c>
      <c r="C37" s="6">
        <v>4</v>
      </c>
      <c r="D37" s="5">
        <v>9</v>
      </c>
    </row>
    <row r="38" spans="1:4" ht="18" customHeight="1" x14ac:dyDescent="0.15">
      <c r="A38" s="8">
        <v>27</v>
      </c>
      <c r="B38" s="21">
        <v>6</v>
      </c>
      <c r="C38" s="6">
        <v>4</v>
      </c>
      <c r="D38" s="5">
        <v>10</v>
      </c>
    </row>
    <row r="39" spans="1:4" ht="18" customHeight="1" x14ac:dyDescent="0.15">
      <c r="A39" s="8">
        <v>28</v>
      </c>
      <c r="B39" s="21">
        <v>9</v>
      </c>
      <c r="C39" s="6">
        <v>4</v>
      </c>
      <c r="D39" s="5">
        <v>13</v>
      </c>
    </row>
    <row r="40" spans="1:4" ht="18" customHeight="1" x14ac:dyDescent="0.15">
      <c r="A40" s="8">
        <v>29</v>
      </c>
      <c r="B40" s="21">
        <v>7</v>
      </c>
      <c r="C40" s="6">
        <v>6</v>
      </c>
      <c r="D40" s="5">
        <v>13</v>
      </c>
    </row>
    <row r="41" spans="1:4" ht="18" customHeight="1" x14ac:dyDescent="0.15">
      <c r="A41" s="8" t="s">
        <v>19</v>
      </c>
      <c r="B41" s="21">
        <v>32</v>
      </c>
      <c r="C41" s="6">
        <v>24</v>
      </c>
      <c r="D41" s="5">
        <v>56</v>
      </c>
    </row>
    <row r="42" spans="1:4" ht="18" customHeight="1" x14ac:dyDescent="0.15">
      <c r="A42" s="8">
        <v>30</v>
      </c>
      <c r="B42" s="21">
        <v>7</v>
      </c>
      <c r="C42" s="6">
        <v>3</v>
      </c>
      <c r="D42" s="5">
        <v>10</v>
      </c>
    </row>
    <row r="43" spans="1:4" ht="18" customHeight="1" x14ac:dyDescent="0.15">
      <c r="A43" s="8">
        <v>31</v>
      </c>
      <c r="B43" s="21">
        <v>6</v>
      </c>
      <c r="C43" s="6">
        <v>4</v>
      </c>
      <c r="D43" s="5">
        <v>10</v>
      </c>
    </row>
    <row r="44" spans="1:4" ht="18" customHeight="1" x14ac:dyDescent="0.15">
      <c r="A44" s="8">
        <v>32</v>
      </c>
      <c r="B44" s="21">
        <v>9</v>
      </c>
      <c r="C44" s="6">
        <v>5</v>
      </c>
      <c r="D44" s="5">
        <v>14</v>
      </c>
    </row>
    <row r="45" spans="1:4" ht="18" customHeight="1" x14ac:dyDescent="0.15">
      <c r="A45" s="8">
        <v>33</v>
      </c>
      <c r="B45" s="21">
        <v>9</v>
      </c>
      <c r="C45" s="6">
        <v>3</v>
      </c>
      <c r="D45" s="5">
        <v>12</v>
      </c>
    </row>
    <row r="46" spans="1:4" ht="18" customHeight="1" x14ac:dyDescent="0.15">
      <c r="A46" s="8">
        <v>34</v>
      </c>
      <c r="B46" s="21">
        <v>10</v>
      </c>
      <c r="C46" s="6">
        <v>11</v>
      </c>
      <c r="D46" s="5">
        <v>21</v>
      </c>
    </row>
    <row r="47" spans="1:4" ht="18" customHeight="1" x14ac:dyDescent="0.15">
      <c r="A47" s="8" t="s">
        <v>18</v>
      </c>
      <c r="B47" s="21">
        <v>41</v>
      </c>
      <c r="C47" s="6">
        <v>26</v>
      </c>
      <c r="D47" s="5">
        <v>67</v>
      </c>
    </row>
    <row r="48" spans="1:4" ht="18" customHeight="1" x14ac:dyDescent="0.15">
      <c r="A48" s="8">
        <v>35</v>
      </c>
      <c r="B48" s="21">
        <v>12</v>
      </c>
      <c r="C48" s="6">
        <v>4</v>
      </c>
      <c r="D48" s="5">
        <v>16</v>
      </c>
    </row>
    <row r="49" spans="1:4" ht="18" customHeight="1" x14ac:dyDescent="0.15">
      <c r="A49" s="8">
        <v>36</v>
      </c>
      <c r="B49" s="21">
        <v>8</v>
      </c>
      <c r="C49" s="6">
        <v>9</v>
      </c>
      <c r="D49" s="5">
        <v>17</v>
      </c>
    </row>
    <row r="50" spans="1:4" ht="18" customHeight="1" x14ac:dyDescent="0.15">
      <c r="A50" s="8">
        <v>37</v>
      </c>
      <c r="B50" s="21">
        <v>6</v>
      </c>
      <c r="C50" s="6">
        <v>8</v>
      </c>
      <c r="D50" s="5">
        <v>14</v>
      </c>
    </row>
    <row r="51" spans="1:4" ht="18" customHeight="1" x14ac:dyDescent="0.15">
      <c r="A51" s="8">
        <v>38</v>
      </c>
      <c r="B51" s="21">
        <v>6</v>
      </c>
      <c r="C51" s="6">
        <v>9</v>
      </c>
      <c r="D51" s="5">
        <v>15</v>
      </c>
    </row>
    <row r="52" spans="1:4" ht="18" customHeight="1" x14ac:dyDescent="0.15">
      <c r="A52" s="8">
        <v>39</v>
      </c>
      <c r="B52" s="21">
        <v>7</v>
      </c>
      <c r="C52" s="6">
        <v>11</v>
      </c>
      <c r="D52" s="5">
        <v>18</v>
      </c>
    </row>
    <row r="53" spans="1:4" ht="18" customHeight="1" x14ac:dyDescent="0.15">
      <c r="A53" s="8" t="s">
        <v>17</v>
      </c>
      <c r="B53" s="21">
        <v>39</v>
      </c>
      <c r="C53" s="6">
        <v>41</v>
      </c>
      <c r="D53" s="5">
        <v>80</v>
      </c>
    </row>
    <row r="54" spans="1:4" ht="18" customHeight="1" x14ac:dyDescent="0.15">
      <c r="A54" s="8">
        <v>40</v>
      </c>
      <c r="B54" s="21">
        <v>10</v>
      </c>
      <c r="C54" s="6">
        <v>8</v>
      </c>
      <c r="D54" s="5">
        <v>18</v>
      </c>
    </row>
    <row r="55" spans="1:4" ht="18" customHeight="1" x14ac:dyDescent="0.15">
      <c r="A55" s="8">
        <v>41</v>
      </c>
      <c r="B55" s="21">
        <v>11</v>
      </c>
      <c r="C55" s="6">
        <v>6</v>
      </c>
      <c r="D55" s="5">
        <v>17</v>
      </c>
    </row>
    <row r="56" spans="1:4" ht="18" customHeight="1" x14ac:dyDescent="0.15">
      <c r="A56" s="8">
        <v>42</v>
      </c>
      <c r="B56" s="21">
        <v>9</v>
      </c>
      <c r="C56" s="6">
        <v>10</v>
      </c>
      <c r="D56" s="5">
        <v>19</v>
      </c>
    </row>
    <row r="57" spans="1:4" ht="18" customHeight="1" x14ac:dyDescent="0.15">
      <c r="A57" s="8">
        <v>43</v>
      </c>
      <c r="B57" s="21">
        <v>2</v>
      </c>
      <c r="C57" s="6">
        <v>12</v>
      </c>
      <c r="D57" s="5">
        <v>14</v>
      </c>
    </row>
    <row r="58" spans="1:4" ht="18" customHeight="1" x14ac:dyDescent="0.15">
      <c r="A58" s="8">
        <v>44</v>
      </c>
      <c r="B58" s="21">
        <v>4</v>
      </c>
      <c r="C58" s="6">
        <v>6</v>
      </c>
      <c r="D58" s="5">
        <v>10</v>
      </c>
    </row>
    <row r="59" spans="1:4" ht="18" customHeight="1" x14ac:dyDescent="0.15">
      <c r="A59" s="8" t="s">
        <v>16</v>
      </c>
      <c r="B59" s="21">
        <v>36</v>
      </c>
      <c r="C59" s="6">
        <v>42</v>
      </c>
      <c r="D59" s="5">
        <v>78</v>
      </c>
    </row>
    <row r="60" spans="1:4" ht="18" customHeight="1" x14ac:dyDescent="0.15">
      <c r="A60" s="8">
        <v>45</v>
      </c>
      <c r="B60" s="21">
        <v>10</v>
      </c>
      <c r="C60" s="6">
        <v>3</v>
      </c>
      <c r="D60" s="5">
        <v>13</v>
      </c>
    </row>
    <row r="61" spans="1:4" ht="18" customHeight="1" x14ac:dyDescent="0.15">
      <c r="A61" s="8">
        <v>46</v>
      </c>
      <c r="B61" s="21">
        <v>13</v>
      </c>
      <c r="C61" s="6">
        <v>8</v>
      </c>
      <c r="D61" s="5">
        <v>21</v>
      </c>
    </row>
    <row r="62" spans="1:4" ht="18" customHeight="1" x14ac:dyDescent="0.15">
      <c r="A62" s="8">
        <v>47</v>
      </c>
      <c r="B62" s="21">
        <v>12</v>
      </c>
      <c r="C62" s="6">
        <v>7</v>
      </c>
      <c r="D62" s="5">
        <v>19</v>
      </c>
    </row>
    <row r="63" spans="1:4" ht="18" customHeight="1" x14ac:dyDescent="0.15">
      <c r="A63" s="8">
        <v>48</v>
      </c>
      <c r="B63" s="21">
        <v>8</v>
      </c>
      <c r="C63" s="6">
        <v>6</v>
      </c>
      <c r="D63" s="5">
        <v>14</v>
      </c>
    </row>
    <row r="64" spans="1:4" ht="18" customHeight="1" x14ac:dyDescent="0.15">
      <c r="A64" s="8">
        <v>49</v>
      </c>
      <c r="B64" s="21">
        <v>1</v>
      </c>
      <c r="C64" s="6">
        <v>7</v>
      </c>
      <c r="D64" s="5">
        <v>8</v>
      </c>
    </row>
    <row r="65" spans="1:4" ht="18" customHeight="1" x14ac:dyDescent="0.15">
      <c r="A65" s="8" t="s">
        <v>15</v>
      </c>
      <c r="B65" s="21">
        <v>44</v>
      </c>
      <c r="C65" s="6">
        <v>31</v>
      </c>
      <c r="D65" s="5">
        <v>75</v>
      </c>
    </row>
    <row r="66" spans="1:4" ht="18" customHeight="1" x14ac:dyDescent="0.15">
      <c r="A66" s="8">
        <v>50</v>
      </c>
      <c r="B66" s="21">
        <v>8</v>
      </c>
      <c r="C66" s="6">
        <v>3</v>
      </c>
      <c r="D66" s="5">
        <v>11</v>
      </c>
    </row>
    <row r="67" spans="1:4" ht="18" customHeight="1" x14ac:dyDescent="0.15">
      <c r="A67" s="8">
        <v>51</v>
      </c>
      <c r="B67" s="21">
        <v>9</v>
      </c>
      <c r="C67" s="6">
        <v>11</v>
      </c>
      <c r="D67" s="5">
        <v>20</v>
      </c>
    </row>
    <row r="68" spans="1:4" ht="18" customHeight="1" x14ac:dyDescent="0.15">
      <c r="A68" s="8">
        <v>52</v>
      </c>
      <c r="B68" s="21">
        <v>11</v>
      </c>
      <c r="C68" s="6">
        <v>12</v>
      </c>
      <c r="D68" s="5">
        <v>23</v>
      </c>
    </row>
    <row r="69" spans="1:4" ht="18" customHeight="1" x14ac:dyDescent="0.15">
      <c r="A69" s="8">
        <v>53</v>
      </c>
      <c r="B69" s="21">
        <v>10</v>
      </c>
      <c r="C69" s="6">
        <v>10</v>
      </c>
      <c r="D69" s="5">
        <v>20</v>
      </c>
    </row>
    <row r="70" spans="1:4" ht="18" customHeight="1" x14ac:dyDescent="0.15">
      <c r="A70" s="8">
        <v>54</v>
      </c>
      <c r="B70" s="21">
        <v>6</v>
      </c>
      <c r="C70" s="6">
        <v>10</v>
      </c>
      <c r="D70" s="5">
        <v>16</v>
      </c>
    </row>
    <row r="71" spans="1:4" ht="18" customHeight="1" x14ac:dyDescent="0.15">
      <c r="A71" s="8" t="s">
        <v>14</v>
      </c>
      <c r="B71" s="21">
        <v>44</v>
      </c>
      <c r="C71" s="6">
        <v>46</v>
      </c>
      <c r="D71" s="5">
        <v>90</v>
      </c>
    </row>
    <row r="72" spans="1:4" ht="18" customHeight="1" x14ac:dyDescent="0.15">
      <c r="A72" s="8">
        <v>55</v>
      </c>
      <c r="B72" s="21">
        <v>7</v>
      </c>
      <c r="C72" s="6">
        <v>7</v>
      </c>
      <c r="D72" s="5">
        <v>14</v>
      </c>
    </row>
    <row r="73" spans="1:4" ht="18" customHeight="1" x14ac:dyDescent="0.15">
      <c r="A73" s="8">
        <v>56</v>
      </c>
      <c r="B73" s="21">
        <v>10</v>
      </c>
      <c r="C73" s="6">
        <v>7</v>
      </c>
      <c r="D73" s="5">
        <v>17</v>
      </c>
    </row>
    <row r="74" spans="1:4" ht="18" customHeight="1" x14ac:dyDescent="0.15">
      <c r="A74" s="8">
        <v>57</v>
      </c>
      <c r="B74" s="21">
        <v>11</v>
      </c>
      <c r="C74" s="6">
        <v>15</v>
      </c>
      <c r="D74" s="5">
        <v>26</v>
      </c>
    </row>
    <row r="75" spans="1:4" ht="18" customHeight="1" x14ac:dyDescent="0.15">
      <c r="A75" s="8">
        <v>58</v>
      </c>
      <c r="B75" s="21">
        <v>8</v>
      </c>
      <c r="C75" s="6">
        <v>3</v>
      </c>
      <c r="D75" s="5">
        <v>11</v>
      </c>
    </row>
    <row r="76" spans="1:4" ht="18" customHeight="1" x14ac:dyDescent="0.15">
      <c r="A76" s="8">
        <v>59</v>
      </c>
      <c r="B76" s="21">
        <v>6</v>
      </c>
      <c r="C76" s="6">
        <v>8</v>
      </c>
      <c r="D76" s="5">
        <v>14</v>
      </c>
    </row>
    <row r="77" spans="1:4" ht="18" customHeight="1" x14ac:dyDescent="0.15">
      <c r="A77" s="8" t="s">
        <v>13</v>
      </c>
      <c r="B77" s="21">
        <v>42</v>
      </c>
      <c r="C77" s="6">
        <v>40</v>
      </c>
      <c r="D77" s="5">
        <v>82</v>
      </c>
    </row>
    <row r="78" spans="1:4" ht="18" customHeight="1" x14ac:dyDescent="0.15">
      <c r="A78" s="8">
        <v>60</v>
      </c>
      <c r="B78" s="21">
        <v>10</v>
      </c>
      <c r="C78" s="6">
        <v>12</v>
      </c>
      <c r="D78" s="5">
        <v>22</v>
      </c>
    </row>
    <row r="79" spans="1:4" ht="18" customHeight="1" x14ac:dyDescent="0.15">
      <c r="A79" s="8">
        <v>61</v>
      </c>
      <c r="B79" s="21">
        <v>11</v>
      </c>
      <c r="C79" s="6">
        <v>7</v>
      </c>
      <c r="D79" s="5">
        <v>18</v>
      </c>
    </row>
    <row r="80" spans="1:4" ht="18" customHeight="1" x14ac:dyDescent="0.15">
      <c r="A80" s="8">
        <v>62</v>
      </c>
      <c r="B80" s="21">
        <v>11</v>
      </c>
      <c r="C80" s="6">
        <v>14</v>
      </c>
      <c r="D80" s="5">
        <v>25</v>
      </c>
    </row>
    <row r="81" spans="1:4" ht="18" customHeight="1" x14ac:dyDescent="0.15">
      <c r="A81" s="8">
        <v>63</v>
      </c>
      <c r="B81" s="21">
        <v>8</v>
      </c>
      <c r="C81" s="6">
        <v>12</v>
      </c>
      <c r="D81" s="5">
        <v>20</v>
      </c>
    </row>
    <row r="82" spans="1:4" ht="18" customHeight="1" x14ac:dyDescent="0.15">
      <c r="A82" s="8">
        <v>64</v>
      </c>
      <c r="B82" s="21">
        <v>2</v>
      </c>
      <c r="C82" s="6">
        <v>14</v>
      </c>
      <c r="D82" s="5">
        <v>16</v>
      </c>
    </row>
    <row r="83" spans="1:4" ht="18" customHeight="1" x14ac:dyDescent="0.15">
      <c r="A83" s="8" t="s">
        <v>12</v>
      </c>
      <c r="B83" s="21">
        <v>42</v>
      </c>
      <c r="C83" s="6">
        <v>59</v>
      </c>
      <c r="D83" s="5">
        <v>101</v>
      </c>
    </row>
    <row r="84" spans="1:4" ht="18" customHeight="1" x14ac:dyDescent="0.15">
      <c r="A84" s="8" t="s">
        <v>11</v>
      </c>
      <c r="B84" s="21">
        <v>352</v>
      </c>
      <c r="C84" s="6">
        <v>355</v>
      </c>
      <c r="D84" s="5">
        <v>707</v>
      </c>
    </row>
    <row r="85" spans="1:4" ht="18" customHeight="1" x14ac:dyDescent="0.15">
      <c r="A85" s="8">
        <v>65</v>
      </c>
      <c r="B85" s="21">
        <v>13</v>
      </c>
      <c r="C85" s="6">
        <v>12</v>
      </c>
      <c r="D85" s="5">
        <v>25</v>
      </c>
    </row>
    <row r="86" spans="1:4" ht="18" customHeight="1" x14ac:dyDescent="0.15">
      <c r="A86" s="8">
        <v>66</v>
      </c>
      <c r="B86" s="21">
        <v>14</v>
      </c>
      <c r="C86" s="6">
        <v>16</v>
      </c>
      <c r="D86" s="5">
        <v>30</v>
      </c>
    </row>
    <row r="87" spans="1:4" ht="18" customHeight="1" x14ac:dyDescent="0.15">
      <c r="A87" s="8">
        <v>67</v>
      </c>
      <c r="B87" s="21">
        <v>9</v>
      </c>
      <c r="C87" s="6">
        <v>5</v>
      </c>
      <c r="D87" s="5">
        <v>14</v>
      </c>
    </row>
    <row r="88" spans="1:4" ht="18" customHeight="1" x14ac:dyDescent="0.15">
      <c r="A88" s="8">
        <v>68</v>
      </c>
      <c r="B88" s="21">
        <v>10</v>
      </c>
      <c r="C88" s="6">
        <v>5</v>
      </c>
      <c r="D88" s="5">
        <v>15</v>
      </c>
    </row>
    <row r="89" spans="1:4" ht="18" customHeight="1" x14ac:dyDescent="0.15">
      <c r="A89" s="8">
        <v>69</v>
      </c>
      <c r="B89" s="21">
        <v>11</v>
      </c>
      <c r="C89" s="6">
        <v>11</v>
      </c>
      <c r="D89" s="5">
        <v>22</v>
      </c>
    </row>
    <row r="90" spans="1:4" ht="18" customHeight="1" x14ac:dyDescent="0.15">
      <c r="A90" s="8" t="s">
        <v>10</v>
      </c>
      <c r="B90" s="21">
        <v>57</v>
      </c>
      <c r="C90" s="6">
        <v>49</v>
      </c>
      <c r="D90" s="5">
        <v>106</v>
      </c>
    </row>
    <row r="91" spans="1:4" ht="18" customHeight="1" x14ac:dyDescent="0.15">
      <c r="A91" s="8">
        <v>70</v>
      </c>
      <c r="B91" s="21">
        <v>10</v>
      </c>
      <c r="C91" s="6">
        <v>12</v>
      </c>
      <c r="D91" s="5">
        <v>22</v>
      </c>
    </row>
    <row r="92" spans="1:4" ht="18" customHeight="1" x14ac:dyDescent="0.15">
      <c r="A92" s="8">
        <v>71</v>
      </c>
      <c r="B92" s="21">
        <v>10</v>
      </c>
      <c r="C92" s="6">
        <v>11</v>
      </c>
      <c r="D92" s="5">
        <v>21</v>
      </c>
    </row>
    <row r="93" spans="1:4" ht="18" customHeight="1" x14ac:dyDescent="0.15">
      <c r="A93" s="8">
        <v>72</v>
      </c>
      <c r="B93" s="21">
        <v>14</v>
      </c>
      <c r="C93" s="6">
        <v>8</v>
      </c>
      <c r="D93" s="5">
        <v>22</v>
      </c>
    </row>
    <row r="94" spans="1:4" ht="18" customHeight="1" x14ac:dyDescent="0.15">
      <c r="A94" s="8">
        <v>73</v>
      </c>
      <c r="B94" s="21">
        <v>8</v>
      </c>
      <c r="C94" s="6">
        <v>13</v>
      </c>
      <c r="D94" s="5">
        <v>21</v>
      </c>
    </row>
    <row r="95" spans="1:4" ht="18" customHeight="1" x14ac:dyDescent="0.15">
      <c r="A95" s="8">
        <v>74</v>
      </c>
      <c r="B95" s="21">
        <v>13</v>
      </c>
      <c r="C95" s="6">
        <v>10</v>
      </c>
      <c r="D95" s="5">
        <v>23</v>
      </c>
    </row>
    <row r="96" spans="1:4" ht="18" customHeight="1" x14ac:dyDescent="0.15">
      <c r="A96" s="8" t="s">
        <v>9</v>
      </c>
      <c r="B96" s="21">
        <v>55</v>
      </c>
      <c r="C96" s="6">
        <v>54</v>
      </c>
      <c r="D96" s="5">
        <v>109</v>
      </c>
    </row>
    <row r="97" spans="1:4" ht="18" customHeight="1" x14ac:dyDescent="0.15">
      <c r="A97" s="8">
        <v>75</v>
      </c>
      <c r="B97" s="21">
        <v>6</v>
      </c>
      <c r="C97" s="6">
        <v>13</v>
      </c>
      <c r="D97" s="5">
        <v>19</v>
      </c>
    </row>
    <row r="98" spans="1:4" ht="18" customHeight="1" x14ac:dyDescent="0.15">
      <c r="A98" s="8">
        <v>76</v>
      </c>
      <c r="B98" s="21">
        <v>11</v>
      </c>
      <c r="C98" s="6">
        <v>10</v>
      </c>
      <c r="D98" s="5">
        <v>21</v>
      </c>
    </row>
    <row r="99" spans="1:4" ht="18" customHeight="1" x14ac:dyDescent="0.15">
      <c r="A99" s="8">
        <v>77</v>
      </c>
      <c r="B99" s="21">
        <v>10</v>
      </c>
      <c r="C99" s="6">
        <v>9</v>
      </c>
      <c r="D99" s="5">
        <v>19</v>
      </c>
    </row>
    <row r="100" spans="1:4" ht="18" customHeight="1" x14ac:dyDescent="0.15">
      <c r="A100" s="8">
        <v>78</v>
      </c>
      <c r="B100" s="21">
        <v>10</v>
      </c>
      <c r="C100" s="6">
        <v>15</v>
      </c>
      <c r="D100" s="5">
        <v>25</v>
      </c>
    </row>
    <row r="101" spans="1:4" ht="18" customHeight="1" x14ac:dyDescent="0.15">
      <c r="A101" s="8">
        <v>79</v>
      </c>
      <c r="B101" s="21">
        <v>4</v>
      </c>
      <c r="C101" s="6">
        <v>4</v>
      </c>
      <c r="D101" s="5">
        <v>8</v>
      </c>
    </row>
    <row r="102" spans="1:4" ht="18" customHeight="1" x14ac:dyDescent="0.15">
      <c r="A102" s="8" t="s">
        <v>8</v>
      </c>
      <c r="B102" s="21">
        <v>41</v>
      </c>
      <c r="C102" s="6">
        <v>51</v>
      </c>
      <c r="D102" s="5">
        <v>92</v>
      </c>
    </row>
    <row r="103" spans="1:4" ht="18" customHeight="1" x14ac:dyDescent="0.15">
      <c r="A103" s="8">
        <v>80</v>
      </c>
      <c r="B103" s="21">
        <v>6</v>
      </c>
      <c r="C103" s="6">
        <v>7</v>
      </c>
      <c r="D103" s="5">
        <v>13</v>
      </c>
    </row>
    <row r="104" spans="1:4" ht="18" customHeight="1" x14ac:dyDescent="0.15">
      <c r="A104" s="8">
        <v>81</v>
      </c>
      <c r="B104" s="21">
        <v>7</v>
      </c>
      <c r="C104" s="6">
        <v>9</v>
      </c>
      <c r="D104" s="5">
        <v>16</v>
      </c>
    </row>
    <row r="105" spans="1:4" ht="18" customHeight="1" x14ac:dyDescent="0.15">
      <c r="A105" s="8">
        <v>82</v>
      </c>
      <c r="B105" s="21">
        <v>7</v>
      </c>
      <c r="C105" s="6">
        <v>16</v>
      </c>
      <c r="D105" s="5">
        <v>23</v>
      </c>
    </row>
    <row r="106" spans="1:4" ht="18" customHeight="1" x14ac:dyDescent="0.15">
      <c r="A106" s="8">
        <v>83</v>
      </c>
      <c r="B106" s="21">
        <v>6</v>
      </c>
      <c r="C106" s="6">
        <v>9</v>
      </c>
      <c r="D106" s="5">
        <v>15</v>
      </c>
    </row>
    <row r="107" spans="1:4" ht="18" customHeight="1" x14ac:dyDescent="0.15">
      <c r="A107" s="8">
        <v>84</v>
      </c>
      <c r="B107" s="21">
        <v>6</v>
      </c>
      <c r="C107" s="6">
        <v>5</v>
      </c>
      <c r="D107" s="5">
        <v>11</v>
      </c>
    </row>
    <row r="108" spans="1:4" ht="18" customHeight="1" x14ac:dyDescent="0.15">
      <c r="A108" s="8" t="s">
        <v>7</v>
      </c>
      <c r="B108" s="21">
        <v>32</v>
      </c>
      <c r="C108" s="6">
        <v>46</v>
      </c>
      <c r="D108" s="5">
        <v>78</v>
      </c>
    </row>
    <row r="109" spans="1:4" ht="18" customHeight="1" x14ac:dyDescent="0.15">
      <c r="A109" s="8">
        <v>85</v>
      </c>
      <c r="B109" s="21">
        <v>3</v>
      </c>
      <c r="C109" s="6">
        <v>12</v>
      </c>
      <c r="D109" s="5">
        <v>15</v>
      </c>
    </row>
    <row r="110" spans="1:4" ht="18" customHeight="1" x14ac:dyDescent="0.15">
      <c r="A110" s="8">
        <v>86</v>
      </c>
      <c r="B110" s="21">
        <v>5</v>
      </c>
      <c r="C110" s="6">
        <v>7</v>
      </c>
      <c r="D110" s="5">
        <v>12</v>
      </c>
    </row>
    <row r="111" spans="1:4" ht="18" customHeight="1" x14ac:dyDescent="0.15">
      <c r="A111" s="8">
        <v>87</v>
      </c>
      <c r="B111" s="21">
        <v>0</v>
      </c>
      <c r="C111" s="6">
        <v>4</v>
      </c>
      <c r="D111" s="5">
        <v>4</v>
      </c>
    </row>
    <row r="112" spans="1:4" ht="18" customHeight="1" x14ac:dyDescent="0.15">
      <c r="A112" s="8">
        <v>88</v>
      </c>
      <c r="B112" s="21">
        <v>4</v>
      </c>
      <c r="C112" s="6">
        <v>8</v>
      </c>
      <c r="D112" s="5">
        <v>12</v>
      </c>
    </row>
    <row r="113" spans="1:4" ht="18" customHeight="1" x14ac:dyDescent="0.15">
      <c r="A113" s="8">
        <v>89</v>
      </c>
      <c r="B113" s="21">
        <v>4</v>
      </c>
      <c r="C113" s="6">
        <v>6</v>
      </c>
      <c r="D113" s="5">
        <v>10</v>
      </c>
    </row>
    <row r="114" spans="1:4" ht="18" customHeight="1" x14ac:dyDescent="0.15">
      <c r="A114" s="8" t="s">
        <v>6</v>
      </c>
      <c r="B114" s="21">
        <v>16</v>
      </c>
      <c r="C114" s="6">
        <v>37</v>
      </c>
      <c r="D114" s="5">
        <v>53</v>
      </c>
    </row>
    <row r="115" spans="1:4" ht="18" customHeight="1" x14ac:dyDescent="0.15">
      <c r="A115" s="8">
        <v>90</v>
      </c>
      <c r="B115" s="21">
        <v>8</v>
      </c>
      <c r="C115" s="6">
        <v>7</v>
      </c>
      <c r="D115" s="5">
        <v>15</v>
      </c>
    </row>
    <row r="116" spans="1:4" ht="18" customHeight="1" x14ac:dyDescent="0.15">
      <c r="A116" s="8">
        <v>91</v>
      </c>
      <c r="B116" s="21">
        <v>1</v>
      </c>
      <c r="C116" s="6">
        <v>8</v>
      </c>
      <c r="D116" s="5">
        <v>9</v>
      </c>
    </row>
    <row r="117" spans="1:4" ht="18" customHeight="1" x14ac:dyDescent="0.15">
      <c r="A117" s="8">
        <v>92</v>
      </c>
      <c r="B117" s="21">
        <v>4</v>
      </c>
      <c r="C117" s="6">
        <v>7</v>
      </c>
      <c r="D117" s="5">
        <v>11</v>
      </c>
    </row>
    <row r="118" spans="1:4" ht="18" customHeight="1" x14ac:dyDescent="0.15">
      <c r="A118" s="8">
        <v>93</v>
      </c>
      <c r="B118" s="21">
        <v>1</v>
      </c>
      <c r="C118" s="6">
        <v>3</v>
      </c>
      <c r="D118" s="5">
        <v>4</v>
      </c>
    </row>
    <row r="119" spans="1:4" ht="18" customHeight="1" x14ac:dyDescent="0.15">
      <c r="A119" s="8">
        <v>94</v>
      </c>
      <c r="B119" s="21">
        <v>3</v>
      </c>
      <c r="C119" s="6">
        <v>5</v>
      </c>
      <c r="D119" s="5">
        <v>8</v>
      </c>
    </row>
    <row r="120" spans="1:4" ht="18" customHeight="1" x14ac:dyDescent="0.15">
      <c r="A120" s="8" t="s">
        <v>5</v>
      </c>
      <c r="B120" s="21">
        <v>17</v>
      </c>
      <c r="C120" s="6">
        <v>30</v>
      </c>
      <c r="D120" s="5">
        <v>47</v>
      </c>
    </row>
    <row r="121" spans="1:4" ht="18" customHeight="1" x14ac:dyDescent="0.15">
      <c r="A121" s="8">
        <v>95</v>
      </c>
      <c r="B121" s="21">
        <v>1</v>
      </c>
      <c r="C121" s="6">
        <v>4</v>
      </c>
      <c r="D121" s="5">
        <v>5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0</v>
      </c>
      <c r="D126" s="5">
        <v>11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219</v>
      </c>
      <c r="C130" s="6">
        <v>279</v>
      </c>
      <c r="D130" s="5">
        <v>498</v>
      </c>
    </row>
    <row r="131" spans="1:4" ht="18" customHeight="1" x14ac:dyDescent="0.15">
      <c r="A131" s="4" t="s">
        <v>0</v>
      </c>
      <c r="B131" s="20">
        <v>650</v>
      </c>
      <c r="C131" s="2">
        <v>713</v>
      </c>
      <c r="D131" s="1">
        <v>136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6B0850-9577-4240-911C-A288FFF82B91}">
  <sheetPr codeName="Sheet8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3</v>
      </c>
      <c r="C5" s="31">
        <v>6</v>
      </c>
      <c r="D5" s="30">
        <v>9</v>
      </c>
    </row>
    <row r="6" spans="1:4" ht="18" customHeight="1" x14ac:dyDescent="0.15">
      <c r="A6" s="8">
        <v>1</v>
      </c>
      <c r="B6" s="26">
        <v>5</v>
      </c>
      <c r="C6" s="6">
        <v>6</v>
      </c>
      <c r="D6" s="5">
        <v>11</v>
      </c>
    </row>
    <row r="7" spans="1:4" ht="18" customHeight="1" x14ac:dyDescent="0.15">
      <c r="A7" s="8">
        <v>2</v>
      </c>
      <c r="B7" s="26">
        <v>8</v>
      </c>
      <c r="C7" s="6">
        <v>6</v>
      </c>
      <c r="D7" s="5">
        <v>14</v>
      </c>
    </row>
    <row r="8" spans="1:4" ht="18" customHeight="1" x14ac:dyDescent="0.15">
      <c r="A8" s="8">
        <v>3</v>
      </c>
      <c r="B8" s="26">
        <v>7</v>
      </c>
      <c r="C8" s="6">
        <v>7</v>
      </c>
      <c r="D8" s="5">
        <v>14</v>
      </c>
    </row>
    <row r="9" spans="1:4" ht="18" customHeight="1" x14ac:dyDescent="0.15">
      <c r="A9" s="8">
        <v>4</v>
      </c>
      <c r="B9" s="29">
        <v>5</v>
      </c>
      <c r="C9" s="28">
        <v>13</v>
      </c>
      <c r="D9" s="27">
        <v>18</v>
      </c>
    </row>
    <row r="10" spans="1:4" ht="18" customHeight="1" x14ac:dyDescent="0.15">
      <c r="A10" s="8" t="s">
        <v>25</v>
      </c>
      <c r="B10" s="21">
        <v>28</v>
      </c>
      <c r="C10" s="6">
        <v>38</v>
      </c>
      <c r="D10" s="5">
        <v>66</v>
      </c>
    </row>
    <row r="11" spans="1:4" ht="18" customHeight="1" x14ac:dyDescent="0.15">
      <c r="A11" s="8">
        <v>5</v>
      </c>
      <c r="B11" s="26">
        <v>14</v>
      </c>
      <c r="C11" s="6">
        <v>13</v>
      </c>
      <c r="D11" s="5">
        <v>27</v>
      </c>
    </row>
    <row r="12" spans="1:4" ht="18" customHeight="1" x14ac:dyDescent="0.15">
      <c r="A12" s="8">
        <v>6</v>
      </c>
      <c r="B12" s="26">
        <v>7</v>
      </c>
      <c r="C12" s="6">
        <v>10</v>
      </c>
      <c r="D12" s="5">
        <v>17</v>
      </c>
    </row>
    <row r="13" spans="1:4" ht="18" customHeight="1" x14ac:dyDescent="0.15">
      <c r="A13" s="8">
        <v>7</v>
      </c>
      <c r="B13" s="26">
        <v>13</v>
      </c>
      <c r="C13" s="6">
        <v>13</v>
      </c>
      <c r="D13" s="5">
        <v>26</v>
      </c>
    </row>
    <row r="14" spans="1:4" ht="18" customHeight="1" x14ac:dyDescent="0.15">
      <c r="A14" s="8">
        <v>8</v>
      </c>
      <c r="B14" s="26">
        <v>13</v>
      </c>
      <c r="C14" s="6">
        <v>15</v>
      </c>
      <c r="D14" s="5">
        <v>28</v>
      </c>
    </row>
    <row r="15" spans="1:4" ht="18" customHeight="1" x14ac:dyDescent="0.15">
      <c r="A15" s="8">
        <v>9</v>
      </c>
      <c r="B15" s="26">
        <v>17</v>
      </c>
      <c r="C15" s="6">
        <v>14</v>
      </c>
      <c r="D15" s="5">
        <v>31</v>
      </c>
    </row>
    <row r="16" spans="1:4" ht="18" customHeight="1" x14ac:dyDescent="0.15">
      <c r="A16" s="8" t="s">
        <v>24</v>
      </c>
      <c r="B16" s="21">
        <v>64</v>
      </c>
      <c r="C16" s="6">
        <v>65</v>
      </c>
      <c r="D16" s="5">
        <v>129</v>
      </c>
    </row>
    <row r="17" spans="1:4" ht="18" customHeight="1" x14ac:dyDescent="0.15">
      <c r="A17" s="8">
        <v>10</v>
      </c>
      <c r="B17" s="21">
        <v>13</v>
      </c>
      <c r="C17" s="6">
        <v>9</v>
      </c>
      <c r="D17" s="5">
        <v>22</v>
      </c>
    </row>
    <row r="18" spans="1:4" ht="18" customHeight="1" x14ac:dyDescent="0.15">
      <c r="A18" s="8">
        <v>11</v>
      </c>
      <c r="B18" s="21">
        <v>11</v>
      </c>
      <c r="C18" s="6">
        <v>9</v>
      </c>
      <c r="D18" s="5">
        <v>20</v>
      </c>
    </row>
    <row r="19" spans="1:4" ht="18" customHeight="1" x14ac:dyDescent="0.15">
      <c r="A19" s="8">
        <v>12</v>
      </c>
      <c r="B19" s="21">
        <v>15</v>
      </c>
      <c r="C19" s="6">
        <v>16</v>
      </c>
      <c r="D19" s="5">
        <v>31</v>
      </c>
    </row>
    <row r="20" spans="1:4" ht="18" customHeight="1" x14ac:dyDescent="0.15">
      <c r="A20" s="8">
        <v>13</v>
      </c>
      <c r="B20" s="21">
        <v>10</v>
      </c>
      <c r="C20" s="6">
        <v>10</v>
      </c>
      <c r="D20" s="5">
        <v>20</v>
      </c>
    </row>
    <row r="21" spans="1:4" ht="18" customHeight="1" x14ac:dyDescent="0.15">
      <c r="A21" s="8">
        <v>14</v>
      </c>
      <c r="B21" s="21">
        <v>12</v>
      </c>
      <c r="C21" s="6">
        <v>10</v>
      </c>
      <c r="D21" s="5">
        <v>22</v>
      </c>
    </row>
    <row r="22" spans="1:4" ht="18" customHeight="1" x14ac:dyDescent="0.15">
      <c r="A22" s="8" t="s">
        <v>23</v>
      </c>
      <c r="B22" s="21">
        <v>61</v>
      </c>
      <c r="C22" s="6">
        <v>54</v>
      </c>
      <c r="D22" s="5">
        <v>115</v>
      </c>
    </row>
    <row r="23" spans="1:4" ht="18" customHeight="1" x14ac:dyDescent="0.15">
      <c r="A23" s="8" t="s">
        <v>22</v>
      </c>
      <c r="B23" s="21">
        <v>153</v>
      </c>
      <c r="C23" s="6">
        <v>157</v>
      </c>
      <c r="D23" s="5">
        <v>310</v>
      </c>
    </row>
    <row r="24" spans="1:4" ht="18" customHeight="1" x14ac:dyDescent="0.15">
      <c r="A24" s="8">
        <v>15</v>
      </c>
      <c r="B24" s="21">
        <v>10</v>
      </c>
      <c r="C24" s="6">
        <v>8</v>
      </c>
      <c r="D24" s="5">
        <v>18</v>
      </c>
    </row>
    <row r="25" spans="1:4" ht="18" customHeight="1" x14ac:dyDescent="0.15">
      <c r="A25" s="8">
        <v>16</v>
      </c>
      <c r="B25" s="21">
        <v>3</v>
      </c>
      <c r="C25" s="6">
        <v>8</v>
      </c>
      <c r="D25" s="5">
        <v>11</v>
      </c>
    </row>
    <row r="26" spans="1:4" ht="18" customHeight="1" x14ac:dyDescent="0.15">
      <c r="A26" s="8">
        <v>17</v>
      </c>
      <c r="B26" s="21">
        <v>6</v>
      </c>
      <c r="C26" s="6">
        <v>6</v>
      </c>
      <c r="D26" s="5">
        <v>12</v>
      </c>
    </row>
    <row r="27" spans="1:4" ht="18" customHeight="1" x14ac:dyDescent="0.15">
      <c r="A27" s="8">
        <v>18</v>
      </c>
      <c r="B27" s="21">
        <v>8</v>
      </c>
      <c r="C27" s="6">
        <v>7</v>
      </c>
      <c r="D27" s="5">
        <v>15</v>
      </c>
    </row>
    <row r="28" spans="1:4" ht="18" customHeight="1" x14ac:dyDescent="0.15">
      <c r="A28" s="8">
        <v>19</v>
      </c>
      <c r="B28" s="21">
        <v>7</v>
      </c>
      <c r="C28" s="6">
        <v>4</v>
      </c>
      <c r="D28" s="5">
        <v>11</v>
      </c>
    </row>
    <row r="29" spans="1:4" ht="18" customHeight="1" x14ac:dyDescent="0.15">
      <c r="A29" s="8" t="s">
        <v>21</v>
      </c>
      <c r="B29" s="21">
        <v>34</v>
      </c>
      <c r="C29" s="6">
        <v>33</v>
      </c>
      <c r="D29" s="5">
        <v>67</v>
      </c>
    </row>
    <row r="30" spans="1:4" ht="18" customHeight="1" x14ac:dyDescent="0.15">
      <c r="A30" s="8">
        <v>20</v>
      </c>
      <c r="B30" s="21">
        <v>3</v>
      </c>
      <c r="C30" s="6">
        <v>4</v>
      </c>
      <c r="D30" s="5">
        <v>7</v>
      </c>
    </row>
    <row r="31" spans="1:4" ht="18" customHeight="1" x14ac:dyDescent="0.15">
      <c r="A31" s="8">
        <v>21</v>
      </c>
      <c r="B31" s="21">
        <v>6</v>
      </c>
      <c r="C31" s="6">
        <v>9</v>
      </c>
      <c r="D31" s="5">
        <v>15</v>
      </c>
    </row>
    <row r="32" spans="1:4" ht="18" customHeight="1" x14ac:dyDescent="0.15">
      <c r="A32" s="8">
        <v>22</v>
      </c>
      <c r="B32" s="21">
        <v>9</v>
      </c>
      <c r="C32" s="6">
        <v>6</v>
      </c>
      <c r="D32" s="5">
        <v>15</v>
      </c>
    </row>
    <row r="33" spans="1:4" ht="18" customHeight="1" x14ac:dyDescent="0.15">
      <c r="A33" s="8">
        <v>23</v>
      </c>
      <c r="B33" s="21">
        <v>8</v>
      </c>
      <c r="C33" s="6">
        <v>8</v>
      </c>
      <c r="D33" s="5">
        <v>16</v>
      </c>
    </row>
    <row r="34" spans="1:4" ht="18" customHeight="1" x14ac:dyDescent="0.15">
      <c r="A34" s="8">
        <v>24</v>
      </c>
      <c r="B34" s="21">
        <v>11</v>
      </c>
      <c r="C34" s="6">
        <v>6</v>
      </c>
      <c r="D34" s="5">
        <v>17</v>
      </c>
    </row>
    <row r="35" spans="1:4" ht="18" customHeight="1" x14ac:dyDescent="0.15">
      <c r="A35" s="8" t="s">
        <v>20</v>
      </c>
      <c r="B35" s="21">
        <v>37</v>
      </c>
      <c r="C35" s="6">
        <v>33</v>
      </c>
      <c r="D35" s="5">
        <v>70</v>
      </c>
    </row>
    <row r="36" spans="1:4" ht="18" customHeight="1" x14ac:dyDescent="0.15">
      <c r="A36" s="8">
        <v>25</v>
      </c>
      <c r="B36" s="21">
        <v>9</v>
      </c>
      <c r="C36" s="6">
        <v>5</v>
      </c>
      <c r="D36" s="5">
        <v>14</v>
      </c>
    </row>
    <row r="37" spans="1:4" ht="18" customHeight="1" x14ac:dyDescent="0.15">
      <c r="A37" s="8">
        <v>26</v>
      </c>
      <c r="B37" s="21">
        <v>8</v>
      </c>
      <c r="C37" s="6">
        <v>8</v>
      </c>
      <c r="D37" s="5">
        <v>16</v>
      </c>
    </row>
    <row r="38" spans="1:4" ht="18" customHeight="1" x14ac:dyDescent="0.15">
      <c r="A38" s="8">
        <v>27</v>
      </c>
      <c r="B38" s="21">
        <v>4</v>
      </c>
      <c r="C38" s="6">
        <v>7</v>
      </c>
      <c r="D38" s="5">
        <v>11</v>
      </c>
    </row>
    <row r="39" spans="1:4" ht="18" customHeight="1" x14ac:dyDescent="0.15">
      <c r="A39" s="8">
        <v>28</v>
      </c>
      <c r="B39" s="21">
        <v>8</v>
      </c>
      <c r="C39" s="6">
        <v>5</v>
      </c>
      <c r="D39" s="5">
        <v>13</v>
      </c>
    </row>
    <row r="40" spans="1:4" ht="18" customHeight="1" x14ac:dyDescent="0.15">
      <c r="A40" s="8">
        <v>29</v>
      </c>
      <c r="B40" s="21">
        <v>5</v>
      </c>
      <c r="C40" s="6">
        <v>10</v>
      </c>
      <c r="D40" s="5">
        <v>15</v>
      </c>
    </row>
    <row r="41" spans="1:4" ht="18" customHeight="1" x14ac:dyDescent="0.15">
      <c r="A41" s="8" t="s">
        <v>19</v>
      </c>
      <c r="B41" s="21">
        <v>34</v>
      </c>
      <c r="C41" s="6">
        <v>35</v>
      </c>
      <c r="D41" s="5">
        <v>69</v>
      </c>
    </row>
    <row r="42" spans="1:4" ht="18" customHeight="1" x14ac:dyDescent="0.15">
      <c r="A42" s="8">
        <v>30</v>
      </c>
      <c r="B42" s="21">
        <v>11</v>
      </c>
      <c r="C42" s="6">
        <v>7</v>
      </c>
      <c r="D42" s="5">
        <v>18</v>
      </c>
    </row>
    <row r="43" spans="1:4" ht="18" customHeight="1" x14ac:dyDescent="0.15">
      <c r="A43" s="8">
        <v>31</v>
      </c>
      <c r="B43" s="21">
        <v>7</v>
      </c>
      <c r="C43" s="6">
        <v>6</v>
      </c>
      <c r="D43" s="5">
        <v>13</v>
      </c>
    </row>
    <row r="44" spans="1:4" ht="18" customHeight="1" x14ac:dyDescent="0.15">
      <c r="A44" s="8">
        <v>32</v>
      </c>
      <c r="B44" s="21">
        <v>9</v>
      </c>
      <c r="C44" s="6">
        <v>10</v>
      </c>
      <c r="D44" s="5">
        <v>19</v>
      </c>
    </row>
    <row r="45" spans="1:4" ht="18" customHeight="1" x14ac:dyDescent="0.15">
      <c r="A45" s="8">
        <v>33</v>
      </c>
      <c r="B45" s="21">
        <v>9</v>
      </c>
      <c r="C45" s="6">
        <v>7</v>
      </c>
      <c r="D45" s="5">
        <v>16</v>
      </c>
    </row>
    <row r="46" spans="1:4" ht="18" customHeight="1" x14ac:dyDescent="0.15">
      <c r="A46" s="8">
        <v>34</v>
      </c>
      <c r="B46" s="21">
        <v>13</v>
      </c>
      <c r="C46" s="6">
        <v>15</v>
      </c>
      <c r="D46" s="5">
        <v>28</v>
      </c>
    </row>
    <row r="47" spans="1:4" ht="18" customHeight="1" x14ac:dyDescent="0.15">
      <c r="A47" s="8" t="s">
        <v>18</v>
      </c>
      <c r="B47" s="21">
        <v>49</v>
      </c>
      <c r="C47" s="6">
        <v>45</v>
      </c>
      <c r="D47" s="5">
        <v>94</v>
      </c>
    </row>
    <row r="48" spans="1:4" ht="18" customHeight="1" x14ac:dyDescent="0.15">
      <c r="A48" s="8">
        <v>35</v>
      </c>
      <c r="B48" s="21">
        <v>13</v>
      </c>
      <c r="C48" s="6">
        <v>6</v>
      </c>
      <c r="D48" s="5">
        <v>19</v>
      </c>
    </row>
    <row r="49" spans="1:4" ht="18" customHeight="1" x14ac:dyDescent="0.15">
      <c r="A49" s="8">
        <v>36</v>
      </c>
      <c r="B49" s="21">
        <v>16</v>
      </c>
      <c r="C49" s="6">
        <v>11</v>
      </c>
      <c r="D49" s="5">
        <v>27</v>
      </c>
    </row>
    <row r="50" spans="1:4" ht="18" customHeight="1" x14ac:dyDescent="0.15">
      <c r="A50" s="8">
        <v>37</v>
      </c>
      <c r="B50" s="21">
        <v>17</v>
      </c>
      <c r="C50" s="6">
        <v>20</v>
      </c>
      <c r="D50" s="5">
        <v>37</v>
      </c>
    </row>
    <row r="51" spans="1:4" ht="18" customHeight="1" x14ac:dyDescent="0.15">
      <c r="A51" s="8">
        <v>38</v>
      </c>
      <c r="B51" s="21">
        <v>13</v>
      </c>
      <c r="C51" s="6">
        <v>14</v>
      </c>
      <c r="D51" s="5">
        <v>27</v>
      </c>
    </row>
    <row r="52" spans="1:4" ht="18" customHeight="1" x14ac:dyDescent="0.15">
      <c r="A52" s="8">
        <v>39</v>
      </c>
      <c r="B52" s="21">
        <v>17</v>
      </c>
      <c r="C52" s="6">
        <v>16</v>
      </c>
      <c r="D52" s="5">
        <v>33</v>
      </c>
    </row>
    <row r="53" spans="1:4" ht="18" customHeight="1" x14ac:dyDescent="0.15">
      <c r="A53" s="8" t="s">
        <v>17</v>
      </c>
      <c r="B53" s="21">
        <v>76</v>
      </c>
      <c r="C53" s="6">
        <v>67</v>
      </c>
      <c r="D53" s="5">
        <v>143</v>
      </c>
    </row>
    <row r="54" spans="1:4" ht="18" customHeight="1" x14ac:dyDescent="0.15">
      <c r="A54" s="8">
        <v>40</v>
      </c>
      <c r="B54" s="21">
        <v>16</v>
      </c>
      <c r="C54" s="6">
        <v>16</v>
      </c>
      <c r="D54" s="5">
        <v>32</v>
      </c>
    </row>
    <row r="55" spans="1:4" ht="18" customHeight="1" x14ac:dyDescent="0.15">
      <c r="A55" s="8">
        <v>41</v>
      </c>
      <c r="B55" s="21">
        <v>15</v>
      </c>
      <c r="C55" s="6">
        <v>13</v>
      </c>
      <c r="D55" s="5">
        <v>28</v>
      </c>
    </row>
    <row r="56" spans="1:4" ht="18" customHeight="1" x14ac:dyDescent="0.15">
      <c r="A56" s="8">
        <v>42</v>
      </c>
      <c r="B56" s="21">
        <v>16</v>
      </c>
      <c r="C56" s="6">
        <v>15</v>
      </c>
      <c r="D56" s="5">
        <v>31</v>
      </c>
    </row>
    <row r="57" spans="1:4" ht="18" customHeight="1" x14ac:dyDescent="0.15">
      <c r="A57" s="8">
        <v>43</v>
      </c>
      <c r="B57" s="21">
        <v>17</v>
      </c>
      <c r="C57" s="6">
        <v>13</v>
      </c>
      <c r="D57" s="5">
        <v>30</v>
      </c>
    </row>
    <row r="58" spans="1:4" ht="18" customHeight="1" x14ac:dyDescent="0.15">
      <c r="A58" s="8">
        <v>44</v>
      </c>
      <c r="B58" s="21">
        <v>17</v>
      </c>
      <c r="C58" s="6">
        <v>11</v>
      </c>
      <c r="D58" s="5">
        <v>28</v>
      </c>
    </row>
    <row r="59" spans="1:4" ht="18" customHeight="1" x14ac:dyDescent="0.15">
      <c r="A59" s="8" t="s">
        <v>16</v>
      </c>
      <c r="B59" s="21">
        <v>81</v>
      </c>
      <c r="C59" s="6">
        <v>68</v>
      </c>
      <c r="D59" s="5">
        <v>149</v>
      </c>
    </row>
    <row r="60" spans="1:4" ht="18" customHeight="1" x14ac:dyDescent="0.15">
      <c r="A60" s="8">
        <v>45</v>
      </c>
      <c r="B60" s="21">
        <v>14</v>
      </c>
      <c r="C60" s="6">
        <v>12</v>
      </c>
      <c r="D60" s="5">
        <v>26</v>
      </c>
    </row>
    <row r="61" spans="1:4" ht="18" customHeight="1" x14ac:dyDescent="0.15">
      <c r="A61" s="8">
        <v>46</v>
      </c>
      <c r="B61" s="21">
        <v>14</v>
      </c>
      <c r="C61" s="6">
        <v>10</v>
      </c>
      <c r="D61" s="5">
        <v>24</v>
      </c>
    </row>
    <row r="62" spans="1:4" ht="18" customHeight="1" x14ac:dyDescent="0.15">
      <c r="A62" s="8">
        <v>47</v>
      </c>
      <c r="B62" s="21">
        <v>19</v>
      </c>
      <c r="C62" s="6">
        <v>7</v>
      </c>
      <c r="D62" s="5">
        <v>26</v>
      </c>
    </row>
    <row r="63" spans="1:4" ht="18" customHeight="1" x14ac:dyDescent="0.15">
      <c r="A63" s="8">
        <v>48</v>
      </c>
      <c r="B63" s="21">
        <v>9</v>
      </c>
      <c r="C63" s="6">
        <v>8</v>
      </c>
      <c r="D63" s="5">
        <v>17</v>
      </c>
    </row>
    <row r="64" spans="1:4" ht="18" customHeight="1" x14ac:dyDescent="0.15">
      <c r="A64" s="8">
        <v>49</v>
      </c>
      <c r="B64" s="21">
        <v>20</v>
      </c>
      <c r="C64" s="6">
        <v>17</v>
      </c>
      <c r="D64" s="5">
        <v>37</v>
      </c>
    </row>
    <row r="65" spans="1:4" ht="18" customHeight="1" x14ac:dyDescent="0.15">
      <c r="A65" s="8" t="s">
        <v>15</v>
      </c>
      <c r="B65" s="21">
        <v>76</v>
      </c>
      <c r="C65" s="6">
        <v>54</v>
      </c>
      <c r="D65" s="5">
        <v>130</v>
      </c>
    </row>
    <row r="66" spans="1:4" ht="18" customHeight="1" x14ac:dyDescent="0.15">
      <c r="A66" s="8">
        <v>50</v>
      </c>
      <c r="B66" s="21">
        <v>12</v>
      </c>
      <c r="C66" s="6">
        <v>7</v>
      </c>
      <c r="D66" s="5">
        <v>19</v>
      </c>
    </row>
    <row r="67" spans="1:4" ht="18" customHeight="1" x14ac:dyDescent="0.15">
      <c r="A67" s="8">
        <v>51</v>
      </c>
      <c r="B67" s="21">
        <v>13</v>
      </c>
      <c r="C67" s="6">
        <v>14</v>
      </c>
      <c r="D67" s="5">
        <v>27</v>
      </c>
    </row>
    <row r="68" spans="1:4" ht="18" customHeight="1" x14ac:dyDescent="0.15">
      <c r="A68" s="8">
        <v>52</v>
      </c>
      <c r="B68" s="21">
        <v>16</v>
      </c>
      <c r="C68" s="6">
        <v>18</v>
      </c>
      <c r="D68" s="5">
        <v>34</v>
      </c>
    </row>
    <row r="69" spans="1:4" ht="18" customHeight="1" x14ac:dyDescent="0.15">
      <c r="A69" s="8">
        <v>53</v>
      </c>
      <c r="B69" s="21">
        <v>12</v>
      </c>
      <c r="C69" s="6">
        <v>5</v>
      </c>
      <c r="D69" s="5">
        <v>17</v>
      </c>
    </row>
    <row r="70" spans="1:4" ht="18" customHeight="1" x14ac:dyDescent="0.15">
      <c r="A70" s="8">
        <v>54</v>
      </c>
      <c r="B70" s="21">
        <v>18</v>
      </c>
      <c r="C70" s="6">
        <v>15</v>
      </c>
      <c r="D70" s="5">
        <v>33</v>
      </c>
    </row>
    <row r="71" spans="1:4" ht="18" customHeight="1" x14ac:dyDescent="0.15">
      <c r="A71" s="8" t="s">
        <v>14</v>
      </c>
      <c r="B71" s="21">
        <v>71</v>
      </c>
      <c r="C71" s="6">
        <v>59</v>
      </c>
      <c r="D71" s="5">
        <v>130</v>
      </c>
    </row>
    <row r="72" spans="1:4" ht="18" customHeight="1" x14ac:dyDescent="0.15">
      <c r="A72" s="8">
        <v>55</v>
      </c>
      <c r="B72" s="21">
        <v>16</v>
      </c>
      <c r="C72" s="6">
        <v>15</v>
      </c>
      <c r="D72" s="5">
        <v>31</v>
      </c>
    </row>
    <row r="73" spans="1:4" ht="18" customHeight="1" x14ac:dyDescent="0.15">
      <c r="A73" s="8">
        <v>56</v>
      </c>
      <c r="B73" s="21">
        <v>6</v>
      </c>
      <c r="C73" s="6">
        <v>8</v>
      </c>
      <c r="D73" s="5">
        <v>14</v>
      </c>
    </row>
    <row r="74" spans="1:4" ht="18" customHeight="1" x14ac:dyDescent="0.15">
      <c r="A74" s="8">
        <v>57</v>
      </c>
      <c r="B74" s="21">
        <v>8</v>
      </c>
      <c r="C74" s="6">
        <v>18</v>
      </c>
      <c r="D74" s="5">
        <v>26</v>
      </c>
    </row>
    <row r="75" spans="1:4" ht="18" customHeight="1" x14ac:dyDescent="0.15">
      <c r="A75" s="8">
        <v>58</v>
      </c>
      <c r="B75" s="21">
        <v>10</v>
      </c>
      <c r="C75" s="6">
        <v>15</v>
      </c>
      <c r="D75" s="5">
        <v>25</v>
      </c>
    </row>
    <row r="76" spans="1:4" ht="18" customHeight="1" x14ac:dyDescent="0.15">
      <c r="A76" s="8">
        <v>59</v>
      </c>
      <c r="B76" s="21">
        <v>9</v>
      </c>
      <c r="C76" s="6">
        <v>3</v>
      </c>
      <c r="D76" s="5">
        <v>12</v>
      </c>
    </row>
    <row r="77" spans="1:4" ht="18" customHeight="1" x14ac:dyDescent="0.15">
      <c r="A77" s="8" t="s">
        <v>13</v>
      </c>
      <c r="B77" s="21">
        <v>49</v>
      </c>
      <c r="C77" s="6">
        <v>59</v>
      </c>
      <c r="D77" s="5">
        <v>108</v>
      </c>
    </row>
    <row r="78" spans="1:4" ht="18" customHeight="1" x14ac:dyDescent="0.15">
      <c r="A78" s="8">
        <v>60</v>
      </c>
      <c r="B78" s="21">
        <v>15</v>
      </c>
      <c r="C78" s="6">
        <v>20</v>
      </c>
      <c r="D78" s="5">
        <v>35</v>
      </c>
    </row>
    <row r="79" spans="1:4" ht="18" customHeight="1" x14ac:dyDescent="0.15">
      <c r="A79" s="8">
        <v>61</v>
      </c>
      <c r="B79" s="21">
        <v>8</v>
      </c>
      <c r="C79" s="6">
        <v>8</v>
      </c>
      <c r="D79" s="5">
        <v>16</v>
      </c>
    </row>
    <row r="80" spans="1:4" ht="18" customHeight="1" x14ac:dyDescent="0.15">
      <c r="A80" s="8">
        <v>62</v>
      </c>
      <c r="B80" s="21">
        <v>10</v>
      </c>
      <c r="C80" s="6">
        <v>14</v>
      </c>
      <c r="D80" s="5">
        <v>24</v>
      </c>
    </row>
    <row r="81" spans="1:4" ht="18" customHeight="1" x14ac:dyDescent="0.15">
      <c r="A81" s="8">
        <v>63</v>
      </c>
      <c r="B81" s="21">
        <v>17</v>
      </c>
      <c r="C81" s="6">
        <v>12</v>
      </c>
      <c r="D81" s="5">
        <v>29</v>
      </c>
    </row>
    <row r="82" spans="1:4" ht="18" customHeight="1" x14ac:dyDescent="0.15">
      <c r="A82" s="8">
        <v>64</v>
      </c>
      <c r="B82" s="21">
        <v>7</v>
      </c>
      <c r="C82" s="6">
        <v>21</v>
      </c>
      <c r="D82" s="5">
        <v>28</v>
      </c>
    </row>
    <row r="83" spans="1:4" ht="18" customHeight="1" x14ac:dyDescent="0.15">
      <c r="A83" s="8" t="s">
        <v>12</v>
      </c>
      <c r="B83" s="21">
        <v>57</v>
      </c>
      <c r="C83" s="6">
        <v>75</v>
      </c>
      <c r="D83" s="5">
        <v>132</v>
      </c>
    </row>
    <row r="84" spans="1:4" ht="18" customHeight="1" x14ac:dyDescent="0.15">
      <c r="A84" s="8" t="s">
        <v>11</v>
      </c>
      <c r="B84" s="21">
        <v>564</v>
      </c>
      <c r="C84" s="6">
        <v>528</v>
      </c>
      <c r="D84" s="5">
        <v>1092</v>
      </c>
    </row>
    <row r="85" spans="1:4" ht="18" customHeight="1" x14ac:dyDescent="0.15">
      <c r="A85" s="8">
        <v>65</v>
      </c>
      <c r="B85" s="21">
        <v>11</v>
      </c>
      <c r="C85" s="6">
        <v>22</v>
      </c>
      <c r="D85" s="5">
        <v>33</v>
      </c>
    </row>
    <row r="86" spans="1:4" ht="18" customHeight="1" x14ac:dyDescent="0.15">
      <c r="A86" s="8">
        <v>66</v>
      </c>
      <c r="B86" s="21">
        <v>23</v>
      </c>
      <c r="C86" s="6">
        <v>14</v>
      </c>
      <c r="D86" s="5">
        <v>37</v>
      </c>
    </row>
    <row r="87" spans="1:4" ht="18" customHeight="1" x14ac:dyDescent="0.15">
      <c r="A87" s="8">
        <v>67</v>
      </c>
      <c r="B87" s="21">
        <v>19</v>
      </c>
      <c r="C87" s="6">
        <v>17</v>
      </c>
      <c r="D87" s="5">
        <v>36</v>
      </c>
    </row>
    <row r="88" spans="1:4" ht="18" customHeight="1" x14ac:dyDescent="0.15">
      <c r="A88" s="8">
        <v>68</v>
      </c>
      <c r="B88" s="21">
        <v>15</v>
      </c>
      <c r="C88" s="6">
        <v>13</v>
      </c>
      <c r="D88" s="5">
        <v>28</v>
      </c>
    </row>
    <row r="89" spans="1:4" ht="18" customHeight="1" x14ac:dyDescent="0.15">
      <c r="A89" s="8">
        <v>69</v>
      </c>
      <c r="B89" s="21">
        <v>21</v>
      </c>
      <c r="C89" s="6">
        <v>18</v>
      </c>
      <c r="D89" s="5">
        <v>39</v>
      </c>
    </row>
    <row r="90" spans="1:4" ht="18" customHeight="1" x14ac:dyDescent="0.15">
      <c r="A90" s="8" t="s">
        <v>10</v>
      </c>
      <c r="B90" s="21">
        <v>89</v>
      </c>
      <c r="C90" s="6">
        <v>84</v>
      </c>
      <c r="D90" s="5">
        <v>173</v>
      </c>
    </row>
    <row r="91" spans="1:4" ht="18" customHeight="1" x14ac:dyDescent="0.15">
      <c r="A91" s="8">
        <v>70</v>
      </c>
      <c r="B91" s="21">
        <v>13</v>
      </c>
      <c r="C91" s="6">
        <v>18</v>
      </c>
      <c r="D91" s="5">
        <v>31</v>
      </c>
    </row>
    <row r="92" spans="1:4" ht="18" customHeight="1" x14ac:dyDescent="0.15">
      <c r="A92" s="8">
        <v>71</v>
      </c>
      <c r="B92" s="21">
        <v>11</v>
      </c>
      <c r="C92" s="6">
        <v>14</v>
      </c>
      <c r="D92" s="5">
        <v>25</v>
      </c>
    </row>
    <row r="93" spans="1:4" ht="18" customHeight="1" x14ac:dyDescent="0.15">
      <c r="A93" s="8">
        <v>72</v>
      </c>
      <c r="B93" s="21">
        <v>9</v>
      </c>
      <c r="C93" s="6">
        <v>15</v>
      </c>
      <c r="D93" s="5">
        <v>24</v>
      </c>
    </row>
    <row r="94" spans="1:4" ht="18" customHeight="1" x14ac:dyDescent="0.15">
      <c r="A94" s="8">
        <v>73</v>
      </c>
      <c r="B94" s="21">
        <v>22</v>
      </c>
      <c r="C94" s="6">
        <v>20</v>
      </c>
      <c r="D94" s="5">
        <v>42</v>
      </c>
    </row>
    <row r="95" spans="1:4" ht="18" customHeight="1" x14ac:dyDescent="0.15">
      <c r="A95" s="8">
        <v>74</v>
      </c>
      <c r="B95" s="21">
        <v>15</v>
      </c>
      <c r="C95" s="6">
        <v>27</v>
      </c>
      <c r="D95" s="5">
        <v>42</v>
      </c>
    </row>
    <row r="96" spans="1:4" ht="18" customHeight="1" x14ac:dyDescent="0.15">
      <c r="A96" s="8" t="s">
        <v>9</v>
      </c>
      <c r="B96" s="21">
        <v>70</v>
      </c>
      <c r="C96" s="6">
        <v>94</v>
      </c>
      <c r="D96" s="5">
        <v>164</v>
      </c>
    </row>
    <row r="97" spans="1:4" ht="18" customHeight="1" x14ac:dyDescent="0.15">
      <c r="A97" s="8">
        <v>75</v>
      </c>
      <c r="B97" s="21">
        <v>15</v>
      </c>
      <c r="C97" s="6">
        <v>15</v>
      </c>
      <c r="D97" s="5">
        <v>30</v>
      </c>
    </row>
    <row r="98" spans="1:4" ht="18" customHeight="1" x14ac:dyDescent="0.15">
      <c r="A98" s="8">
        <v>76</v>
      </c>
      <c r="B98" s="21">
        <v>23</v>
      </c>
      <c r="C98" s="6">
        <v>16</v>
      </c>
      <c r="D98" s="5">
        <v>39</v>
      </c>
    </row>
    <row r="99" spans="1:4" ht="18" customHeight="1" x14ac:dyDescent="0.15">
      <c r="A99" s="8">
        <v>77</v>
      </c>
      <c r="B99" s="21">
        <v>27</v>
      </c>
      <c r="C99" s="6">
        <v>29</v>
      </c>
      <c r="D99" s="5">
        <v>56</v>
      </c>
    </row>
    <row r="100" spans="1:4" ht="18" customHeight="1" x14ac:dyDescent="0.15">
      <c r="A100" s="8">
        <v>78</v>
      </c>
      <c r="B100" s="21">
        <v>20</v>
      </c>
      <c r="C100" s="6">
        <v>15</v>
      </c>
      <c r="D100" s="5">
        <v>35</v>
      </c>
    </row>
    <row r="101" spans="1:4" ht="18" customHeight="1" x14ac:dyDescent="0.15">
      <c r="A101" s="8">
        <v>79</v>
      </c>
      <c r="B101" s="21">
        <v>11</v>
      </c>
      <c r="C101" s="6">
        <v>11</v>
      </c>
      <c r="D101" s="5">
        <v>22</v>
      </c>
    </row>
    <row r="102" spans="1:4" ht="18" customHeight="1" x14ac:dyDescent="0.15">
      <c r="A102" s="8" t="s">
        <v>8</v>
      </c>
      <c r="B102" s="21">
        <v>96</v>
      </c>
      <c r="C102" s="6">
        <v>86</v>
      </c>
      <c r="D102" s="5">
        <v>182</v>
      </c>
    </row>
    <row r="103" spans="1:4" ht="18" customHeight="1" x14ac:dyDescent="0.15">
      <c r="A103" s="8">
        <v>80</v>
      </c>
      <c r="B103" s="21">
        <v>2</v>
      </c>
      <c r="C103" s="6">
        <v>11</v>
      </c>
      <c r="D103" s="5">
        <v>13</v>
      </c>
    </row>
    <row r="104" spans="1:4" ht="18" customHeight="1" x14ac:dyDescent="0.15">
      <c r="A104" s="8">
        <v>81</v>
      </c>
      <c r="B104" s="21">
        <v>12</v>
      </c>
      <c r="C104" s="6">
        <v>17</v>
      </c>
      <c r="D104" s="5">
        <v>29</v>
      </c>
    </row>
    <row r="105" spans="1:4" ht="18" customHeight="1" x14ac:dyDescent="0.15">
      <c r="A105" s="8">
        <v>82</v>
      </c>
      <c r="B105" s="21">
        <v>12</v>
      </c>
      <c r="C105" s="6">
        <v>11</v>
      </c>
      <c r="D105" s="5">
        <v>23</v>
      </c>
    </row>
    <row r="106" spans="1:4" ht="18" customHeight="1" x14ac:dyDescent="0.15">
      <c r="A106" s="8">
        <v>83</v>
      </c>
      <c r="B106" s="21">
        <v>15</v>
      </c>
      <c r="C106" s="6">
        <v>3</v>
      </c>
      <c r="D106" s="5">
        <v>18</v>
      </c>
    </row>
    <row r="107" spans="1:4" ht="18" customHeight="1" x14ac:dyDescent="0.15">
      <c r="A107" s="8">
        <v>84</v>
      </c>
      <c r="B107" s="21">
        <v>9</v>
      </c>
      <c r="C107" s="6">
        <v>13</v>
      </c>
      <c r="D107" s="5">
        <v>22</v>
      </c>
    </row>
    <row r="108" spans="1:4" ht="18" customHeight="1" x14ac:dyDescent="0.15">
      <c r="A108" s="8" t="s">
        <v>7</v>
      </c>
      <c r="B108" s="21">
        <v>50</v>
      </c>
      <c r="C108" s="6">
        <v>55</v>
      </c>
      <c r="D108" s="5">
        <v>105</v>
      </c>
    </row>
    <row r="109" spans="1:4" ht="18" customHeight="1" x14ac:dyDescent="0.15">
      <c r="A109" s="8">
        <v>85</v>
      </c>
      <c r="B109" s="21">
        <v>5</v>
      </c>
      <c r="C109" s="6">
        <v>17</v>
      </c>
      <c r="D109" s="5">
        <v>22</v>
      </c>
    </row>
    <row r="110" spans="1:4" ht="18" customHeight="1" x14ac:dyDescent="0.15">
      <c r="A110" s="8">
        <v>86</v>
      </c>
      <c r="B110" s="21">
        <v>7</v>
      </c>
      <c r="C110" s="6">
        <v>6</v>
      </c>
      <c r="D110" s="5">
        <v>13</v>
      </c>
    </row>
    <row r="111" spans="1:4" ht="18" customHeight="1" x14ac:dyDescent="0.15">
      <c r="A111" s="8">
        <v>87</v>
      </c>
      <c r="B111" s="21">
        <v>3</v>
      </c>
      <c r="C111" s="6">
        <v>11</v>
      </c>
      <c r="D111" s="5">
        <v>14</v>
      </c>
    </row>
    <row r="112" spans="1:4" ht="18" customHeight="1" x14ac:dyDescent="0.15">
      <c r="A112" s="8">
        <v>88</v>
      </c>
      <c r="B112" s="21">
        <v>9</v>
      </c>
      <c r="C112" s="6">
        <v>9</v>
      </c>
      <c r="D112" s="5">
        <v>18</v>
      </c>
    </row>
    <row r="113" spans="1:4" ht="18" customHeight="1" x14ac:dyDescent="0.15">
      <c r="A113" s="8">
        <v>89</v>
      </c>
      <c r="B113" s="21">
        <v>4</v>
      </c>
      <c r="C113" s="6">
        <v>6</v>
      </c>
      <c r="D113" s="5">
        <v>10</v>
      </c>
    </row>
    <row r="114" spans="1:4" ht="18" customHeight="1" x14ac:dyDescent="0.15">
      <c r="A114" s="8" t="s">
        <v>6</v>
      </c>
      <c r="B114" s="21">
        <v>28</v>
      </c>
      <c r="C114" s="6">
        <v>49</v>
      </c>
      <c r="D114" s="5">
        <v>77</v>
      </c>
    </row>
    <row r="115" spans="1:4" ht="18" customHeight="1" x14ac:dyDescent="0.15">
      <c r="A115" s="8">
        <v>90</v>
      </c>
      <c r="B115" s="21">
        <v>2</v>
      </c>
      <c r="C115" s="6">
        <v>3</v>
      </c>
      <c r="D115" s="5">
        <v>5</v>
      </c>
    </row>
    <row r="116" spans="1:4" ht="18" customHeight="1" x14ac:dyDescent="0.15">
      <c r="A116" s="8">
        <v>91</v>
      </c>
      <c r="B116" s="21">
        <v>3</v>
      </c>
      <c r="C116" s="6">
        <v>6</v>
      </c>
      <c r="D116" s="5">
        <v>9</v>
      </c>
    </row>
    <row r="117" spans="1:4" ht="18" customHeight="1" x14ac:dyDescent="0.15">
      <c r="A117" s="8">
        <v>92</v>
      </c>
      <c r="B117" s="21">
        <v>0</v>
      </c>
      <c r="C117" s="6">
        <v>13</v>
      </c>
      <c r="D117" s="5">
        <v>13</v>
      </c>
    </row>
    <row r="118" spans="1:4" ht="18" customHeight="1" x14ac:dyDescent="0.15">
      <c r="A118" s="8">
        <v>93</v>
      </c>
      <c r="B118" s="21">
        <v>1</v>
      </c>
      <c r="C118" s="6">
        <v>4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5</v>
      </c>
      <c r="D119" s="5">
        <v>5</v>
      </c>
    </row>
    <row r="120" spans="1:4" ht="18" customHeight="1" x14ac:dyDescent="0.15">
      <c r="A120" s="8" t="s">
        <v>5</v>
      </c>
      <c r="B120" s="21">
        <v>6</v>
      </c>
      <c r="C120" s="6">
        <v>31</v>
      </c>
      <c r="D120" s="5">
        <v>37</v>
      </c>
    </row>
    <row r="121" spans="1:4" ht="18" customHeight="1" x14ac:dyDescent="0.15">
      <c r="A121" s="8">
        <v>95</v>
      </c>
      <c r="B121" s="21">
        <v>0</v>
      </c>
      <c r="C121" s="6">
        <v>7</v>
      </c>
      <c r="D121" s="5">
        <v>7</v>
      </c>
    </row>
    <row r="122" spans="1:4" ht="18" customHeight="1" x14ac:dyDescent="0.15">
      <c r="A122" s="8">
        <v>96</v>
      </c>
      <c r="B122" s="21">
        <v>1</v>
      </c>
      <c r="C122" s="6">
        <v>4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2</v>
      </c>
      <c r="D125" s="5">
        <v>2</v>
      </c>
    </row>
    <row r="126" spans="1:4" ht="18" customHeight="1" x14ac:dyDescent="0.15">
      <c r="A126" s="8" t="s">
        <v>4</v>
      </c>
      <c r="B126" s="21">
        <v>1</v>
      </c>
      <c r="C126" s="6">
        <v>16</v>
      </c>
      <c r="D126" s="5">
        <v>17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40</v>
      </c>
      <c r="C130" s="6">
        <v>417</v>
      </c>
      <c r="D130" s="5">
        <v>757</v>
      </c>
    </row>
    <row r="131" spans="1:4" ht="18" customHeight="1" x14ac:dyDescent="0.15">
      <c r="A131" s="4" t="s">
        <v>0</v>
      </c>
      <c r="B131" s="20">
        <v>1057</v>
      </c>
      <c r="C131" s="2">
        <v>1102</v>
      </c>
      <c r="D131" s="1">
        <v>2159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C649D4-F1A3-4861-926B-A4A3ABD79505}">
  <sheetPr codeName="Sheet8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0</v>
      </c>
      <c r="C5" s="31">
        <v>7</v>
      </c>
      <c r="D5" s="30">
        <v>17</v>
      </c>
    </row>
    <row r="6" spans="1:4" ht="18" customHeight="1" x14ac:dyDescent="0.15">
      <c r="A6" s="8">
        <v>1</v>
      </c>
      <c r="B6" s="26">
        <v>11</v>
      </c>
      <c r="C6" s="6">
        <v>10</v>
      </c>
      <c r="D6" s="5">
        <v>21</v>
      </c>
    </row>
    <row r="7" spans="1:4" ht="18" customHeight="1" x14ac:dyDescent="0.15">
      <c r="A7" s="8">
        <v>2</v>
      </c>
      <c r="B7" s="26">
        <v>12</v>
      </c>
      <c r="C7" s="6">
        <v>11</v>
      </c>
      <c r="D7" s="5">
        <v>23</v>
      </c>
    </row>
    <row r="8" spans="1:4" ht="18" customHeight="1" x14ac:dyDescent="0.15">
      <c r="A8" s="8">
        <v>3</v>
      </c>
      <c r="B8" s="26">
        <v>18</v>
      </c>
      <c r="C8" s="6">
        <v>12</v>
      </c>
      <c r="D8" s="5">
        <v>30</v>
      </c>
    </row>
    <row r="9" spans="1:4" ht="18" customHeight="1" x14ac:dyDescent="0.15">
      <c r="A9" s="8">
        <v>4</v>
      </c>
      <c r="B9" s="29">
        <v>23</v>
      </c>
      <c r="C9" s="28">
        <v>17</v>
      </c>
      <c r="D9" s="27">
        <v>40</v>
      </c>
    </row>
    <row r="10" spans="1:4" ht="18" customHeight="1" x14ac:dyDescent="0.15">
      <c r="A10" s="8" t="s">
        <v>25</v>
      </c>
      <c r="B10" s="21">
        <v>74</v>
      </c>
      <c r="C10" s="6">
        <v>57</v>
      </c>
      <c r="D10" s="5">
        <v>131</v>
      </c>
    </row>
    <row r="11" spans="1:4" ht="18" customHeight="1" x14ac:dyDescent="0.15">
      <c r="A11" s="8">
        <v>5</v>
      </c>
      <c r="B11" s="26">
        <v>18</v>
      </c>
      <c r="C11" s="6">
        <v>13</v>
      </c>
      <c r="D11" s="5">
        <v>31</v>
      </c>
    </row>
    <row r="12" spans="1:4" ht="18" customHeight="1" x14ac:dyDescent="0.15">
      <c r="A12" s="8">
        <v>6</v>
      </c>
      <c r="B12" s="26">
        <v>26</v>
      </c>
      <c r="C12" s="6">
        <v>17</v>
      </c>
      <c r="D12" s="5">
        <v>43</v>
      </c>
    </row>
    <row r="13" spans="1:4" ht="18" customHeight="1" x14ac:dyDescent="0.15">
      <c r="A13" s="8">
        <v>7</v>
      </c>
      <c r="B13" s="26">
        <v>26</v>
      </c>
      <c r="C13" s="6">
        <v>17</v>
      </c>
      <c r="D13" s="5">
        <v>43</v>
      </c>
    </row>
    <row r="14" spans="1:4" ht="18" customHeight="1" x14ac:dyDescent="0.15">
      <c r="A14" s="8">
        <v>8</v>
      </c>
      <c r="B14" s="26">
        <v>15</v>
      </c>
      <c r="C14" s="6">
        <v>16</v>
      </c>
      <c r="D14" s="5">
        <v>31</v>
      </c>
    </row>
    <row r="15" spans="1:4" ht="18" customHeight="1" x14ac:dyDescent="0.15">
      <c r="A15" s="8">
        <v>9</v>
      </c>
      <c r="B15" s="26">
        <v>16</v>
      </c>
      <c r="C15" s="6">
        <v>16</v>
      </c>
      <c r="D15" s="5">
        <v>32</v>
      </c>
    </row>
    <row r="16" spans="1:4" ht="18" customHeight="1" x14ac:dyDescent="0.15">
      <c r="A16" s="8" t="s">
        <v>24</v>
      </c>
      <c r="B16" s="21">
        <v>101</v>
      </c>
      <c r="C16" s="6">
        <v>79</v>
      </c>
      <c r="D16" s="5">
        <v>180</v>
      </c>
    </row>
    <row r="17" spans="1:4" ht="18" customHeight="1" x14ac:dyDescent="0.15">
      <c r="A17" s="8">
        <v>10</v>
      </c>
      <c r="B17" s="21">
        <v>21</v>
      </c>
      <c r="C17" s="6">
        <v>13</v>
      </c>
      <c r="D17" s="5">
        <v>34</v>
      </c>
    </row>
    <row r="18" spans="1:4" ht="18" customHeight="1" x14ac:dyDescent="0.15">
      <c r="A18" s="8">
        <v>11</v>
      </c>
      <c r="B18" s="21">
        <v>24</v>
      </c>
      <c r="C18" s="6">
        <v>13</v>
      </c>
      <c r="D18" s="5">
        <v>37</v>
      </c>
    </row>
    <row r="19" spans="1:4" ht="18" customHeight="1" x14ac:dyDescent="0.15">
      <c r="A19" s="8">
        <v>12</v>
      </c>
      <c r="B19" s="21">
        <v>21</v>
      </c>
      <c r="C19" s="6">
        <v>14</v>
      </c>
      <c r="D19" s="5">
        <v>35</v>
      </c>
    </row>
    <row r="20" spans="1:4" ht="18" customHeight="1" x14ac:dyDescent="0.15">
      <c r="A20" s="8">
        <v>13</v>
      </c>
      <c r="B20" s="21">
        <v>15</v>
      </c>
      <c r="C20" s="6">
        <v>12</v>
      </c>
      <c r="D20" s="5">
        <v>27</v>
      </c>
    </row>
    <row r="21" spans="1:4" ht="18" customHeight="1" x14ac:dyDescent="0.15">
      <c r="A21" s="8">
        <v>14</v>
      </c>
      <c r="B21" s="21">
        <v>12</v>
      </c>
      <c r="C21" s="6">
        <v>18</v>
      </c>
      <c r="D21" s="5">
        <v>30</v>
      </c>
    </row>
    <row r="22" spans="1:4" ht="18" customHeight="1" x14ac:dyDescent="0.15">
      <c r="A22" s="8" t="s">
        <v>23</v>
      </c>
      <c r="B22" s="21">
        <v>93</v>
      </c>
      <c r="C22" s="6">
        <v>70</v>
      </c>
      <c r="D22" s="5">
        <v>163</v>
      </c>
    </row>
    <row r="23" spans="1:4" ht="18" customHeight="1" x14ac:dyDescent="0.15">
      <c r="A23" s="8" t="s">
        <v>22</v>
      </c>
      <c r="B23" s="21">
        <v>268</v>
      </c>
      <c r="C23" s="6">
        <v>206</v>
      </c>
      <c r="D23" s="5">
        <v>474</v>
      </c>
    </row>
    <row r="24" spans="1:4" ht="18" customHeight="1" x14ac:dyDescent="0.15">
      <c r="A24" s="8">
        <v>15</v>
      </c>
      <c r="B24" s="21">
        <v>15</v>
      </c>
      <c r="C24" s="6">
        <v>19</v>
      </c>
      <c r="D24" s="5">
        <v>34</v>
      </c>
    </row>
    <row r="25" spans="1:4" ht="18" customHeight="1" x14ac:dyDescent="0.15">
      <c r="A25" s="8">
        <v>16</v>
      </c>
      <c r="B25" s="21">
        <v>13</v>
      </c>
      <c r="C25" s="6">
        <v>19</v>
      </c>
      <c r="D25" s="5">
        <v>32</v>
      </c>
    </row>
    <row r="26" spans="1:4" ht="18" customHeight="1" x14ac:dyDescent="0.15">
      <c r="A26" s="8">
        <v>17</v>
      </c>
      <c r="B26" s="21">
        <v>17</v>
      </c>
      <c r="C26" s="6">
        <v>17</v>
      </c>
      <c r="D26" s="5">
        <v>34</v>
      </c>
    </row>
    <row r="27" spans="1:4" ht="18" customHeight="1" x14ac:dyDescent="0.15">
      <c r="A27" s="8">
        <v>18</v>
      </c>
      <c r="B27" s="21">
        <v>17</v>
      </c>
      <c r="C27" s="6">
        <v>16</v>
      </c>
      <c r="D27" s="5">
        <v>33</v>
      </c>
    </row>
    <row r="28" spans="1:4" ht="18" customHeight="1" x14ac:dyDescent="0.15">
      <c r="A28" s="8">
        <v>19</v>
      </c>
      <c r="B28" s="21">
        <v>19</v>
      </c>
      <c r="C28" s="6">
        <v>16</v>
      </c>
      <c r="D28" s="5">
        <v>35</v>
      </c>
    </row>
    <row r="29" spans="1:4" ht="18" customHeight="1" x14ac:dyDescent="0.15">
      <c r="A29" s="8" t="s">
        <v>21</v>
      </c>
      <c r="B29" s="21">
        <v>81</v>
      </c>
      <c r="C29" s="6">
        <v>87</v>
      </c>
      <c r="D29" s="5">
        <v>168</v>
      </c>
    </row>
    <row r="30" spans="1:4" ht="18" customHeight="1" x14ac:dyDescent="0.15">
      <c r="A30" s="8">
        <v>20</v>
      </c>
      <c r="B30" s="21">
        <v>12</v>
      </c>
      <c r="C30" s="6">
        <v>12</v>
      </c>
      <c r="D30" s="5">
        <v>24</v>
      </c>
    </row>
    <row r="31" spans="1:4" ht="18" customHeight="1" x14ac:dyDescent="0.15">
      <c r="A31" s="8">
        <v>21</v>
      </c>
      <c r="B31" s="21">
        <v>19</v>
      </c>
      <c r="C31" s="6">
        <v>11</v>
      </c>
      <c r="D31" s="5">
        <v>30</v>
      </c>
    </row>
    <row r="32" spans="1:4" ht="18" customHeight="1" x14ac:dyDescent="0.15">
      <c r="A32" s="8">
        <v>22</v>
      </c>
      <c r="B32" s="21">
        <v>16</v>
      </c>
      <c r="C32" s="6">
        <v>13</v>
      </c>
      <c r="D32" s="5">
        <v>29</v>
      </c>
    </row>
    <row r="33" spans="1:4" ht="18" customHeight="1" x14ac:dyDescent="0.15">
      <c r="A33" s="8">
        <v>23</v>
      </c>
      <c r="B33" s="21">
        <v>27</v>
      </c>
      <c r="C33" s="6">
        <v>22</v>
      </c>
      <c r="D33" s="5">
        <v>49</v>
      </c>
    </row>
    <row r="34" spans="1:4" ht="18" customHeight="1" x14ac:dyDescent="0.15">
      <c r="A34" s="8">
        <v>24</v>
      </c>
      <c r="B34" s="21">
        <v>18</v>
      </c>
      <c r="C34" s="6">
        <v>12</v>
      </c>
      <c r="D34" s="5">
        <v>30</v>
      </c>
    </row>
    <row r="35" spans="1:4" ht="18" customHeight="1" x14ac:dyDescent="0.15">
      <c r="A35" s="8" t="s">
        <v>20</v>
      </c>
      <c r="B35" s="21">
        <v>92</v>
      </c>
      <c r="C35" s="6">
        <v>70</v>
      </c>
      <c r="D35" s="5">
        <v>162</v>
      </c>
    </row>
    <row r="36" spans="1:4" ht="18" customHeight="1" x14ac:dyDescent="0.15">
      <c r="A36" s="8">
        <v>25</v>
      </c>
      <c r="B36" s="21">
        <v>18</v>
      </c>
      <c r="C36" s="6">
        <v>16</v>
      </c>
      <c r="D36" s="5">
        <v>34</v>
      </c>
    </row>
    <row r="37" spans="1:4" ht="18" customHeight="1" x14ac:dyDescent="0.15">
      <c r="A37" s="8">
        <v>26</v>
      </c>
      <c r="B37" s="21">
        <v>12</v>
      </c>
      <c r="C37" s="6">
        <v>24</v>
      </c>
      <c r="D37" s="5">
        <v>36</v>
      </c>
    </row>
    <row r="38" spans="1:4" ht="18" customHeight="1" x14ac:dyDescent="0.15">
      <c r="A38" s="8">
        <v>27</v>
      </c>
      <c r="B38" s="21">
        <v>15</v>
      </c>
      <c r="C38" s="6">
        <v>31</v>
      </c>
      <c r="D38" s="5">
        <v>46</v>
      </c>
    </row>
    <row r="39" spans="1:4" ht="18" customHeight="1" x14ac:dyDescent="0.15">
      <c r="A39" s="8">
        <v>28</v>
      </c>
      <c r="B39" s="21">
        <v>15</v>
      </c>
      <c r="C39" s="6">
        <v>12</v>
      </c>
      <c r="D39" s="5">
        <v>27</v>
      </c>
    </row>
    <row r="40" spans="1:4" ht="18" customHeight="1" x14ac:dyDescent="0.15">
      <c r="A40" s="8">
        <v>29</v>
      </c>
      <c r="B40" s="21">
        <v>18</v>
      </c>
      <c r="C40" s="6">
        <v>18</v>
      </c>
      <c r="D40" s="5">
        <v>36</v>
      </c>
    </row>
    <row r="41" spans="1:4" ht="18" customHeight="1" x14ac:dyDescent="0.15">
      <c r="A41" s="8" t="s">
        <v>19</v>
      </c>
      <c r="B41" s="21">
        <v>78</v>
      </c>
      <c r="C41" s="6">
        <v>101</v>
      </c>
      <c r="D41" s="5">
        <v>179</v>
      </c>
    </row>
    <row r="42" spans="1:4" ht="18" customHeight="1" x14ac:dyDescent="0.15">
      <c r="A42" s="8">
        <v>30</v>
      </c>
      <c r="B42" s="21">
        <v>24</v>
      </c>
      <c r="C42" s="6">
        <v>26</v>
      </c>
      <c r="D42" s="5">
        <v>50</v>
      </c>
    </row>
    <row r="43" spans="1:4" ht="18" customHeight="1" x14ac:dyDescent="0.15">
      <c r="A43" s="8">
        <v>31</v>
      </c>
      <c r="B43" s="21">
        <v>16</v>
      </c>
      <c r="C43" s="6">
        <v>15</v>
      </c>
      <c r="D43" s="5">
        <v>31</v>
      </c>
    </row>
    <row r="44" spans="1:4" ht="18" customHeight="1" x14ac:dyDescent="0.15">
      <c r="A44" s="8">
        <v>32</v>
      </c>
      <c r="B44" s="21">
        <v>14</v>
      </c>
      <c r="C44" s="6">
        <v>24</v>
      </c>
      <c r="D44" s="5">
        <v>38</v>
      </c>
    </row>
    <row r="45" spans="1:4" ht="18" customHeight="1" x14ac:dyDescent="0.15">
      <c r="A45" s="8">
        <v>33</v>
      </c>
      <c r="B45" s="21">
        <v>14</v>
      </c>
      <c r="C45" s="6">
        <v>18</v>
      </c>
      <c r="D45" s="5">
        <v>32</v>
      </c>
    </row>
    <row r="46" spans="1:4" ht="18" customHeight="1" x14ac:dyDescent="0.15">
      <c r="A46" s="8">
        <v>34</v>
      </c>
      <c r="B46" s="21">
        <v>21</v>
      </c>
      <c r="C46" s="6">
        <v>17</v>
      </c>
      <c r="D46" s="5">
        <v>38</v>
      </c>
    </row>
    <row r="47" spans="1:4" ht="18" customHeight="1" x14ac:dyDescent="0.15">
      <c r="A47" s="8" t="s">
        <v>18</v>
      </c>
      <c r="B47" s="21">
        <v>89</v>
      </c>
      <c r="C47" s="6">
        <v>100</v>
      </c>
      <c r="D47" s="5">
        <v>189</v>
      </c>
    </row>
    <row r="48" spans="1:4" ht="18" customHeight="1" x14ac:dyDescent="0.15">
      <c r="A48" s="8">
        <v>35</v>
      </c>
      <c r="B48" s="21">
        <v>28</v>
      </c>
      <c r="C48" s="6">
        <v>22</v>
      </c>
      <c r="D48" s="5">
        <v>50</v>
      </c>
    </row>
    <row r="49" spans="1:4" ht="18" customHeight="1" x14ac:dyDescent="0.15">
      <c r="A49" s="8">
        <v>36</v>
      </c>
      <c r="B49" s="21">
        <v>31</v>
      </c>
      <c r="C49" s="6">
        <v>18</v>
      </c>
      <c r="D49" s="5">
        <v>49</v>
      </c>
    </row>
    <row r="50" spans="1:4" ht="18" customHeight="1" x14ac:dyDescent="0.15">
      <c r="A50" s="8">
        <v>37</v>
      </c>
      <c r="B50" s="21">
        <v>15</v>
      </c>
      <c r="C50" s="6">
        <v>19</v>
      </c>
      <c r="D50" s="5">
        <v>34</v>
      </c>
    </row>
    <row r="51" spans="1:4" ht="18" customHeight="1" x14ac:dyDescent="0.15">
      <c r="A51" s="8">
        <v>38</v>
      </c>
      <c r="B51" s="21">
        <v>31</v>
      </c>
      <c r="C51" s="6">
        <v>21</v>
      </c>
      <c r="D51" s="5">
        <v>52</v>
      </c>
    </row>
    <row r="52" spans="1:4" ht="18" customHeight="1" x14ac:dyDescent="0.15">
      <c r="A52" s="8">
        <v>39</v>
      </c>
      <c r="B52" s="21">
        <v>27</v>
      </c>
      <c r="C52" s="6">
        <v>24</v>
      </c>
      <c r="D52" s="5">
        <v>51</v>
      </c>
    </row>
    <row r="53" spans="1:4" ht="18" customHeight="1" x14ac:dyDescent="0.15">
      <c r="A53" s="8" t="s">
        <v>17</v>
      </c>
      <c r="B53" s="21">
        <v>132</v>
      </c>
      <c r="C53" s="6">
        <v>104</v>
      </c>
      <c r="D53" s="5">
        <v>236</v>
      </c>
    </row>
    <row r="54" spans="1:4" ht="18" customHeight="1" x14ac:dyDescent="0.15">
      <c r="A54" s="8">
        <v>40</v>
      </c>
      <c r="B54" s="21">
        <v>27</v>
      </c>
      <c r="C54" s="6">
        <v>33</v>
      </c>
      <c r="D54" s="5">
        <v>60</v>
      </c>
    </row>
    <row r="55" spans="1:4" ht="18" customHeight="1" x14ac:dyDescent="0.15">
      <c r="A55" s="8">
        <v>41</v>
      </c>
      <c r="B55" s="21">
        <v>18</v>
      </c>
      <c r="C55" s="6">
        <v>13</v>
      </c>
      <c r="D55" s="5">
        <v>31</v>
      </c>
    </row>
    <row r="56" spans="1:4" ht="18" customHeight="1" x14ac:dyDescent="0.15">
      <c r="A56" s="8">
        <v>42</v>
      </c>
      <c r="B56" s="21">
        <v>23</v>
      </c>
      <c r="C56" s="6">
        <v>25</v>
      </c>
      <c r="D56" s="5">
        <v>48</v>
      </c>
    </row>
    <row r="57" spans="1:4" ht="18" customHeight="1" x14ac:dyDescent="0.15">
      <c r="A57" s="8">
        <v>43</v>
      </c>
      <c r="B57" s="21">
        <v>28</v>
      </c>
      <c r="C57" s="6">
        <v>25</v>
      </c>
      <c r="D57" s="5">
        <v>53</v>
      </c>
    </row>
    <row r="58" spans="1:4" ht="18" customHeight="1" x14ac:dyDescent="0.15">
      <c r="A58" s="8">
        <v>44</v>
      </c>
      <c r="B58" s="21">
        <v>24</v>
      </c>
      <c r="C58" s="6">
        <v>20</v>
      </c>
      <c r="D58" s="5">
        <v>44</v>
      </c>
    </row>
    <row r="59" spans="1:4" ht="18" customHeight="1" x14ac:dyDescent="0.15">
      <c r="A59" s="8" t="s">
        <v>16</v>
      </c>
      <c r="B59" s="21">
        <v>120</v>
      </c>
      <c r="C59" s="6">
        <v>116</v>
      </c>
      <c r="D59" s="5">
        <v>236</v>
      </c>
    </row>
    <row r="60" spans="1:4" ht="18" customHeight="1" x14ac:dyDescent="0.15">
      <c r="A60" s="8">
        <v>45</v>
      </c>
      <c r="B60" s="21">
        <v>22</v>
      </c>
      <c r="C60" s="6">
        <v>26</v>
      </c>
      <c r="D60" s="5">
        <v>48</v>
      </c>
    </row>
    <row r="61" spans="1:4" ht="18" customHeight="1" x14ac:dyDescent="0.15">
      <c r="A61" s="8">
        <v>46</v>
      </c>
      <c r="B61" s="21">
        <v>30</v>
      </c>
      <c r="C61" s="6">
        <v>26</v>
      </c>
      <c r="D61" s="5">
        <v>56</v>
      </c>
    </row>
    <row r="62" spans="1:4" ht="18" customHeight="1" x14ac:dyDescent="0.15">
      <c r="A62" s="8">
        <v>47</v>
      </c>
      <c r="B62" s="21">
        <v>36</v>
      </c>
      <c r="C62" s="6">
        <v>28</v>
      </c>
      <c r="D62" s="5">
        <v>64</v>
      </c>
    </row>
    <row r="63" spans="1:4" ht="18" customHeight="1" x14ac:dyDescent="0.15">
      <c r="A63" s="8">
        <v>48</v>
      </c>
      <c r="B63" s="21">
        <v>38</v>
      </c>
      <c r="C63" s="6">
        <v>24</v>
      </c>
      <c r="D63" s="5">
        <v>62</v>
      </c>
    </row>
    <row r="64" spans="1:4" ht="18" customHeight="1" x14ac:dyDescent="0.15">
      <c r="A64" s="8">
        <v>49</v>
      </c>
      <c r="B64" s="21">
        <v>29</v>
      </c>
      <c r="C64" s="6">
        <v>24</v>
      </c>
      <c r="D64" s="5">
        <v>53</v>
      </c>
    </row>
    <row r="65" spans="1:4" ht="18" customHeight="1" x14ac:dyDescent="0.15">
      <c r="A65" s="8" t="s">
        <v>15</v>
      </c>
      <c r="B65" s="21">
        <v>155</v>
      </c>
      <c r="C65" s="6">
        <v>128</v>
      </c>
      <c r="D65" s="5">
        <v>283</v>
      </c>
    </row>
    <row r="66" spans="1:4" ht="18" customHeight="1" x14ac:dyDescent="0.15">
      <c r="A66" s="8">
        <v>50</v>
      </c>
      <c r="B66" s="21">
        <v>31</v>
      </c>
      <c r="C66" s="6">
        <v>42</v>
      </c>
      <c r="D66" s="5">
        <v>73</v>
      </c>
    </row>
    <row r="67" spans="1:4" ht="18" customHeight="1" x14ac:dyDescent="0.15">
      <c r="A67" s="8">
        <v>51</v>
      </c>
      <c r="B67" s="21">
        <v>39</v>
      </c>
      <c r="C67" s="6">
        <v>31</v>
      </c>
      <c r="D67" s="5">
        <v>70</v>
      </c>
    </row>
    <row r="68" spans="1:4" ht="18" customHeight="1" x14ac:dyDescent="0.15">
      <c r="A68" s="8">
        <v>52</v>
      </c>
      <c r="B68" s="21">
        <v>28</v>
      </c>
      <c r="C68" s="6">
        <v>22</v>
      </c>
      <c r="D68" s="5">
        <v>50</v>
      </c>
    </row>
    <row r="69" spans="1:4" ht="18" customHeight="1" x14ac:dyDescent="0.15">
      <c r="A69" s="8">
        <v>53</v>
      </c>
      <c r="B69" s="21">
        <v>22</v>
      </c>
      <c r="C69" s="6">
        <v>17</v>
      </c>
      <c r="D69" s="5">
        <v>39</v>
      </c>
    </row>
    <row r="70" spans="1:4" ht="18" customHeight="1" x14ac:dyDescent="0.15">
      <c r="A70" s="8">
        <v>54</v>
      </c>
      <c r="B70" s="21">
        <v>16</v>
      </c>
      <c r="C70" s="6">
        <v>25</v>
      </c>
      <c r="D70" s="5">
        <v>41</v>
      </c>
    </row>
    <row r="71" spans="1:4" ht="18" customHeight="1" x14ac:dyDescent="0.15">
      <c r="A71" s="8" t="s">
        <v>14</v>
      </c>
      <c r="B71" s="21">
        <v>136</v>
      </c>
      <c r="C71" s="6">
        <v>137</v>
      </c>
      <c r="D71" s="5">
        <v>273</v>
      </c>
    </row>
    <row r="72" spans="1:4" ht="18" customHeight="1" x14ac:dyDescent="0.15">
      <c r="A72" s="8">
        <v>55</v>
      </c>
      <c r="B72" s="21">
        <v>17</v>
      </c>
      <c r="C72" s="6">
        <v>24</v>
      </c>
      <c r="D72" s="5">
        <v>41</v>
      </c>
    </row>
    <row r="73" spans="1:4" ht="18" customHeight="1" x14ac:dyDescent="0.15">
      <c r="A73" s="8">
        <v>56</v>
      </c>
      <c r="B73" s="21">
        <v>19</v>
      </c>
      <c r="C73" s="6">
        <v>24</v>
      </c>
      <c r="D73" s="5">
        <v>43</v>
      </c>
    </row>
    <row r="74" spans="1:4" ht="18" customHeight="1" x14ac:dyDescent="0.15">
      <c r="A74" s="8">
        <v>57</v>
      </c>
      <c r="B74" s="21">
        <v>17</v>
      </c>
      <c r="C74" s="6">
        <v>21</v>
      </c>
      <c r="D74" s="5">
        <v>38</v>
      </c>
    </row>
    <row r="75" spans="1:4" ht="18" customHeight="1" x14ac:dyDescent="0.15">
      <c r="A75" s="8">
        <v>58</v>
      </c>
      <c r="B75" s="21">
        <v>18</v>
      </c>
      <c r="C75" s="6">
        <v>17</v>
      </c>
      <c r="D75" s="5">
        <v>35</v>
      </c>
    </row>
    <row r="76" spans="1:4" ht="18" customHeight="1" x14ac:dyDescent="0.15">
      <c r="A76" s="8">
        <v>59</v>
      </c>
      <c r="B76" s="21">
        <v>16</v>
      </c>
      <c r="C76" s="6">
        <v>13</v>
      </c>
      <c r="D76" s="5">
        <v>29</v>
      </c>
    </row>
    <row r="77" spans="1:4" ht="18" customHeight="1" x14ac:dyDescent="0.15">
      <c r="A77" s="8" t="s">
        <v>13</v>
      </c>
      <c r="B77" s="21">
        <v>87</v>
      </c>
      <c r="C77" s="6">
        <v>99</v>
      </c>
      <c r="D77" s="5">
        <v>186</v>
      </c>
    </row>
    <row r="78" spans="1:4" ht="18" customHeight="1" x14ac:dyDescent="0.15">
      <c r="A78" s="8">
        <v>60</v>
      </c>
      <c r="B78" s="21">
        <v>18</v>
      </c>
      <c r="C78" s="6">
        <v>20</v>
      </c>
      <c r="D78" s="5">
        <v>38</v>
      </c>
    </row>
    <row r="79" spans="1:4" ht="18" customHeight="1" x14ac:dyDescent="0.15">
      <c r="A79" s="8">
        <v>61</v>
      </c>
      <c r="B79" s="21">
        <v>25</v>
      </c>
      <c r="C79" s="6">
        <v>15</v>
      </c>
      <c r="D79" s="5">
        <v>40</v>
      </c>
    </row>
    <row r="80" spans="1:4" ht="18" customHeight="1" x14ac:dyDescent="0.15">
      <c r="A80" s="8">
        <v>62</v>
      </c>
      <c r="B80" s="21">
        <v>16</v>
      </c>
      <c r="C80" s="6">
        <v>25</v>
      </c>
      <c r="D80" s="5">
        <v>41</v>
      </c>
    </row>
    <row r="81" spans="1:4" ht="18" customHeight="1" x14ac:dyDescent="0.15">
      <c r="A81" s="8">
        <v>63</v>
      </c>
      <c r="B81" s="21">
        <v>19</v>
      </c>
      <c r="C81" s="6">
        <v>15</v>
      </c>
      <c r="D81" s="5">
        <v>34</v>
      </c>
    </row>
    <row r="82" spans="1:4" ht="18" customHeight="1" x14ac:dyDescent="0.15">
      <c r="A82" s="8">
        <v>64</v>
      </c>
      <c r="B82" s="21">
        <v>14</v>
      </c>
      <c r="C82" s="6">
        <v>19</v>
      </c>
      <c r="D82" s="5">
        <v>33</v>
      </c>
    </row>
    <row r="83" spans="1:4" ht="18" customHeight="1" x14ac:dyDescent="0.15">
      <c r="A83" s="8" t="s">
        <v>12</v>
      </c>
      <c r="B83" s="21">
        <v>92</v>
      </c>
      <c r="C83" s="6">
        <v>94</v>
      </c>
      <c r="D83" s="5">
        <v>186</v>
      </c>
    </row>
    <row r="84" spans="1:4" ht="18" customHeight="1" x14ac:dyDescent="0.15">
      <c r="A84" s="8" t="s">
        <v>11</v>
      </c>
      <c r="B84" s="21">
        <v>1062</v>
      </c>
      <c r="C84" s="6">
        <v>1036</v>
      </c>
      <c r="D84" s="5">
        <v>2098</v>
      </c>
    </row>
    <row r="85" spans="1:4" ht="18" customHeight="1" x14ac:dyDescent="0.15">
      <c r="A85" s="8">
        <v>65</v>
      </c>
      <c r="B85" s="21">
        <v>17</v>
      </c>
      <c r="C85" s="6">
        <v>25</v>
      </c>
      <c r="D85" s="5">
        <v>42</v>
      </c>
    </row>
    <row r="86" spans="1:4" ht="18" customHeight="1" x14ac:dyDescent="0.15">
      <c r="A86" s="8">
        <v>66</v>
      </c>
      <c r="B86" s="21">
        <v>17</v>
      </c>
      <c r="C86" s="6">
        <v>14</v>
      </c>
      <c r="D86" s="5">
        <v>31</v>
      </c>
    </row>
    <row r="87" spans="1:4" ht="18" customHeight="1" x14ac:dyDescent="0.15">
      <c r="A87" s="8">
        <v>67</v>
      </c>
      <c r="B87" s="21">
        <v>9</v>
      </c>
      <c r="C87" s="6">
        <v>29</v>
      </c>
      <c r="D87" s="5">
        <v>38</v>
      </c>
    </row>
    <row r="88" spans="1:4" ht="18" customHeight="1" x14ac:dyDescent="0.15">
      <c r="A88" s="8">
        <v>68</v>
      </c>
      <c r="B88" s="21">
        <v>14</v>
      </c>
      <c r="C88" s="6">
        <v>27</v>
      </c>
      <c r="D88" s="5">
        <v>41</v>
      </c>
    </row>
    <row r="89" spans="1:4" ht="18" customHeight="1" x14ac:dyDescent="0.15">
      <c r="A89" s="8">
        <v>69</v>
      </c>
      <c r="B89" s="21">
        <v>30</v>
      </c>
      <c r="C89" s="6">
        <v>20</v>
      </c>
      <c r="D89" s="5">
        <v>50</v>
      </c>
    </row>
    <row r="90" spans="1:4" ht="18" customHeight="1" x14ac:dyDescent="0.15">
      <c r="A90" s="8" t="s">
        <v>10</v>
      </c>
      <c r="B90" s="21">
        <v>87</v>
      </c>
      <c r="C90" s="6">
        <v>115</v>
      </c>
      <c r="D90" s="5">
        <v>202</v>
      </c>
    </row>
    <row r="91" spans="1:4" ht="18" customHeight="1" x14ac:dyDescent="0.15">
      <c r="A91" s="8">
        <v>70</v>
      </c>
      <c r="B91" s="21">
        <v>19</v>
      </c>
      <c r="C91" s="6">
        <v>32</v>
      </c>
      <c r="D91" s="5">
        <v>51</v>
      </c>
    </row>
    <row r="92" spans="1:4" ht="18" customHeight="1" x14ac:dyDescent="0.15">
      <c r="A92" s="8">
        <v>71</v>
      </c>
      <c r="B92" s="21">
        <v>13</v>
      </c>
      <c r="C92" s="6">
        <v>21</v>
      </c>
      <c r="D92" s="5">
        <v>34</v>
      </c>
    </row>
    <row r="93" spans="1:4" ht="18" customHeight="1" x14ac:dyDescent="0.15">
      <c r="A93" s="8">
        <v>72</v>
      </c>
      <c r="B93" s="21">
        <v>34</v>
      </c>
      <c r="C93" s="6">
        <v>25</v>
      </c>
      <c r="D93" s="5">
        <v>59</v>
      </c>
    </row>
    <row r="94" spans="1:4" ht="18" customHeight="1" x14ac:dyDescent="0.15">
      <c r="A94" s="8">
        <v>73</v>
      </c>
      <c r="B94" s="21">
        <v>29</v>
      </c>
      <c r="C94" s="6">
        <v>31</v>
      </c>
      <c r="D94" s="5">
        <v>60</v>
      </c>
    </row>
    <row r="95" spans="1:4" ht="18" customHeight="1" x14ac:dyDescent="0.15">
      <c r="A95" s="8">
        <v>74</v>
      </c>
      <c r="B95" s="21">
        <v>20</v>
      </c>
      <c r="C95" s="6">
        <v>35</v>
      </c>
      <c r="D95" s="5">
        <v>55</v>
      </c>
    </row>
    <row r="96" spans="1:4" ht="18" customHeight="1" x14ac:dyDescent="0.15">
      <c r="A96" s="8" t="s">
        <v>9</v>
      </c>
      <c r="B96" s="21">
        <v>115</v>
      </c>
      <c r="C96" s="6">
        <v>144</v>
      </c>
      <c r="D96" s="5">
        <v>259</v>
      </c>
    </row>
    <row r="97" spans="1:4" ht="18" customHeight="1" x14ac:dyDescent="0.15">
      <c r="A97" s="8">
        <v>75</v>
      </c>
      <c r="B97" s="21">
        <v>32</v>
      </c>
      <c r="C97" s="6">
        <v>26</v>
      </c>
      <c r="D97" s="5">
        <v>58</v>
      </c>
    </row>
    <row r="98" spans="1:4" ht="18" customHeight="1" x14ac:dyDescent="0.15">
      <c r="A98" s="8">
        <v>76</v>
      </c>
      <c r="B98" s="21">
        <v>41</v>
      </c>
      <c r="C98" s="6">
        <v>37</v>
      </c>
      <c r="D98" s="5">
        <v>78</v>
      </c>
    </row>
    <row r="99" spans="1:4" ht="18" customHeight="1" x14ac:dyDescent="0.15">
      <c r="A99" s="8">
        <v>77</v>
      </c>
      <c r="B99" s="21">
        <v>33</v>
      </c>
      <c r="C99" s="6">
        <v>30</v>
      </c>
      <c r="D99" s="5">
        <v>63</v>
      </c>
    </row>
    <row r="100" spans="1:4" ht="18" customHeight="1" x14ac:dyDescent="0.15">
      <c r="A100" s="8">
        <v>78</v>
      </c>
      <c r="B100" s="21">
        <v>28</v>
      </c>
      <c r="C100" s="6">
        <v>38</v>
      </c>
      <c r="D100" s="5">
        <v>66</v>
      </c>
    </row>
    <row r="101" spans="1:4" ht="18" customHeight="1" x14ac:dyDescent="0.15">
      <c r="A101" s="8">
        <v>79</v>
      </c>
      <c r="B101" s="21">
        <v>17</v>
      </c>
      <c r="C101" s="6">
        <v>21</v>
      </c>
      <c r="D101" s="5">
        <v>38</v>
      </c>
    </row>
    <row r="102" spans="1:4" ht="18" customHeight="1" x14ac:dyDescent="0.15">
      <c r="A102" s="8" t="s">
        <v>8</v>
      </c>
      <c r="B102" s="21">
        <v>151</v>
      </c>
      <c r="C102" s="6">
        <v>152</v>
      </c>
      <c r="D102" s="5">
        <v>303</v>
      </c>
    </row>
    <row r="103" spans="1:4" ht="18" customHeight="1" x14ac:dyDescent="0.15">
      <c r="A103" s="8">
        <v>80</v>
      </c>
      <c r="B103" s="21">
        <v>12</v>
      </c>
      <c r="C103" s="6">
        <v>12</v>
      </c>
      <c r="D103" s="5">
        <v>24</v>
      </c>
    </row>
    <row r="104" spans="1:4" ht="18" customHeight="1" x14ac:dyDescent="0.15">
      <c r="A104" s="8">
        <v>81</v>
      </c>
      <c r="B104" s="21">
        <v>17</v>
      </c>
      <c r="C104" s="6">
        <v>20</v>
      </c>
      <c r="D104" s="5">
        <v>37</v>
      </c>
    </row>
    <row r="105" spans="1:4" ht="18" customHeight="1" x14ac:dyDescent="0.15">
      <c r="A105" s="8">
        <v>82</v>
      </c>
      <c r="B105" s="21">
        <v>13</v>
      </c>
      <c r="C105" s="6">
        <v>13</v>
      </c>
      <c r="D105" s="5">
        <v>26</v>
      </c>
    </row>
    <row r="106" spans="1:4" ht="18" customHeight="1" x14ac:dyDescent="0.15">
      <c r="A106" s="8">
        <v>83</v>
      </c>
      <c r="B106" s="21">
        <v>14</v>
      </c>
      <c r="C106" s="6">
        <v>18</v>
      </c>
      <c r="D106" s="5">
        <v>32</v>
      </c>
    </row>
    <row r="107" spans="1:4" ht="18" customHeight="1" x14ac:dyDescent="0.15">
      <c r="A107" s="8">
        <v>84</v>
      </c>
      <c r="B107" s="21">
        <v>13</v>
      </c>
      <c r="C107" s="6">
        <v>14</v>
      </c>
      <c r="D107" s="5">
        <v>27</v>
      </c>
    </row>
    <row r="108" spans="1:4" ht="18" customHeight="1" x14ac:dyDescent="0.15">
      <c r="A108" s="8" t="s">
        <v>7</v>
      </c>
      <c r="B108" s="21">
        <v>69</v>
      </c>
      <c r="C108" s="6">
        <v>77</v>
      </c>
      <c r="D108" s="5">
        <v>146</v>
      </c>
    </row>
    <row r="109" spans="1:4" ht="18" customHeight="1" x14ac:dyDescent="0.15">
      <c r="A109" s="8">
        <v>85</v>
      </c>
      <c r="B109" s="21">
        <v>10</v>
      </c>
      <c r="C109" s="6">
        <v>14</v>
      </c>
      <c r="D109" s="5">
        <v>24</v>
      </c>
    </row>
    <row r="110" spans="1:4" ht="18" customHeight="1" x14ac:dyDescent="0.15">
      <c r="A110" s="8">
        <v>86</v>
      </c>
      <c r="B110" s="21">
        <v>9</v>
      </c>
      <c r="C110" s="6">
        <v>11</v>
      </c>
      <c r="D110" s="5">
        <v>20</v>
      </c>
    </row>
    <row r="111" spans="1:4" ht="18" customHeight="1" x14ac:dyDescent="0.15">
      <c r="A111" s="8">
        <v>87</v>
      </c>
      <c r="B111" s="21">
        <v>9</v>
      </c>
      <c r="C111" s="6">
        <v>8</v>
      </c>
      <c r="D111" s="5">
        <v>17</v>
      </c>
    </row>
    <row r="112" spans="1:4" ht="18" customHeight="1" x14ac:dyDescent="0.15">
      <c r="A112" s="8">
        <v>88</v>
      </c>
      <c r="B112" s="21">
        <v>1</v>
      </c>
      <c r="C112" s="6">
        <v>6</v>
      </c>
      <c r="D112" s="5">
        <v>7</v>
      </c>
    </row>
    <row r="113" spans="1:4" ht="18" customHeight="1" x14ac:dyDescent="0.15">
      <c r="A113" s="8">
        <v>89</v>
      </c>
      <c r="B113" s="21">
        <v>9</v>
      </c>
      <c r="C113" s="6">
        <v>9</v>
      </c>
      <c r="D113" s="5">
        <v>18</v>
      </c>
    </row>
    <row r="114" spans="1:4" ht="18" customHeight="1" x14ac:dyDescent="0.15">
      <c r="A114" s="8" t="s">
        <v>6</v>
      </c>
      <c r="B114" s="21">
        <v>38</v>
      </c>
      <c r="C114" s="6">
        <v>48</v>
      </c>
      <c r="D114" s="5">
        <v>86</v>
      </c>
    </row>
    <row r="115" spans="1:4" ht="18" customHeight="1" x14ac:dyDescent="0.15">
      <c r="A115" s="8">
        <v>90</v>
      </c>
      <c r="B115" s="21">
        <v>4</v>
      </c>
      <c r="C115" s="6">
        <v>10</v>
      </c>
      <c r="D115" s="5">
        <v>14</v>
      </c>
    </row>
    <row r="116" spans="1:4" ht="18" customHeight="1" x14ac:dyDescent="0.15">
      <c r="A116" s="8">
        <v>91</v>
      </c>
      <c r="B116" s="21">
        <v>3</v>
      </c>
      <c r="C116" s="6">
        <v>4</v>
      </c>
      <c r="D116" s="5">
        <v>7</v>
      </c>
    </row>
    <row r="117" spans="1:4" ht="18" customHeight="1" x14ac:dyDescent="0.15">
      <c r="A117" s="8">
        <v>92</v>
      </c>
      <c r="B117" s="21">
        <v>0</v>
      </c>
      <c r="C117" s="6">
        <v>8</v>
      </c>
      <c r="D117" s="5">
        <v>8</v>
      </c>
    </row>
    <row r="118" spans="1:4" ht="18" customHeight="1" x14ac:dyDescent="0.15">
      <c r="A118" s="8">
        <v>93</v>
      </c>
      <c r="B118" s="21">
        <v>0</v>
      </c>
      <c r="C118" s="6">
        <v>7</v>
      </c>
      <c r="D118" s="5">
        <v>7</v>
      </c>
    </row>
    <row r="119" spans="1:4" ht="18" customHeight="1" x14ac:dyDescent="0.15">
      <c r="A119" s="8">
        <v>94</v>
      </c>
      <c r="B119" s="21">
        <v>1</v>
      </c>
      <c r="C119" s="6">
        <v>2</v>
      </c>
      <c r="D119" s="5">
        <v>3</v>
      </c>
    </row>
    <row r="120" spans="1:4" ht="18" customHeight="1" x14ac:dyDescent="0.15">
      <c r="A120" s="8" t="s">
        <v>5</v>
      </c>
      <c r="B120" s="21">
        <v>8</v>
      </c>
      <c r="C120" s="6">
        <v>31</v>
      </c>
      <c r="D120" s="5">
        <v>39</v>
      </c>
    </row>
    <row r="121" spans="1:4" ht="18" customHeight="1" x14ac:dyDescent="0.15">
      <c r="A121" s="8">
        <v>95</v>
      </c>
      <c r="B121" s="21">
        <v>3</v>
      </c>
      <c r="C121" s="6">
        <v>2</v>
      </c>
      <c r="D121" s="5">
        <v>5</v>
      </c>
    </row>
    <row r="122" spans="1:4" ht="18" customHeight="1" x14ac:dyDescent="0.15">
      <c r="A122" s="8">
        <v>96</v>
      </c>
      <c r="B122" s="21">
        <v>0</v>
      </c>
      <c r="C122" s="6">
        <v>3</v>
      </c>
      <c r="D122" s="5">
        <v>3</v>
      </c>
    </row>
    <row r="123" spans="1:4" ht="18" customHeight="1" x14ac:dyDescent="0.15">
      <c r="A123" s="8">
        <v>97</v>
      </c>
      <c r="B123" s="21">
        <v>2</v>
      </c>
      <c r="C123" s="6">
        <v>0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3</v>
      </c>
      <c r="D125" s="5">
        <v>3</v>
      </c>
    </row>
    <row r="126" spans="1:4" ht="18" customHeight="1" x14ac:dyDescent="0.15">
      <c r="A126" s="8" t="s">
        <v>4</v>
      </c>
      <c r="B126" s="21">
        <v>6</v>
      </c>
      <c r="C126" s="6">
        <v>8</v>
      </c>
      <c r="D126" s="5">
        <v>14</v>
      </c>
    </row>
    <row r="127" spans="1:4" ht="18" customHeight="1" x14ac:dyDescent="0.15">
      <c r="A127" s="8">
        <v>100</v>
      </c>
      <c r="B127" s="21">
        <v>1</v>
      </c>
      <c r="C127" s="6">
        <v>1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1</v>
      </c>
      <c r="C129" s="6">
        <v>1</v>
      </c>
      <c r="D129" s="5">
        <v>2</v>
      </c>
    </row>
    <row r="130" spans="1:4" ht="18" customHeight="1" x14ac:dyDescent="0.15">
      <c r="A130" s="8" t="s">
        <v>1</v>
      </c>
      <c r="B130" s="21">
        <v>475</v>
      </c>
      <c r="C130" s="6">
        <v>576</v>
      </c>
      <c r="D130" s="5">
        <v>1051</v>
      </c>
    </row>
    <row r="131" spans="1:4" ht="18" customHeight="1" x14ac:dyDescent="0.15">
      <c r="A131" s="4" t="s">
        <v>0</v>
      </c>
      <c r="B131" s="20">
        <v>1805</v>
      </c>
      <c r="C131" s="2">
        <v>1818</v>
      </c>
      <c r="D131" s="1">
        <v>3623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D611E8-0739-4436-80B8-EC5C2EFBAC63}">
  <sheetPr codeName="Sheet8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9</v>
      </c>
      <c r="C5" s="31">
        <v>12</v>
      </c>
      <c r="D5" s="30">
        <v>21</v>
      </c>
    </row>
    <row r="6" spans="1:4" ht="18" customHeight="1" x14ac:dyDescent="0.15">
      <c r="A6" s="8">
        <v>1</v>
      </c>
      <c r="B6" s="26">
        <v>5</v>
      </c>
      <c r="C6" s="6">
        <v>6</v>
      </c>
      <c r="D6" s="5">
        <v>11</v>
      </c>
    </row>
    <row r="7" spans="1:4" ht="18" customHeight="1" x14ac:dyDescent="0.15">
      <c r="A7" s="8">
        <v>2</v>
      </c>
      <c r="B7" s="26">
        <v>6</v>
      </c>
      <c r="C7" s="6">
        <v>8</v>
      </c>
      <c r="D7" s="5">
        <v>14</v>
      </c>
    </row>
    <row r="8" spans="1:4" ht="18" customHeight="1" x14ac:dyDescent="0.15">
      <c r="A8" s="8">
        <v>3</v>
      </c>
      <c r="B8" s="26">
        <v>8</v>
      </c>
      <c r="C8" s="6">
        <v>15</v>
      </c>
      <c r="D8" s="5">
        <v>23</v>
      </c>
    </row>
    <row r="9" spans="1:4" ht="18" customHeight="1" x14ac:dyDescent="0.15">
      <c r="A9" s="8">
        <v>4</v>
      </c>
      <c r="B9" s="29">
        <v>10</v>
      </c>
      <c r="C9" s="28">
        <v>9</v>
      </c>
      <c r="D9" s="27">
        <v>19</v>
      </c>
    </row>
    <row r="10" spans="1:4" ht="18" customHeight="1" x14ac:dyDescent="0.15">
      <c r="A10" s="8" t="s">
        <v>25</v>
      </c>
      <c r="B10" s="21">
        <v>38</v>
      </c>
      <c r="C10" s="6">
        <v>50</v>
      </c>
      <c r="D10" s="5">
        <v>88</v>
      </c>
    </row>
    <row r="11" spans="1:4" ht="18" customHeight="1" x14ac:dyDescent="0.15">
      <c r="A11" s="8">
        <v>5</v>
      </c>
      <c r="B11" s="26">
        <v>9</v>
      </c>
      <c r="C11" s="6">
        <v>15</v>
      </c>
      <c r="D11" s="5">
        <v>24</v>
      </c>
    </row>
    <row r="12" spans="1:4" ht="18" customHeight="1" x14ac:dyDescent="0.15">
      <c r="A12" s="8">
        <v>6</v>
      </c>
      <c r="B12" s="26">
        <v>14</v>
      </c>
      <c r="C12" s="6">
        <v>6</v>
      </c>
      <c r="D12" s="5">
        <v>20</v>
      </c>
    </row>
    <row r="13" spans="1:4" ht="18" customHeight="1" x14ac:dyDescent="0.15">
      <c r="A13" s="8">
        <v>7</v>
      </c>
      <c r="B13" s="26">
        <v>12</v>
      </c>
      <c r="C13" s="6">
        <v>11</v>
      </c>
      <c r="D13" s="5">
        <v>23</v>
      </c>
    </row>
    <row r="14" spans="1:4" ht="18" customHeight="1" x14ac:dyDescent="0.15">
      <c r="A14" s="8">
        <v>8</v>
      </c>
      <c r="B14" s="26">
        <v>9</v>
      </c>
      <c r="C14" s="6">
        <v>13</v>
      </c>
      <c r="D14" s="5">
        <v>22</v>
      </c>
    </row>
    <row r="15" spans="1:4" ht="18" customHeight="1" x14ac:dyDescent="0.15">
      <c r="A15" s="8">
        <v>9</v>
      </c>
      <c r="B15" s="26">
        <v>13</v>
      </c>
      <c r="C15" s="6">
        <v>18</v>
      </c>
      <c r="D15" s="5">
        <v>31</v>
      </c>
    </row>
    <row r="16" spans="1:4" ht="18" customHeight="1" x14ac:dyDescent="0.15">
      <c r="A16" s="8" t="s">
        <v>24</v>
      </c>
      <c r="B16" s="21">
        <v>57</v>
      </c>
      <c r="C16" s="6">
        <v>63</v>
      </c>
      <c r="D16" s="5">
        <v>120</v>
      </c>
    </row>
    <row r="17" spans="1:4" ht="18" customHeight="1" x14ac:dyDescent="0.15">
      <c r="A17" s="8">
        <v>10</v>
      </c>
      <c r="B17" s="21">
        <v>20</v>
      </c>
      <c r="C17" s="6">
        <v>8</v>
      </c>
      <c r="D17" s="5">
        <v>28</v>
      </c>
    </row>
    <row r="18" spans="1:4" ht="18" customHeight="1" x14ac:dyDescent="0.15">
      <c r="A18" s="8">
        <v>11</v>
      </c>
      <c r="B18" s="21">
        <v>14</v>
      </c>
      <c r="C18" s="6">
        <v>13</v>
      </c>
      <c r="D18" s="5">
        <v>27</v>
      </c>
    </row>
    <row r="19" spans="1:4" ht="18" customHeight="1" x14ac:dyDescent="0.15">
      <c r="A19" s="8">
        <v>12</v>
      </c>
      <c r="B19" s="21">
        <v>17</v>
      </c>
      <c r="C19" s="6">
        <v>20</v>
      </c>
      <c r="D19" s="5">
        <v>37</v>
      </c>
    </row>
    <row r="20" spans="1:4" ht="18" customHeight="1" x14ac:dyDescent="0.15">
      <c r="A20" s="8">
        <v>13</v>
      </c>
      <c r="B20" s="21">
        <v>14</v>
      </c>
      <c r="C20" s="6">
        <v>22</v>
      </c>
      <c r="D20" s="5">
        <v>36</v>
      </c>
    </row>
    <row r="21" spans="1:4" ht="18" customHeight="1" x14ac:dyDescent="0.15">
      <c r="A21" s="8">
        <v>14</v>
      </c>
      <c r="B21" s="21">
        <v>21</v>
      </c>
      <c r="C21" s="6">
        <v>11</v>
      </c>
      <c r="D21" s="5">
        <v>32</v>
      </c>
    </row>
    <row r="22" spans="1:4" ht="18" customHeight="1" x14ac:dyDescent="0.15">
      <c r="A22" s="8" t="s">
        <v>23</v>
      </c>
      <c r="B22" s="21">
        <v>86</v>
      </c>
      <c r="C22" s="6">
        <v>74</v>
      </c>
      <c r="D22" s="5">
        <v>160</v>
      </c>
    </row>
    <row r="23" spans="1:4" ht="18" customHeight="1" x14ac:dyDescent="0.15">
      <c r="A23" s="8" t="s">
        <v>22</v>
      </c>
      <c r="B23" s="21">
        <v>181</v>
      </c>
      <c r="C23" s="6">
        <v>187</v>
      </c>
      <c r="D23" s="5">
        <v>368</v>
      </c>
    </row>
    <row r="24" spans="1:4" ht="18" customHeight="1" x14ac:dyDescent="0.15">
      <c r="A24" s="8">
        <v>15</v>
      </c>
      <c r="B24" s="21">
        <v>13</v>
      </c>
      <c r="C24" s="6">
        <v>23</v>
      </c>
      <c r="D24" s="5">
        <v>36</v>
      </c>
    </row>
    <row r="25" spans="1:4" ht="18" customHeight="1" x14ac:dyDescent="0.15">
      <c r="A25" s="8">
        <v>16</v>
      </c>
      <c r="B25" s="21">
        <v>23</v>
      </c>
      <c r="C25" s="6">
        <v>13</v>
      </c>
      <c r="D25" s="5">
        <v>36</v>
      </c>
    </row>
    <row r="26" spans="1:4" ht="18" customHeight="1" x14ac:dyDescent="0.15">
      <c r="A26" s="8">
        <v>17</v>
      </c>
      <c r="B26" s="21">
        <v>23</v>
      </c>
      <c r="C26" s="6">
        <v>12</v>
      </c>
      <c r="D26" s="5">
        <v>35</v>
      </c>
    </row>
    <row r="27" spans="1:4" ht="18" customHeight="1" x14ac:dyDescent="0.15">
      <c r="A27" s="8">
        <v>18</v>
      </c>
      <c r="B27" s="21">
        <v>15</v>
      </c>
      <c r="C27" s="6">
        <v>17</v>
      </c>
      <c r="D27" s="5">
        <v>32</v>
      </c>
    </row>
    <row r="28" spans="1:4" ht="18" customHeight="1" x14ac:dyDescent="0.15">
      <c r="A28" s="8">
        <v>19</v>
      </c>
      <c r="B28" s="21">
        <v>18</v>
      </c>
      <c r="C28" s="6">
        <v>15</v>
      </c>
      <c r="D28" s="5">
        <v>33</v>
      </c>
    </row>
    <row r="29" spans="1:4" ht="18" customHeight="1" x14ac:dyDescent="0.15">
      <c r="A29" s="8" t="s">
        <v>21</v>
      </c>
      <c r="B29" s="21">
        <v>92</v>
      </c>
      <c r="C29" s="6">
        <v>80</v>
      </c>
      <c r="D29" s="5">
        <v>172</v>
      </c>
    </row>
    <row r="30" spans="1:4" ht="18" customHeight="1" x14ac:dyDescent="0.15">
      <c r="A30" s="8">
        <v>20</v>
      </c>
      <c r="B30" s="21">
        <v>19</v>
      </c>
      <c r="C30" s="6">
        <v>13</v>
      </c>
      <c r="D30" s="5">
        <v>32</v>
      </c>
    </row>
    <row r="31" spans="1:4" ht="18" customHeight="1" x14ac:dyDescent="0.15">
      <c r="A31" s="8">
        <v>21</v>
      </c>
      <c r="B31" s="21">
        <v>31</v>
      </c>
      <c r="C31" s="6">
        <v>14</v>
      </c>
      <c r="D31" s="5">
        <v>45</v>
      </c>
    </row>
    <row r="32" spans="1:4" ht="18" customHeight="1" x14ac:dyDescent="0.15">
      <c r="A32" s="8">
        <v>22</v>
      </c>
      <c r="B32" s="21">
        <v>15</v>
      </c>
      <c r="C32" s="6">
        <v>8</v>
      </c>
      <c r="D32" s="5">
        <v>23</v>
      </c>
    </row>
    <row r="33" spans="1:4" ht="18" customHeight="1" x14ac:dyDescent="0.15">
      <c r="A33" s="8">
        <v>23</v>
      </c>
      <c r="B33" s="21">
        <v>10</v>
      </c>
      <c r="C33" s="6">
        <v>10</v>
      </c>
      <c r="D33" s="5">
        <v>20</v>
      </c>
    </row>
    <row r="34" spans="1:4" ht="18" customHeight="1" x14ac:dyDescent="0.15">
      <c r="A34" s="8">
        <v>24</v>
      </c>
      <c r="B34" s="21">
        <v>11</v>
      </c>
      <c r="C34" s="6">
        <v>19</v>
      </c>
      <c r="D34" s="5">
        <v>30</v>
      </c>
    </row>
    <row r="35" spans="1:4" ht="18" customHeight="1" x14ac:dyDescent="0.15">
      <c r="A35" s="8" t="s">
        <v>20</v>
      </c>
      <c r="B35" s="21">
        <v>86</v>
      </c>
      <c r="C35" s="6">
        <v>64</v>
      </c>
      <c r="D35" s="5">
        <v>150</v>
      </c>
    </row>
    <row r="36" spans="1:4" ht="18" customHeight="1" x14ac:dyDescent="0.15">
      <c r="A36" s="8">
        <v>25</v>
      </c>
      <c r="B36" s="21">
        <v>19</v>
      </c>
      <c r="C36" s="6">
        <v>13</v>
      </c>
      <c r="D36" s="5">
        <v>32</v>
      </c>
    </row>
    <row r="37" spans="1:4" ht="18" customHeight="1" x14ac:dyDescent="0.15">
      <c r="A37" s="8">
        <v>26</v>
      </c>
      <c r="B37" s="21">
        <v>11</v>
      </c>
      <c r="C37" s="6">
        <v>11</v>
      </c>
      <c r="D37" s="5">
        <v>22</v>
      </c>
    </row>
    <row r="38" spans="1:4" ht="18" customHeight="1" x14ac:dyDescent="0.15">
      <c r="A38" s="8">
        <v>27</v>
      </c>
      <c r="B38" s="21">
        <v>10</v>
      </c>
      <c r="C38" s="6">
        <v>15</v>
      </c>
      <c r="D38" s="5">
        <v>25</v>
      </c>
    </row>
    <row r="39" spans="1:4" ht="18" customHeight="1" x14ac:dyDescent="0.15">
      <c r="A39" s="8">
        <v>28</v>
      </c>
      <c r="B39" s="21">
        <v>19</v>
      </c>
      <c r="C39" s="6">
        <v>20</v>
      </c>
      <c r="D39" s="5">
        <v>39</v>
      </c>
    </row>
    <row r="40" spans="1:4" ht="18" customHeight="1" x14ac:dyDescent="0.15">
      <c r="A40" s="8">
        <v>29</v>
      </c>
      <c r="B40" s="21">
        <v>16</v>
      </c>
      <c r="C40" s="6">
        <v>16</v>
      </c>
      <c r="D40" s="5">
        <v>32</v>
      </c>
    </row>
    <row r="41" spans="1:4" ht="18" customHeight="1" x14ac:dyDescent="0.15">
      <c r="A41" s="8" t="s">
        <v>19</v>
      </c>
      <c r="B41" s="21">
        <v>75</v>
      </c>
      <c r="C41" s="6">
        <v>75</v>
      </c>
      <c r="D41" s="5">
        <v>150</v>
      </c>
    </row>
    <row r="42" spans="1:4" ht="18" customHeight="1" x14ac:dyDescent="0.15">
      <c r="A42" s="8">
        <v>30</v>
      </c>
      <c r="B42" s="21">
        <v>11</v>
      </c>
      <c r="C42" s="6">
        <v>10</v>
      </c>
      <c r="D42" s="5">
        <v>21</v>
      </c>
    </row>
    <row r="43" spans="1:4" ht="18" customHeight="1" x14ac:dyDescent="0.15">
      <c r="A43" s="8">
        <v>31</v>
      </c>
      <c r="B43" s="21">
        <v>20</v>
      </c>
      <c r="C43" s="6">
        <v>16</v>
      </c>
      <c r="D43" s="5">
        <v>36</v>
      </c>
    </row>
    <row r="44" spans="1:4" ht="18" customHeight="1" x14ac:dyDescent="0.15">
      <c r="A44" s="8">
        <v>32</v>
      </c>
      <c r="B44" s="21">
        <v>12</v>
      </c>
      <c r="C44" s="6">
        <v>13</v>
      </c>
      <c r="D44" s="5">
        <v>25</v>
      </c>
    </row>
    <row r="45" spans="1:4" ht="18" customHeight="1" x14ac:dyDescent="0.15">
      <c r="A45" s="8">
        <v>33</v>
      </c>
      <c r="B45" s="21">
        <v>20</v>
      </c>
      <c r="C45" s="6">
        <v>13</v>
      </c>
      <c r="D45" s="5">
        <v>33</v>
      </c>
    </row>
    <row r="46" spans="1:4" ht="18" customHeight="1" x14ac:dyDescent="0.15">
      <c r="A46" s="8">
        <v>34</v>
      </c>
      <c r="B46" s="21">
        <v>13</v>
      </c>
      <c r="C46" s="6">
        <v>11</v>
      </c>
      <c r="D46" s="5">
        <v>24</v>
      </c>
    </row>
    <row r="47" spans="1:4" ht="18" customHeight="1" x14ac:dyDescent="0.15">
      <c r="A47" s="8" t="s">
        <v>18</v>
      </c>
      <c r="B47" s="21">
        <v>76</v>
      </c>
      <c r="C47" s="6">
        <v>63</v>
      </c>
      <c r="D47" s="5">
        <v>139</v>
      </c>
    </row>
    <row r="48" spans="1:4" ht="18" customHeight="1" x14ac:dyDescent="0.15">
      <c r="A48" s="8">
        <v>35</v>
      </c>
      <c r="B48" s="21">
        <v>15</v>
      </c>
      <c r="C48" s="6">
        <v>19</v>
      </c>
      <c r="D48" s="5">
        <v>34</v>
      </c>
    </row>
    <row r="49" spans="1:4" ht="18" customHeight="1" x14ac:dyDescent="0.15">
      <c r="A49" s="8">
        <v>36</v>
      </c>
      <c r="B49" s="21">
        <v>17</v>
      </c>
      <c r="C49" s="6">
        <v>14</v>
      </c>
      <c r="D49" s="5">
        <v>31</v>
      </c>
    </row>
    <row r="50" spans="1:4" ht="18" customHeight="1" x14ac:dyDescent="0.15">
      <c r="A50" s="8">
        <v>37</v>
      </c>
      <c r="B50" s="21">
        <v>15</v>
      </c>
      <c r="C50" s="6">
        <v>19</v>
      </c>
      <c r="D50" s="5">
        <v>34</v>
      </c>
    </row>
    <row r="51" spans="1:4" ht="18" customHeight="1" x14ac:dyDescent="0.15">
      <c r="A51" s="8">
        <v>38</v>
      </c>
      <c r="B51" s="21">
        <v>20</v>
      </c>
      <c r="C51" s="6">
        <v>19</v>
      </c>
      <c r="D51" s="5">
        <v>39</v>
      </c>
    </row>
    <row r="52" spans="1:4" ht="18" customHeight="1" x14ac:dyDescent="0.15">
      <c r="A52" s="8">
        <v>39</v>
      </c>
      <c r="B52" s="21">
        <v>25</v>
      </c>
      <c r="C52" s="6">
        <v>21</v>
      </c>
      <c r="D52" s="5">
        <v>46</v>
      </c>
    </row>
    <row r="53" spans="1:4" ht="18" customHeight="1" x14ac:dyDescent="0.15">
      <c r="A53" s="8" t="s">
        <v>17</v>
      </c>
      <c r="B53" s="21">
        <v>92</v>
      </c>
      <c r="C53" s="6">
        <v>92</v>
      </c>
      <c r="D53" s="5">
        <v>184</v>
      </c>
    </row>
    <row r="54" spans="1:4" ht="18" customHeight="1" x14ac:dyDescent="0.15">
      <c r="A54" s="8">
        <v>40</v>
      </c>
      <c r="B54" s="21">
        <v>21</v>
      </c>
      <c r="C54" s="6">
        <v>19</v>
      </c>
      <c r="D54" s="5">
        <v>40</v>
      </c>
    </row>
    <row r="55" spans="1:4" ht="18" customHeight="1" x14ac:dyDescent="0.15">
      <c r="A55" s="8">
        <v>41</v>
      </c>
      <c r="B55" s="21">
        <v>15</v>
      </c>
      <c r="C55" s="6">
        <v>17</v>
      </c>
      <c r="D55" s="5">
        <v>32</v>
      </c>
    </row>
    <row r="56" spans="1:4" ht="18" customHeight="1" x14ac:dyDescent="0.15">
      <c r="A56" s="8">
        <v>42</v>
      </c>
      <c r="B56" s="21">
        <v>18</v>
      </c>
      <c r="C56" s="6">
        <v>16</v>
      </c>
      <c r="D56" s="5">
        <v>34</v>
      </c>
    </row>
    <row r="57" spans="1:4" ht="18" customHeight="1" x14ac:dyDescent="0.15">
      <c r="A57" s="8">
        <v>43</v>
      </c>
      <c r="B57" s="21">
        <v>14</v>
      </c>
      <c r="C57" s="6">
        <v>12</v>
      </c>
      <c r="D57" s="5">
        <v>26</v>
      </c>
    </row>
    <row r="58" spans="1:4" ht="18" customHeight="1" x14ac:dyDescent="0.15">
      <c r="A58" s="8">
        <v>44</v>
      </c>
      <c r="B58" s="21">
        <v>25</v>
      </c>
      <c r="C58" s="6">
        <v>23</v>
      </c>
      <c r="D58" s="5">
        <v>48</v>
      </c>
    </row>
    <row r="59" spans="1:4" ht="18" customHeight="1" x14ac:dyDescent="0.15">
      <c r="A59" s="8" t="s">
        <v>16</v>
      </c>
      <c r="B59" s="21">
        <v>93</v>
      </c>
      <c r="C59" s="6">
        <v>87</v>
      </c>
      <c r="D59" s="5">
        <v>180</v>
      </c>
    </row>
    <row r="60" spans="1:4" ht="18" customHeight="1" x14ac:dyDescent="0.15">
      <c r="A60" s="8">
        <v>45</v>
      </c>
      <c r="B60" s="21">
        <v>21</v>
      </c>
      <c r="C60" s="6">
        <v>19</v>
      </c>
      <c r="D60" s="5">
        <v>40</v>
      </c>
    </row>
    <row r="61" spans="1:4" ht="18" customHeight="1" x14ac:dyDescent="0.15">
      <c r="A61" s="8">
        <v>46</v>
      </c>
      <c r="B61" s="21">
        <v>26</v>
      </c>
      <c r="C61" s="6">
        <v>21</v>
      </c>
      <c r="D61" s="5">
        <v>47</v>
      </c>
    </row>
    <row r="62" spans="1:4" ht="18" customHeight="1" x14ac:dyDescent="0.15">
      <c r="A62" s="8">
        <v>47</v>
      </c>
      <c r="B62" s="21">
        <v>29</v>
      </c>
      <c r="C62" s="6">
        <v>24</v>
      </c>
      <c r="D62" s="5">
        <v>53</v>
      </c>
    </row>
    <row r="63" spans="1:4" ht="18" customHeight="1" x14ac:dyDescent="0.15">
      <c r="A63" s="8">
        <v>48</v>
      </c>
      <c r="B63" s="21">
        <v>25</v>
      </c>
      <c r="C63" s="6">
        <v>21</v>
      </c>
      <c r="D63" s="5">
        <v>46</v>
      </c>
    </row>
    <row r="64" spans="1:4" ht="18" customHeight="1" x14ac:dyDescent="0.15">
      <c r="A64" s="8">
        <v>49</v>
      </c>
      <c r="B64" s="21">
        <v>23</v>
      </c>
      <c r="C64" s="6">
        <v>26</v>
      </c>
      <c r="D64" s="5">
        <v>49</v>
      </c>
    </row>
    <row r="65" spans="1:4" ht="18" customHeight="1" x14ac:dyDescent="0.15">
      <c r="A65" s="8" t="s">
        <v>15</v>
      </c>
      <c r="B65" s="21">
        <v>124</v>
      </c>
      <c r="C65" s="6">
        <v>111</v>
      </c>
      <c r="D65" s="5">
        <v>235</v>
      </c>
    </row>
    <row r="66" spans="1:4" ht="18" customHeight="1" x14ac:dyDescent="0.15">
      <c r="A66" s="8">
        <v>50</v>
      </c>
      <c r="B66" s="21">
        <v>22</v>
      </c>
      <c r="C66" s="6">
        <v>27</v>
      </c>
      <c r="D66" s="5">
        <v>49</v>
      </c>
    </row>
    <row r="67" spans="1:4" ht="18" customHeight="1" x14ac:dyDescent="0.15">
      <c r="A67" s="8">
        <v>51</v>
      </c>
      <c r="B67" s="21">
        <v>28</v>
      </c>
      <c r="C67" s="6">
        <v>42</v>
      </c>
      <c r="D67" s="5">
        <v>70</v>
      </c>
    </row>
    <row r="68" spans="1:4" ht="18" customHeight="1" x14ac:dyDescent="0.15">
      <c r="A68" s="8">
        <v>52</v>
      </c>
      <c r="B68" s="21">
        <v>18</v>
      </c>
      <c r="C68" s="6">
        <v>22</v>
      </c>
      <c r="D68" s="5">
        <v>40</v>
      </c>
    </row>
    <row r="69" spans="1:4" ht="18" customHeight="1" x14ac:dyDescent="0.15">
      <c r="A69" s="8">
        <v>53</v>
      </c>
      <c r="B69" s="21">
        <v>34</v>
      </c>
      <c r="C69" s="6">
        <v>23</v>
      </c>
      <c r="D69" s="5">
        <v>57</v>
      </c>
    </row>
    <row r="70" spans="1:4" ht="18" customHeight="1" x14ac:dyDescent="0.15">
      <c r="A70" s="8">
        <v>54</v>
      </c>
      <c r="B70" s="21">
        <v>25</v>
      </c>
      <c r="C70" s="6">
        <v>29</v>
      </c>
      <c r="D70" s="5">
        <v>54</v>
      </c>
    </row>
    <row r="71" spans="1:4" ht="18" customHeight="1" x14ac:dyDescent="0.15">
      <c r="A71" s="8" t="s">
        <v>14</v>
      </c>
      <c r="B71" s="21">
        <v>127</v>
      </c>
      <c r="C71" s="6">
        <v>143</v>
      </c>
      <c r="D71" s="5">
        <v>270</v>
      </c>
    </row>
    <row r="72" spans="1:4" ht="18" customHeight="1" x14ac:dyDescent="0.15">
      <c r="A72" s="8">
        <v>55</v>
      </c>
      <c r="B72" s="21">
        <v>26</v>
      </c>
      <c r="C72" s="6">
        <v>21</v>
      </c>
      <c r="D72" s="5">
        <v>47</v>
      </c>
    </row>
    <row r="73" spans="1:4" ht="18" customHeight="1" x14ac:dyDescent="0.15">
      <c r="A73" s="8">
        <v>56</v>
      </c>
      <c r="B73" s="21">
        <v>34</v>
      </c>
      <c r="C73" s="6">
        <v>27</v>
      </c>
      <c r="D73" s="5">
        <v>61</v>
      </c>
    </row>
    <row r="74" spans="1:4" ht="18" customHeight="1" x14ac:dyDescent="0.15">
      <c r="A74" s="8">
        <v>57</v>
      </c>
      <c r="B74" s="21">
        <v>23</v>
      </c>
      <c r="C74" s="6">
        <v>25</v>
      </c>
      <c r="D74" s="5">
        <v>48</v>
      </c>
    </row>
    <row r="75" spans="1:4" ht="18" customHeight="1" x14ac:dyDescent="0.15">
      <c r="A75" s="8">
        <v>58</v>
      </c>
      <c r="B75" s="21">
        <v>26</v>
      </c>
      <c r="C75" s="6">
        <v>33</v>
      </c>
      <c r="D75" s="5">
        <v>59</v>
      </c>
    </row>
    <row r="76" spans="1:4" ht="18" customHeight="1" x14ac:dyDescent="0.15">
      <c r="A76" s="8">
        <v>59</v>
      </c>
      <c r="B76" s="21">
        <v>26</v>
      </c>
      <c r="C76" s="6">
        <v>18</v>
      </c>
      <c r="D76" s="5">
        <v>44</v>
      </c>
    </row>
    <row r="77" spans="1:4" ht="18" customHeight="1" x14ac:dyDescent="0.15">
      <c r="A77" s="8" t="s">
        <v>13</v>
      </c>
      <c r="B77" s="21">
        <v>135</v>
      </c>
      <c r="C77" s="6">
        <v>124</v>
      </c>
      <c r="D77" s="5">
        <v>259</v>
      </c>
    </row>
    <row r="78" spans="1:4" ht="18" customHeight="1" x14ac:dyDescent="0.15">
      <c r="A78" s="8">
        <v>60</v>
      </c>
      <c r="B78" s="21">
        <v>28</v>
      </c>
      <c r="C78" s="6">
        <v>23</v>
      </c>
      <c r="D78" s="5">
        <v>51</v>
      </c>
    </row>
    <row r="79" spans="1:4" ht="18" customHeight="1" x14ac:dyDescent="0.15">
      <c r="A79" s="8">
        <v>61</v>
      </c>
      <c r="B79" s="21">
        <v>28</v>
      </c>
      <c r="C79" s="6">
        <v>24</v>
      </c>
      <c r="D79" s="5">
        <v>52</v>
      </c>
    </row>
    <row r="80" spans="1:4" ht="18" customHeight="1" x14ac:dyDescent="0.15">
      <c r="A80" s="8">
        <v>62</v>
      </c>
      <c r="B80" s="21">
        <v>24</v>
      </c>
      <c r="C80" s="6">
        <v>40</v>
      </c>
      <c r="D80" s="5">
        <v>64</v>
      </c>
    </row>
    <row r="81" spans="1:4" ht="18" customHeight="1" x14ac:dyDescent="0.15">
      <c r="A81" s="8">
        <v>63</v>
      </c>
      <c r="B81" s="21">
        <v>23</v>
      </c>
      <c r="C81" s="6">
        <v>27</v>
      </c>
      <c r="D81" s="5">
        <v>50</v>
      </c>
    </row>
    <row r="82" spans="1:4" ht="18" customHeight="1" x14ac:dyDescent="0.15">
      <c r="A82" s="8">
        <v>64</v>
      </c>
      <c r="B82" s="21">
        <v>23</v>
      </c>
      <c r="C82" s="6">
        <v>28</v>
      </c>
      <c r="D82" s="5">
        <v>51</v>
      </c>
    </row>
    <row r="83" spans="1:4" ht="18" customHeight="1" x14ac:dyDescent="0.15">
      <c r="A83" s="8" t="s">
        <v>12</v>
      </c>
      <c r="B83" s="21">
        <v>126</v>
      </c>
      <c r="C83" s="6">
        <v>142</v>
      </c>
      <c r="D83" s="5">
        <v>268</v>
      </c>
    </row>
    <row r="84" spans="1:4" ht="18" customHeight="1" x14ac:dyDescent="0.15">
      <c r="A84" s="8" t="s">
        <v>11</v>
      </c>
      <c r="B84" s="21">
        <v>1026</v>
      </c>
      <c r="C84" s="6">
        <v>981</v>
      </c>
      <c r="D84" s="5">
        <v>2007</v>
      </c>
    </row>
    <row r="85" spans="1:4" ht="18" customHeight="1" x14ac:dyDescent="0.15">
      <c r="A85" s="8">
        <v>65</v>
      </c>
      <c r="B85" s="21">
        <v>21</v>
      </c>
      <c r="C85" s="6">
        <v>18</v>
      </c>
      <c r="D85" s="5">
        <v>39</v>
      </c>
    </row>
    <row r="86" spans="1:4" ht="18" customHeight="1" x14ac:dyDescent="0.15">
      <c r="A86" s="8">
        <v>66</v>
      </c>
      <c r="B86" s="21">
        <v>29</v>
      </c>
      <c r="C86" s="6">
        <v>19</v>
      </c>
      <c r="D86" s="5">
        <v>48</v>
      </c>
    </row>
    <row r="87" spans="1:4" ht="18" customHeight="1" x14ac:dyDescent="0.15">
      <c r="A87" s="8">
        <v>67</v>
      </c>
      <c r="B87" s="21">
        <v>22</v>
      </c>
      <c r="C87" s="6">
        <v>21</v>
      </c>
      <c r="D87" s="5">
        <v>43</v>
      </c>
    </row>
    <row r="88" spans="1:4" ht="18" customHeight="1" x14ac:dyDescent="0.15">
      <c r="A88" s="8">
        <v>68</v>
      </c>
      <c r="B88" s="21">
        <v>17</v>
      </c>
      <c r="C88" s="6">
        <v>37</v>
      </c>
      <c r="D88" s="5">
        <v>54</v>
      </c>
    </row>
    <row r="89" spans="1:4" ht="18" customHeight="1" x14ac:dyDescent="0.15">
      <c r="A89" s="8">
        <v>69</v>
      </c>
      <c r="B89" s="21">
        <v>30</v>
      </c>
      <c r="C89" s="6">
        <v>20</v>
      </c>
      <c r="D89" s="5">
        <v>50</v>
      </c>
    </row>
    <row r="90" spans="1:4" ht="18" customHeight="1" x14ac:dyDescent="0.15">
      <c r="A90" s="8" t="s">
        <v>10</v>
      </c>
      <c r="B90" s="21">
        <v>119</v>
      </c>
      <c r="C90" s="6">
        <v>115</v>
      </c>
      <c r="D90" s="5">
        <v>234</v>
      </c>
    </row>
    <row r="91" spans="1:4" ht="18" customHeight="1" x14ac:dyDescent="0.15">
      <c r="A91" s="8">
        <v>70</v>
      </c>
      <c r="B91" s="21">
        <v>23</v>
      </c>
      <c r="C91" s="6">
        <v>36</v>
      </c>
      <c r="D91" s="5">
        <v>59</v>
      </c>
    </row>
    <row r="92" spans="1:4" ht="18" customHeight="1" x14ac:dyDescent="0.15">
      <c r="A92" s="8">
        <v>71</v>
      </c>
      <c r="B92" s="21">
        <v>32</v>
      </c>
      <c r="C92" s="6">
        <v>26</v>
      </c>
      <c r="D92" s="5">
        <v>58</v>
      </c>
    </row>
    <row r="93" spans="1:4" ht="18" customHeight="1" x14ac:dyDescent="0.15">
      <c r="A93" s="8">
        <v>72</v>
      </c>
      <c r="B93" s="21">
        <v>14</v>
      </c>
      <c r="C93" s="6">
        <v>35</v>
      </c>
      <c r="D93" s="5">
        <v>49</v>
      </c>
    </row>
    <row r="94" spans="1:4" ht="18" customHeight="1" x14ac:dyDescent="0.15">
      <c r="A94" s="8">
        <v>73</v>
      </c>
      <c r="B94" s="21">
        <v>34</v>
      </c>
      <c r="C94" s="6">
        <v>26</v>
      </c>
      <c r="D94" s="5">
        <v>60</v>
      </c>
    </row>
    <row r="95" spans="1:4" ht="18" customHeight="1" x14ac:dyDescent="0.15">
      <c r="A95" s="8">
        <v>74</v>
      </c>
      <c r="B95" s="21">
        <v>32</v>
      </c>
      <c r="C95" s="6">
        <v>22</v>
      </c>
      <c r="D95" s="5">
        <v>54</v>
      </c>
    </row>
    <row r="96" spans="1:4" ht="18" customHeight="1" x14ac:dyDescent="0.15">
      <c r="A96" s="8" t="s">
        <v>9</v>
      </c>
      <c r="B96" s="21">
        <v>135</v>
      </c>
      <c r="C96" s="6">
        <v>145</v>
      </c>
      <c r="D96" s="5">
        <v>280</v>
      </c>
    </row>
    <row r="97" spans="1:4" ht="18" customHeight="1" x14ac:dyDescent="0.15">
      <c r="A97" s="8">
        <v>75</v>
      </c>
      <c r="B97" s="21">
        <v>31</v>
      </c>
      <c r="C97" s="6">
        <v>31</v>
      </c>
      <c r="D97" s="5">
        <v>62</v>
      </c>
    </row>
    <row r="98" spans="1:4" ht="18" customHeight="1" x14ac:dyDescent="0.15">
      <c r="A98" s="8">
        <v>76</v>
      </c>
      <c r="B98" s="21">
        <v>27</v>
      </c>
      <c r="C98" s="6">
        <v>41</v>
      </c>
      <c r="D98" s="5">
        <v>68</v>
      </c>
    </row>
    <row r="99" spans="1:4" ht="18" customHeight="1" x14ac:dyDescent="0.15">
      <c r="A99" s="8">
        <v>77</v>
      </c>
      <c r="B99" s="21">
        <v>34</v>
      </c>
      <c r="C99" s="6">
        <v>38</v>
      </c>
      <c r="D99" s="5">
        <v>72</v>
      </c>
    </row>
    <row r="100" spans="1:4" ht="18" customHeight="1" x14ac:dyDescent="0.15">
      <c r="A100" s="8">
        <v>78</v>
      </c>
      <c r="B100" s="21">
        <v>36</v>
      </c>
      <c r="C100" s="6">
        <v>33</v>
      </c>
      <c r="D100" s="5">
        <v>69</v>
      </c>
    </row>
    <row r="101" spans="1:4" ht="18" customHeight="1" x14ac:dyDescent="0.15">
      <c r="A101" s="8">
        <v>79</v>
      </c>
      <c r="B101" s="21">
        <v>21</v>
      </c>
      <c r="C101" s="6">
        <v>18</v>
      </c>
      <c r="D101" s="5">
        <v>39</v>
      </c>
    </row>
    <row r="102" spans="1:4" ht="18" customHeight="1" x14ac:dyDescent="0.15">
      <c r="A102" s="8" t="s">
        <v>8</v>
      </c>
      <c r="B102" s="21">
        <v>149</v>
      </c>
      <c r="C102" s="6">
        <v>161</v>
      </c>
      <c r="D102" s="5">
        <v>310</v>
      </c>
    </row>
    <row r="103" spans="1:4" ht="18" customHeight="1" x14ac:dyDescent="0.15">
      <c r="A103" s="8">
        <v>80</v>
      </c>
      <c r="B103" s="21">
        <v>15</v>
      </c>
      <c r="C103" s="6">
        <v>22</v>
      </c>
      <c r="D103" s="5">
        <v>37</v>
      </c>
    </row>
    <row r="104" spans="1:4" ht="18" customHeight="1" x14ac:dyDescent="0.15">
      <c r="A104" s="8">
        <v>81</v>
      </c>
      <c r="B104" s="21">
        <v>22</v>
      </c>
      <c r="C104" s="6">
        <v>25</v>
      </c>
      <c r="D104" s="5">
        <v>47</v>
      </c>
    </row>
    <row r="105" spans="1:4" ht="18" customHeight="1" x14ac:dyDescent="0.15">
      <c r="A105" s="8">
        <v>82</v>
      </c>
      <c r="B105" s="21">
        <v>14</v>
      </c>
      <c r="C105" s="6">
        <v>22</v>
      </c>
      <c r="D105" s="5">
        <v>36</v>
      </c>
    </row>
    <row r="106" spans="1:4" ht="18" customHeight="1" x14ac:dyDescent="0.15">
      <c r="A106" s="8">
        <v>83</v>
      </c>
      <c r="B106" s="21">
        <v>12</v>
      </c>
      <c r="C106" s="6">
        <v>34</v>
      </c>
      <c r="D106" s="5">
        <v>46</v>
      </c>
    </row>
    <row r="107" spans="1:4" ht="18" customHeight="1" x14ac:dyDescent="0.15">
      <c r="A107" s="8">
        <v>84</v>
      </c>
      <c r="B107" s="21">
        <v>13</v>
      </c>
      <c r="C107" s="6">
        <v>26</v>
      </c>
      <c r="D107" s="5">
        <v>39</v>
      </c>
    </row>
    <row r="108" spans="1:4" ht="18" customHeight="1" x14ac:dyDescent="0.15">
      <c r="A108" s="8" t="s">
        <v>7</v>
      </c>
      <c r="B108" s="21">
        <v>76</v>
      </c>
      <c r="C108" s="6">
        <v>129</v>
      </c>
      <c r="D108" s="5">
        <v>205</v>
      </c>
    </row>
    <row r="109" spans="1:4" ht="18" customHeight="1" x14ac:dyDescent="0.15">
      <c r="A109" s="8">
        <v>85</v>
      </c>
      <c r="B109" s="21">
        <v>14</v>
      </c>
      <c r="C109" s="6">
        <v>9</v>
      </c>
      <c r="D109" s="5">
        <v>23</v>
      </c>
    </row>
    <row r="110" spans="1:4" ht="18" customHeight="1" x14ac:dyDescent="0.15">
      <c r="A110" s="8">
        <v>86</v>
      </c>
      <c r="B110" s="21">
        <v>13</v>
      </c>
      <c r="C110" s="6">
        <v>17</v>
      </c>
      <c r="D110" s="5">
        <v>30</v>
      </c>
    </row>
    <row r="111" spans="1:4" ht="18" customHeight="1" x14ac:dyDescent="0.15">
      <c r="A111" s="8">
        <v>87</v>
      </c>
      <c r="B111" s="21">
        <v>9</v>
      </c>
      <c r="C111" s="6">
        <v>15</v>
      </c>
      <c r="D111" s="5">
        <v>24</v>
      </c>
    </row>
    <row r="112" spans="1:4" ht="18" customHeight="1" x14ac:dyDescent="0.15">
      <c r="A112" s="8">
        <v>88</v>
      </c>
      <c r="B112" s="21">
        <v>8</v>
      </c>
      <c r="C112" s="6">
        <v>11</v>
      </c>
      <c r="D112" s="5">
        <v>19</v>
      </c>
    </row>
    <row r="113" spans="1:4" ht="18" customHeight="1" x14ac:dyDescent="0.15">
      <c r="A113" s="8">
        <v>89</v>
      </c>
      <c r="B113" s="21">
        <v>10</v>
      </c>
      <c r="C113" s="6">
        <v>13</v>
      </c>
      <c r="D113" s="5">
        <v>23</v>
      </c>
    </row>
    <row r="114" spans="1:4" ht="18" customHeight="1" x14ac:dyDescent="0.15">
      <c r="A114" s="8" t="s">
        <v>6</v>
      </c>
      <c r="B114" s="21">
        <v>54</v>
      </c>
      <c r="C114" s="6">
        <v>65</v>
      </c>
      <c r="D114" s="5">
        <v>119</v>
      </c>
    </row>
    <row r="115" spans="1:4" ht="18" customHeight="1" x14ac:dyDescent="0.15">
      <c r="A115" s="8">
        <v>90</v>
      </c>
      <c r="B115" s="21">
        <v>4</v>
      </c>
      <c r="C115" s="6">
        <v>12</v>
      </c>
      <c r="D115" s="5">
        <v>16</v>
      </c>
    </row>
    <row r="116" spans="1:4" ht="18" customHeight="1" x14ac:dyDescent="0.15">
      <c r="A116" s="8">
        <v>91</v>
      </c>
      <c r="B116" s="21">
        <v>3</v>
      </c>
      <c r="C116" s="6">
        <v>8</v>
      </c>
      <c r="D116" s="5">
        <v>11</v>
      </c>
    </row>
    <row r="117" spans="1:4" ht="18" customHeight="1" x14ac:dyDescent="0.15">
      <c r="A117" s="8">
        <v>92</v>
      </c>
      <c r="B117" s="21">
        <v>3</v>
      </c>
      <c r="C117" s="6">
        <v>17</v>
      </c>
      <c r="D117" s="5">
        <v>20</v>
      </c>
    </row>
    <row r="118" spans="1:4" ht="18" customHeight="1" x14ac:dyDescent="0.15">
      <c r="A118" s="8">
        <v>93</v>
      </c>
      <c r="B118" s="21">
        <v>0</v>
      </c>
      <c r="C118" s="6">
        <v>7</v>
      </c>
      <c r="D118" s="5">
        <v>7</v>
      </c>
    </row>
    <row r="119" spans="1:4" ht="18" customHeight="1" x14ac:dyDescent="0.15">
      <c r="A119" s="8">
        <v>94</v>
      </c>
      <c r="B119" s="21">
        <v>2</v>
      </c>
      <c r="C119" s="6">
        <v>10</v>
      </c>
      <c r="D119" s="5">
        <v>12</v>
      </c>
    </row>
    <row r="120" spans="1:4" ht="18" customHeight="1" x14ac:dyDescent="0.15">
      <c r="A120" s="8" t="s">
        <v>5</v>
      </c>
      <c r="B120" s="21">
        <v>12</v>
      </c>
      <c r="C120" s="6">
        <v>54</v>
      </c>
      <c r="D120" s="5">
        <v>66</v>
      </c>
    </row>
    <row r="121" spans="1:4" ht="18" customHeight="1" x14ac:dyDescent="0.15">
      <c r="A121" s="8">
        <v>95</v>
      </c>
      <c r="B121" s="21">
        <v>2</v>
      </c>
      <c r="C121" s="6">
        <v>5</v>
      </c>
      <c r="D121" s="5">
        <v>7</v>
      </c>
    </row>
    <row r="122" spans="1:4" ht="18" customHeight="1" x14ac:dyDescent="0.15">
      <c r="A122" s="8">
        <v>96</v>
      </c>
      <c r="B122" s="21">
        <v>4</v>
      </c>
      <c r="C122" s="6">
        <v>3</v>
      </c>
      <c r="D122" s="5">
        <v>7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1</v>
      </c>
      <c r="C124" s="6">
        <v>6</v>
      </c>
      <c r="D124" s="5">
        <v>7</v>
      </c>
    </row>
    <row r="125" spans="1:4" ht="18" customHeight="1" x14ac:dyDescent="0.15">
      <c r="A125" s="8">
        <v>99</v>
      </c>
      <c r="B125" s="21">
        <v>1</v>
      </c>
      <c r="C125" s="6">
        <v>0</v>
      </c>
      <c r="D125" s="5">
        <v>1</v>
      </c>
    </row>
    <row r="126" spans="1:4" ht="18" customHeight="1" x14ac:dyDescent="0.15">
      <c r="A126" s="8" t="s">
        <v>4</v>
      </c>
      <c r="B126" s="21">
        <v>9</v>
      </c>
      <c r="C126" s="6">
        <v>16</v>
      </c>
      <c r="D126" s="5">
        <v>25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3</v>
      </c>
      <c r="D128" s="5">
        <v>3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554</v>
      </c>
      <c r="C130" s="6">
        <v>689</v>
      </c>
      <c r="D130" s="5">
        <v>1243</v>
      </c>
    </row>
    <row r="131" spans="1:4" ht="18" customHeight="1" x14ac:dyDescent="0.15">
      <c r="A131" s="4" t="s">
        <v>0</v>
      </c>
      <c r="B131" s="20">
        <v>1761</v>
      </c>
      <c r="C131" s="2">
        <v>1857</v>
      </c>
      <c r="D131" s="1">
        <v>361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464A8D-38A7-49F0-BCB6-43E45BFDD1F6}">
  <sheetPr codeName="Sheet1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1</v>
      </c>
      <c r="C5" s="11">
        <v>7</v>
      </c>
      <c r="D5" s="10">
        <v>18</v>
      </c>
    </row>
    <row r="6" spans="1:4" ht="18" customHeight="1" x14ac:dyDescent="0.15">
      <c r="A6" s="8">
        <v>1</v>
      </c>
      <c r="B6" s="21">
        <v>7</v>
      </c>
      <c r="C6" s="6">
        <v>9</v>
      </c>
      <c r="D6" s="5">
        <v>16</v>
      </c>
    </row>
    <row r="7" spans="1:4" ht="18" customHeight="1" x14ac:dyDescent="0.15">
      <c r="A7" s="8">
        <v>2</v>
      </c>
      <c r="B7" s="21">
        <v>10</v>
      </c>
      <c r="C7" s="6">
        <v>12</v>
      </c>
      <c r="D7" s="5">
        <v>22</v>
      </c>
    </row>
    <row r="8" spans="1:4" ht="18" customHeight="1" x14ac:dyDescent="0.15">
      <c r="A8" s="8">
        <v>3</v>
      </c>
      <c r="B8" s="21">
        <v>7</v>
      </c>
      <c r="C8" s="6">
        <v>10</v>
      </c>
      <c r="D8" s="5">
        <v>17</v>
      </c>
    </row>
    <row r="9" spans="1:4" ht="18" customHeight="1" x14ac:dyDescent="0.15">
      <c r="A9" s="8">
        <v>4</v>
      </c>
      <c r="B9" s="21">
        <v>13</v>
      </c>
      <c r="C9" s="6">
        <v>8</v>
      </c>
      <c r="D9" s="5">
        <v>21</v>
      </c>
    </row>
    <row r="10" spans="1:4" ht="18" customHeight="1" x14ac:dyDescent="0.15">
      <c r="A10" s="8" t="s">
        <v>25</v>
      </c>
      <c r="B10" s="21">
        <v>48</v>
      </c>
      <c r="C10" s="6">
        <v>46</v>
      </c>
      <c r="D10" s="5">
        <v>94</v>
      </c>
    </row>
    <row r="11" spans="1:4" ht="18" customHeight="1" x14ac:dyDescent="0.15">
      <c r="A11" s="8">
        <v>5</v>
      </c>
      <c r="B11" s="21">
        <v>17</v>
      </c>
      <c r="C11" s="6">
        <v>9</v>
      </c>
      <c r="D11" s="5">
        <v>26</v>
      </c>
    </row>
    <row r="12" spans="1:4" ht="18" customHeight="1" x14ac:dyDescent="0.15">
      <c r="A12" s="8">
        <v>6</v>
      </c>
      <c r="B12" s="21">
        <v>15</v>
      </c>
      <c r="C12" s="6">
        <v>12</v>
      </c>
      <c r="D12" s="5">
        <v>27</v>
      </c>
    </row>
    <row r="13" spans="1:4" ht="18" customHeight="1" x14ac:dyDescent="0.15">
      <c r="A13" s="8">
        <v>7</v>
      </c>
      <c r="B13" s="21">
        <v>6</v>
      </c>
      <c r="C13" s="6">
        <v>10</v>
      </c>
      <c r="D13" s="5">
        <v>16</v>
      </c>
    </row>
    <row r="14" spans="1:4" ht="18" customHeight="1" x14ac:dyDescent="0.15">
      <c r="A14" s="8">
        <v>8</v>
      </c>
      <c r="B14" s="21">
        <v>21</v>
      </c>
      <c r="C14" s="6">
        <v>13</v>
      </c>
      <c r="D14" s="5">
        <v>34</v>
      </c>
    </row>
    <row r="15" spans="1:4" ht="18" customHeight="1" x14ac:dyDescent="0.15">
      <c r="A15" s="8">
        <v>9</v>
      </c>
      <c r="B15" s="21">
        <v>12</v>
      </c>
      <c r="C15" s="6">
        <v>14</v>
      </c>
      <c r="D15" s="5">
        <v>26</v>
      </c>
    </row>
    <row r="16" spans="1:4" ht="18" customHeight="1" x14ac:dyDescent="0.15">
      <c r="A16" s="8" t="s">
        <v>24</v>
      </c>
      <c r="B16" s="21">
        <v>71</v>
      </c>
      <c r="C16" s="6">
        <v>58</v>
      </c>
      <c r="D16" s="5">
        <v>129</v>
      </c>
    </row>
    <row r="17" spans="1:4" ht="18" customHeight="1" x14ac:dyDescent="0.15">
      <c r="A17" s="8">
        <v>10</v>
      </c>
      <c r="B17" s="21">
        <v>11</v>
      </c>
      <c r="C17" s="6">
        <v>17</v>
      </c>
      <c r="D17" s="5">
        <v>28</v>
      </c>
    </row>
    <row r="18" spans="1:4" ht="18" customHeight="1" x14ac:dyDescent="0.15">
      <c r="A18" s="8">
        <v>11</v>
      </c>
      <c r="B18" s="21">
        <v>19</v>
      </c>
      <c r="C18" s="6">
        <v>18</v>
      </c>
      <c r="D18" s="5">
        <v>37</v>
      </c>
    </row>
    <row r="19" spans="1:4" ht="18" customHeight="1" x14ac:dyDescent="0.15">
      <c r="A19" s="8">
        <v>12</v>
      </c>
      <c r="B19" s="21">
        <v>14</v>
      </c>
      <c r="C19" s="6">
        <v>11</v>
      </c>
      <c r="D19" s="5">
        <v>25</v>
      </c>
    </row>
    <row r="20" spans="1:4" ht="18" customHeight="1" x14ac:dyDescent="0.15">
      <c r="A20" s="8">
        <v>13</v>
      </c>
      <c r="B20" s="21">
        <v>19</v>
      </c>
      <c r="C20" s="6">
        <v>6</v>
      </c>
      <c r="D20" s="5">
        <v>25</v>
      </c>
    </row>
    <row r="21" spans="1:4" ht="18" customHeight="1" x14ac:dyDescent="0.15">
      <c r="A21" s="8">
        <v>14</v>
      </c>
      <c r="B21" s="21">
        <v>22</v>
      </c>
      <c r="C21" s="6">
        <v>15</v>
      </c>
      <c r="D21" s="5">
        <v>37</v>
      </c>
    </row>
    <row r="22" spans="1:4" ht="18" customHeight="1" x14ac:dyDescent="0.15">
      <c r="A22" s="8" t="s">
        <v>23</v>
      </c>
      <c r="B22" s="21">
        <v>85</v>
      </c>
      <c r="C22" s="6">
        <v>67</v>
      </c>
      <c r="D22" s="5">
        <v>152</v>
      </c>
    </row>
    <row r="23" spans="1:4" ht="18" customHeight="1" x14ac:dyDescent="0.15">
      <c r="A23" s="8" t="s">
        <v>22</v>
      </c>
      <c r="B23" s="21">
        <v>204</v>
      </c>
      <c r="C23" s="6">
        <v>171</v>
      </c>
      <c r="D23" s="5">
        <v>375</v>
      </c>
    </row>
    <row r="24" spans="1:4" ht="18" customHeight="1" x14ac:dyDescent="0.15">
      <c r="A24" s="8">
        <v>15</v>
      </c>
      <c r="B24" s="21">
        <v>15</v>
      </c>
      <c r="C24" s="6">
        <v>14</v>
      </c>
      <c r="D24" s="5">
        <v>29</v>
      </c>
    </row>
    <row r="25" spans="1:4" ht="18" customHeight="1" x14ac:dyDescent="0.15">
      <c r="A25" s="8">
        <v>16</v>
      </c>
      <c r="B25" s="21">
        <v>20</v>
      </c>
      <c r="C25" s="6">
        <v>10</v>
      </c>
      <c r="D25" s="5">
        <v>30</v>
      </c>
    </row>
    <row r="26" spans="1:4" ht="18" customHeight="1" x14ac:dyDescent="0.15">
      <c r="A26" s="8">
        <v>17</v>
      </c>
      <c r="B26" s="21">
        <v>22</v>
      </c>
      <c r="C26" s="6">
        <v>12</v>
      </c>
      <c r="D26" s="5">
        <v>34</v>
      </c>
    </row>
    <row r="27" spans="1:4" ht="18" customHeight="1" x14ac:dyDescent="0.15">
      <c r="A27" s="8">
        <v>18</v>
      </c>
      <c r="B27" s="21">
        <v>17</v>
      </c>
      <c r="C27" s="6">
        <v>9</v>
      </c>
      <c r="D27" s="5">
        <v>26</v>
      </c>
    </row>
    <row r="28" spans="1:4" ht="18" customHeight="1" x14ac:dyDescent="0.15">
      <c r="A28" s="8">
        <v>19</v>
      </c>
      <c r="B28" s="21">
        <v>13</v>
      </c>
      <c r="C28" s="6">
        <v>11</v>
      </c>
      <c r="D28" s="5">
        <v>24</v>
      </c>
    </row>
    <row r="29" spans="1:4" ht="18" customHeight="1" x14ac:dyDescent="0.15">
      <c r="A29" s="8" t="s">
        <v>21</v>
      </c>
      <c r="B29" s="21">
        <v>87</v>
      </c>
      <c r="C29" s="6">
        <v>56</v>
      </c>
      <c r="D29" s="5">
        <v>143</v>
      </c>
    </row>
    <row r="30" spans="1:4" ht="18" customHeight="1" x14ac:dyDescent="0.15">
      <c r="A30" s="8">
        <v>20</v>
      </c>
      <c r="B30" s="21">
        <v>9</v>
      </c>
      <c r="C30" s="6">
        <v>9</v>
      </c>
      <c r="D30" s="5">
        <v>18</v>
      </c>
    </row>
    <row r="31" spans="1:4" ht="18" customHeight="1" x14ac:dyDescent="0.15">
      <c r="A31" s="8">
        <v>21</v>
      </c>
      <c r="B31" s="21">
        <v>14</v>
      </c>
      <c r="C31" s="6">
        <v>16</v>
      </c>
      <c r="D31" s="5">
        <v>30</v>
      </c>
    </row>
    <row r="32" spans="1:4" ht="18" customHeight="1" x14ac:dyDescent="0.15">
      <c r="A32" s="8">
        <v>22</v>
      </c>
      <c r="B32" s="21">
        <v>15</v>
      </c>
      <c r="C32" s="6">
        <v>18</v>
      </c>
      <c r="D32" s="5">
        <v>33</v>
      </c>
    </row>
    <row r="33" spans="1:4" ht="18" customHeight="1" x14ac:dyDescent="0.15">
      <c r="A33" s="8">
        <v>23</v>
      </c>
      <c r="B33" s="21">
        <v>10</v>
      </c>
      <c r="C33" s="6">
        <v>16</v>
      </c>
      <c r="D33" s="5">
        <v>26</v>
      </c>
    </row>
    <row r="34" spans="1:4" ht="18" customHeight="1" x14ac:dyDescent="0.15">
      <c r="A34" s="8">
        <v>24</v>
      </c>
      <c r="B34" s="21">
        <v>14</v>
      </c>
      <c r="C34" s="6">
        <v>12</v>
      </c>
      <c r="D34" s="5">
        <v>26</v>
      </c>
    </row>
    <row r="35" spans="1:4" ht="18" customHeight="1" x14ac:dyDescent="0.15">
      <c r="A35" s="8" t="s">
        <v>20</v>
      </c>
      <c r="B35" s="21">
        <v>62</v>
      </c>
      <c r="C35" s="6">
        <v>71</v>
      </c>
      <c r="D35" s="5">
        <v>133</v>
      </c>
    </row>
    <row r="36" spans="1:4" ht="18" customHeight="1" x14ac:dyDescent="0.15">
      <c r="A36" s="8">
        <v>25</v>
      </c>
      <c r="B36" s="21">
        <v>10</v>
      </c>
      <c r="C36" s="6">
        <v>10</v>
      </c>
      <c r="D36" s="5">
        <v>20</v>
      </c>
    </row>
    <row r="37" spans="1:4" ht="18" customHeight="1" x14ac:dyDescent="0.15">
      <c r="A37" s="8">
        <v>26</v>
      </c>
      <c r="B37" s="21">
        <v>12</v>
      </c>
      <c r="C37" s="6">
        <v>12</v>
      </c>
      <c r="D37" s="5">
        <v>24</v>
      </c>
    </row>
    <row r="38" spans="1:4" ht="18" customHeight="1" x14ac:dyDescent="0.15">
      <c r="A38" s="8">
        <v>27</v>
      </c>
      <c r="B38" s="21">
        <v>11</v>
      </c>
      <c r="C38" s="6">
        <v>19</v>
      </c>
      <c r="D38" s="5">
        <v>30</v>
      </c>
    </row>
    <row r="39" spans="1:4" ht="18" customHeight="1" x14ac:dyDescent="0.15">
      <c r="A39" s="8">
        <v>28</v>
      </c>
      <c r="B39" s="21">
        <v>26</v>
      </c>
      <c r="C39" s="6">
        <v>20</v>
      </c>
      <c r="D39" s="5">
        <v>46</v>
      </c>
    </row>
    <row r="40" spans="1:4" ht="18" customHeight="1" x14ac:dyDescent="0.15">
      <c r="A40" s="8">
        <v>29</v>
      </c>
      <c r="B40" s="21">
        <v>7</v>
      </c>
      <c r="C40" s="6">
        <v>12</v>
      </c>
      <c r="D40" s="5">
        <v>19</v>
      </c>
    </row>
    <row r="41" spans="1:4" ht="18" customHeight="1" x14ac:dyDescent="0.15">
      <c r="A41" s="8" t="s">
        <v>19</v>
      </c>
      <c r="B41" s="21">
        <v>66</v>
      </c>
      <c r="C41" s="6">
        <v>73</v>
      </c>
      <c r="D41" s="5">
        <v>139</v>
      </c>
    </row>
    <row r="42" spans="1:4" ht="18" customHeight="1" x14ac:dyDescent="0.15">
      <c r="A42" s="8">
        <v>30</v>
      </c>
      <c r="B42" s="21">
        <v>24</v>
      </c>
      <c r="C42" s="6">
        <v>15</v>
      </c>
      <c r="D42" s="5">
        <v>39</v>
      </c>
    </row>
    <row r="43" spans="1:4" ht="18" customHeight="1" x14ac:dyDescent="0.15">
      <c r="A43" s="8">
        <v>31</v>
      </c>
      <c r="B43" s="21">
        <v>17</v>
      </c>
      <c r="C43" s="6">
        <v>9</v>
      </c>
      <c r="D43" s="5">
        <v>26</v>
      </c>
    </row>
    <row r="44" spans="1:4" ht="18" customHeight="1" x14ac:dyDescent="0.15">
      <c r="A44" s="8">
        <v>32</v>
      </c>
      <c r="B44" s="21">
        <v>18</v>
      </c>
      <c r="C44" s="6">
        <v>14</v>
      </c>
      <c r="D44" s="5">
        <v>32</v>
      </c>
    </row>
    <row r="45" spans="1:4" ht="18" customHeight="1" x14ac:dyDescent="0.15">
      <c r="A45" s="8">
        <v>33</v>
      </c>
      <c r="B45" s="21">
        <v>15</v>
      </c>
      <c r="C45" s="6">
        <v>19</v>
      </c>
      <c r="D45" s="5">
        <v>34</v>
      </c>
    </row>
    <row r="46" spans="1:4" ht="18" customHeight="1" x14ac:dyDescent="0.15">
      <c r="A46" s="8">
        <v>34</v>
      </c>
      <c r="B46" s="21">
        <v>14</v>
      </c>
      <c r="C46" s="6">
        <v>12</v>
      </c>
      <c r="D46" s="5">
        <v>26</v>
      </c>
    </row>
    <row r="47" spans="1:4" ht="18" customHeight="1" x14ac:dyDescent="0.15">
      <c r="A47" s="8" t="s">
        <v>18</v>
      </c>
      <c r="B47" s="21">
        <v>88</v>
      </c>
      <c r="C47" s="6">
        <v>69</v>
      </c>
      <c r="D47" s="5">
        <v>157</v>
      </c>
    </row>
    <row r="48" spans="1:4" ht="18" customHeight="1" x14ac:dyDescent="0.15">
      <c r="A48" s="8">
        <v>35</v>
      </c>
      <c r="B48" s="21">
        <v>19</v>
      </c>
      <c r="C48" s="6">
        <v>15</v>
      </c>
      <c r="D48" s="5">
        <v>34</v>
      </c>
    </row>
    <row r="49" spans="1:4" ht="18" customHeight="1" x14ac:dyDescent="0.15">
      <c r="A49" s="8">
        <v>36</v>
      </c>
      <c r="B49" s="21">
        <v>26</v>
      </c>
      <c r="C49" s="6">
        <v>21</v>
      </c>
      <c r="D49" s="5">
        <v>47</v>
      </c>
    </row>
    <row r="50" spans="1:4" ht="18" customHeight="1" x14ac:dyDescent="0.15">
      <c r="A50" s="8">
        <v>37</v>
      </c>
      <c r="B50" s="21">
        <v>23</v>
      </c>
      <c r="C50" s="6">
        <v>27</v>
      </c>
      <c r="D50" s="5">
        <v>50</v>
      </c>
    </row>
    <row r="51" spans="1:4" ht="18" customHeight="1" x14ac:dyDescent="0.15">
      <c r="A51" s="8">
        <v>38</v>
      </c>
      <c r="B51" s="21">
        <v>24</v>
      </c>
      <c r="C51" s="6">
        <v>13</v>
      </c>
      <c r="D51" s="5">
        <v>37</v>
      </c>
    </row>
    <row r="52" spans="1:4" ht="18" customHeight="1" x14ac:dyDescent="0.15">
      <c r="A52" s="8">
        <v>39</v>
      </c>
      <c r="B52" s="21">
        <v>31</v>
      </c>
      <c r="C52" s="6">
        <v>14</v>
      </c>
      <c r="D52" s="5">
        <v>45</v>
      </c>
    </row>
    <row r="53" spans="1:4" ht="18" customHeight="1" x14ac:dyDescent="0.15">
      <c r="A53" s="8" t="s">
        <v>17</v>
      </c>
      <c r="B53" s="21">
        <v>123</v>
      </c>
      <c r="C53" s="6">
        <v>90</v>
      </c>
      <c r="D53" s="5">
        <v>213</v>
      </c>
    </row>
    <row r="54" spans="1:4" ht="18" customHeight="1" x14ac:dyDescent="0.15">
      <c r="A54" s="8">
        <v>40</v>
      </c>
      <c r="B54" s="21">
        <v>31</v>
      </c>
      <c r="C54" s="6">
        <v>17</v>
      </c>
      <c r="D54" s="5">
        <v>48</v>
      </c>
    </row>
    <row r="55" spans="1:4" ht="18" customHeight="1" x14ac:dyDescent="0.15">
      <c r="A55" s="8">
        <v>41</v>
      </c>
      <c r="B55" s="21">
        <v>20</v>
      </c>
      <c r="C55" s="6">
        <v>22</v>
      </c>
      <c r="D55" s="5">
        <v>42</v>
      </c>
    </row>
    <row r="56" spans="1:4" ht="18" customHeight="1" x14ac:dyDescent="0.15">
      <c r="A56" s="8">
        <v>42</v>
      </c>
      <c r="B56" s="21">
        <v>23</v>
      </c>
      <c r="C56" s="6">
        <v>18</v>
      </c>
      <c r="D56" s="5">
        <v>41</v>
      </c>
    </row>
    <row r="57" spans="1:4" ht="18" customHeight="1" x14ac:dyDescent="0.15">
      <c r="A57" s="8">
        <v>43</v>
      </c>
      <c r="B57" s="21">
        <v>42</v>
      </c>
      <c r="C57" s="6">
        <v>25</v>
      </c>
      <c r="D57" s="5">
        <v>67</v>
      </c>
    </row>
    <row r="58" spans="1:4" ht="18" customHeight="1" x14ac:dyDescent="0.15">
      <c r="A58" s="8">
        <v>44</v>
      </c>
      <c r="B58" s="21">
        <v>20</v>
      </c>
      <c r="C58" s="6">
        <v>35</v>
      </c>
      <c r="D58" s="5">
        <v>55</v>
      </c>
    </row>
    <row r="59" spans="1:4" ht="18" customHeight="1" x14ac:dyDescent="0.15">
      <c r="A59" s="8" t="s">
        <v>16</v>
      </c>
      <c r="B59" s="21">
        <v>136</v>
      </c>
      <c r="C59" s="6">
        <v>117</v>
      </c>
      <c r="D59" s="5">
        <v>253</v>
      </c>
    </row>
    <row r="60" spans="1:4" ht="18" customHeight="1" x14ac:dyDescent="0.15">
      <c r="A60" s="8">
        <v>45</v>
      </c>
      <c r="B60" s="21">
        <v>29</v>
      </c>
      <c r="C60" s="6">
        <v>20</v>
      </c>
      <c r="D60" s="5">
        <v>49</v>
      </c>
    </row>
    <row r="61" spans="1:4" ht="18" customHeight="1" x14ac:dyDescent="0.15">
      <c r="A61" s="8">
        <v>46</v>
      </c>
      <c r="B61" s="21">
        <v>27</v>
      </c>
      <c r="C61" s="6">
        <v>26</v>
      </c>
      <c r="D61" s="5">
        <v>53</v>
      </c>
    </row>
    <row r="62" spans="1:4" ht="18" customHeight="1" x14ac:dyDescent="0.15">
      <c r="A62" s="8">
        <v>47</v>
      </c>
      <c r="B62" s="21">
        <v>19</v>
      </c>
      <c r="C62" s="6">
        <v>28</v>
      </c>
      <c r="D62" s="5">
        <v>47</v>
      </c>
    </row>
    <row r="63" spans="1:4" ht="18" customHeight="1" x14ac:dyDescent="0.15">
      <c r="A63" s="8">
        <v>48</v>
      </c>
      <c r="B63" s="21">
        <v>24</v>
      </c>
      <c r="C63" s="6">
        <v>27</v>
      </c>
      <c r="D63" s="5">
        <v>51</v>
      </c>
    </row>
    <row r="64" spans="1:4" ht="18" customHeight="1" x14ac:dyDescent="0.15">
      <c r="A64" s="8">
        <v>49</v>
      </c>
      <c r="B64" s="21">
        <v>32</v>
      </c>
      <c r="C64" s="6">
        <v>27</v>
      </c>
      <c r="D64" s="5">
        <v>59</v>
      </c>
    </row>
    <row r="65" spans="1:4" ht="18" customHeight="1" x14ac:dyDescent="0.15">
      <c r="A65" s="8" t="s">
        <v>15</v>
      </c>
      <c r="B65" s="21">
        <v>131</v>
      </c>
      <c r="C65" s="6">
        <v>128</v>
      </c>
      <c r="D65" s="5">
        <v>259</v>
      </c>
    </row>
    <row r="66" spans="1:4" ht="18" customHeight="1" x14ac:dyDescent="0.15">
      <c r="A66" s="8">
        <v>50</v>
      </c>
      <c r="B66" s="21">
        <v>30</v>
      </c>
      <c r="C66" s="6">
        <v>30</v>
      </c>
      <c r="D66" s="5">
        <v>60</v>
      </c>
    </row>
    <row r="67" spans="1:4" ht="18" customHeight="1" x14ac:dyDescent="0.15">
      <c r="A67" s="8">
        <v>51</v>
      </c>
      <c r="B67" s="21">
        <v>31</v>
      </c>
      <c r="C67" s="6">
        <v>38</v>
      </c>
      <c r="D67" s="5">
        <v>69</v>
      </c>
    </row>
    <row r="68" spans="1:4" ht="18" customHeight="1" x14ac:dyDescent="0.15">
      <c r="A68" s="8">
        <v>52</v>
      </c>
      <c r="B68" s="21">
        <v>33</v>
      </c>
      <c r="C68" s="6">
        <v>31</v>
      </c>
      <c r="D68" s="5">
        <v>64</v>
      </c>
    </row>
    <row r="69" spans="1:4" ht="18" customHeight="1" x14ac:dyDescent="0.15">
      <c r="A69" s="8">
        <v>53</v>
      </c>
      <c r="B69" s="21">
        <v>26</v>
      </c>
      <c r="C69" s="6">
        <v>27</v>
      </c>
      <c r="D69" s="5">
        <v>53</v>
      </c>
    </row>
    <row r="70" spans="1:4" ht="18" customHeight="1" x14ac:dyDescent="0.15">
      <c r="A70" s="8">
        <v>54</v>
      </c>
      <c r="B70" s="21">
        <v>25</v>
      </c>
      <c r="C70" s="6">
        <v>27</v>
      </c>
      <c r="D70" s="5">
        <v>52</v>
      </c>
    </row>
    <row r="71" spans="1:4" ht="18" customHeight="1" x14ac:dyDescent="0.15">
      <c r="A71" s="8" t="s">
        <v>14</v>
      </c>
      <c r="B71" s="21">
        <v>145</v>
      </c>
      <c r="C71" s="6">
        <v>153</v>
      </c>
      <c r="D71" s="5">
        <v>298</v>
      </c>
    </row>
    <row r="72" spans="1:4" ht="18" customHeight="1" x14ac:dyDescent="0.15">
      <c r="A72" s="8">
        <v>55</v>
      </c>
      <c r="B72" s="21">
        <v>27</v>
      </c>
      <c r="C72" s="6">
        <v>33</v>
      </c>
      <c r="D72" s="5">
        <v>60</v>
      </c>
    </row>
    <row r="73" spans="1:4" ht="18" customHeight="1" x14ac:dyDescent="0.15">
      <c r="A73" s="8">
        <v>56</v>
      </c>
      <c r="B73" s="21">
        <v>21</v>
      </c>
      <c r="C73" s="6">
        <v>27</v>
      </c>
      <c r="D73" s="5">
        <v>48</v>
      </c>
    </row>
    <row r="74" spans="1:4" ht="18" customHeight="1" x14ac:dyDescent="0.15">
      <c r="A74" s="8">
        <v>57</v>
      </c>
      <c r="B74" s="21">
        <v>28</v>
      </c>
      <c r="C74" s="6">
        <v>30</v>
      </c>
      <c r="D74" s="5">
        <v>58</v>
      </c>
    </row>
    <row r="75" spans="1:4" ht="18" customHeight="1" x14ac:dyDescent="0.15">
      <c r="A75" s="8">
        <v>58</v>
      </c>
      <c r="B75" s="21">
        <v>35</v>
      </c>
      <c r="C75" s="6">
        <v>22</v>
      </c>
      <c r="D75" s="5">
        <v>57</v>
      </c>
    </row>
    <row r="76" spans="1:4" ht="18" customHeight="1" x14ac:dyDescent="0.15">
      <c r="A76" s="8">
        <v>59</v>
      </c>
      <c r="B76" s="21">
        <v>29</v>
      </c>
      <c r="C76" s="6">
        <v>28</v>
      </c>
      <c r="D76" s="5">
        <v>57</v>
      </c>
    </row>
    <row r="77" spans="1:4" ht="18" customHeight="1" x14ac:dyDescent="0.15">
      <c r="A77" s="8" t="s">
        <v>13</v>
      </c>
      <c r="B77" s="21">
        <v>140</v>
      </c>
      <c r="C77" s="6">
        <v>140</v>
      </c>
      <c r="D77" s="5">
        <v>280</v>
      </c>
    </row>
    <row r="78" spans="1:4" ht="18" customHeight="1" x14ac:dyDescent="0.15">
      <c r="A78" s="8">
        <v>60</v>
      </c>
      <c r="B78" s="21">
        <v>23</v>
      </c>
      <c r="C78" s="6">
        <v>40</v>
      </c>
      <c r="D78" s="5">
        <v>63</v>
      </c>
    </row>
    <row r="79" spans="1:4" ht="18" customHeight="1" x14ac:dyDescent="0.15">
      <c r="A79" s="8">
        <v>61</v>
      </c>
      <c r="B79" s="21">
        <v>27</v>
      </c>
      <c r="C79" s="6">
        <v>15</v>
      </c>
      <c r="D79" s="5">
        <v>42</v>
      </c>
    </row>
    <row r="80" spans="1:4" ht="18" customHeight="1" x14ac:dyDescent="0.15">
      <c r="A80" s="8">
        <v>62</v>
      </c>
      <c r="B80" s="21">
        <v>32</v>
      </c>
      <c r="C80" s="6">
        <v>21</v>
      </c>
      <c r="D80" s="5">
        <v>53</v>
      </c>
    </row>
    <row r="81" spans="1:4" ht="18" customHeight="1" x14ac:dyDescent="0.15">
      <c r="A81" s="8">
        <v>63</v>
      </c>
      <c r="B81" s="21">
        <v>28</v>
      </c>
      <c r="C81" s="6">
        <v>13</v>
      </c>
      <c r="D81" s="5">
        <v>41</v>
      </c>
    </row>
    <row r="82" spans="1:4" ht="18" customHeight="1" x14ac:dyDescent="0.15">
      <c r="A82" s="8">
        <v>64</v>
      </c>
      <c r="B82" s="21">
        <v>27</v>
      </c>
      <c r="C82" s="6">
        <v>36</v>
      </c>
      <c r="D82" s="5">
        <v>63</v>
      </c>
    </row>
    <row r="83" spans="1:4" ht="18" customHeight="1" x14ac:dyDescent="0.15">
      <c r="A83" s="8" t="s">
        <v>12</v>
      </c>
      <c r="B83" s="21">
        <v>137</v>
      </c>
      <c r="C83" s="6">
        <v>125</v>
      </c>
      <c r="D83" s="5">
        <v>262</v>
      </c>
    </row>
    <row r="84" spans="1:4" ht="18" customHeight="1" x14ac:dyDescent="0.15">
      <c r="A84" s="8" t="s">
        <v>11</v>
      </c>
      <c r="B84" s="21">
        <v>1115</v>
      </c>
      <c r="C84" s="6">
        <v>1022</v>
      </c>
      <c r="D84" s="5">
        <v>2137</v>
      </c>
    </row>
    <row r="85" spans="1:4" ht="18" customHeight="1" x14ac:dyDescent="0.15">
      <c r="A85" s="8">
        <v>65</v>
      </c>
      <c r="B85" s="21">
        <v>28</v>
      </c>
      <c r="C85" s="6">
        <v>30</v>
      </c>
      <c r="D85" s="5">
        <v>58</v>
      </c>
    </row>
    <row r="86" spans="1:4" ht="18" customHeight="1" x14ac:dyDescent="0.15">
      <c r="A86" s="8">
        <v>66</v>
      </c>
      <c r="B86" s="21">
        <v>28</v>
      </c>
      <c r="C86" s="6">
        <v>27</v>
      </c>
      <c r="D86" s="5">
        <v>55</v>
      </c>
    </row>
    <row r="87" spans="1:4" ht="18" customHeight="1" x14ac:dyDescent="0.15">
      <c r="A87" s="8">
        <v>67</v>
      </c>
      <c r="B87" s="21">
        <v>30</v>
      </c>
      <c r="C87" s="6">
        <v>18</v>
      </c>
      <c r="D87" s="5">
        <v>48</v>
      </c>
    </row>
    <row r="88" spans="1:4" ht="18" customHeight="1" x14ac:dyDescent="0.15">
      <c r="A88" s="8">
        <v>68</v>
      </c>
      <c r="B88" s="21">
        <v>30</v>
      </c>
      <c r="C88" s="6">
        <v>26</v>
      </c>
      <c r="D88" s="5">
        <v>56</v>
      </c>
    </row>
    <row r="89" spans="1:4" ht="18" customHeight="1" x14ac:dyDescent="0.15">
      <c r="A89" s="8">
        <v>69</v>
      </c>
      <c r="B89" s="21">
        <v>26</v>
      </c>
      <c r="C89" s="6">
        <v>39</v>
      </c>
      <c r="D89" s="5">
        <v>65</v>
      </c>
    </row>
    <row r="90" spans="1:4" ht="18" customHeight="1" x14ac:dyDescent="0.15">
      <c r="A90" s="8" t="s">
        <v>10</v>
      </c>
      <c r="B90" s="21">
        <v>142</v>
      </c>
      <c r="C90" s="6">
        <v>140</v>
      </c>
      <c r="D90" s="5">
        <v>282</v>
      </c>
    </row>
    <row r="91" spans="1:4" ht="18" customHeight="1" x14ac:dyDescent="0.15">
      <c r="A91" s="8">
        <v>70</v>
      </c>
      <c r="B91" s="21">
        <v>21</v>
      </c>
      <c r="C91" s="6">
        <v>27</v>
      </c>
      <c r="D91" s="5">
        <v>48</v>
      </c>
    </row>
    <row r="92" spans="1:4" ht="18" customHeight="1" x14ac:dyDescent="0.15">
      <c r="A92" s="8">
        <v>71</v>
      </c>
      <c r="B92" s="21">
        <v>32</v>
      </c>
      <c r="C92" s="6">
        <v>25</v>
      </c>
      <c r="D92" s="5">
        <v>57</v>
      </c>
    </row>
    <row r="93" spans="1:4" ht="18" customHeight="1" x14ac:dyDescent="0.15">
      <c r="A93" s="8">
        <v>72</v>
      </c>
      <c r="B93" s="21">
        <v>32</v>
      </c>
      <c r="C93" s="6">
        <v>26</v>
      </c>
      <c r="D93" s="5">
        <v>58</v>
      </c>
    </row>
    <row r="94" spans="1:4" ht="18" customHeight="1" x14ac:dyDescent="0.15">
      <c r="A94" s="8">
        <v>73</v>
      </c>
      <c r="B94" s="21">
        <v>31</v>
      </c>
      <c r="C94" s="6">
        <v>28</v>
      </c>
      <c r="D94" s="5">
        <v>59</v>
      </c>
    </row>
    <row r="95" spans="1:4" ht="18" customHeight="1" x14ac:dyDescent="0.15">
      <c r="A95" s="8">
        <v>74</v>
      </c>
      <c r="B95" s="21">
        <v>31</v>
      </c>
      <c r="C95" s="6">
        <v>28</v>
      </c>
      <c r="D95" s="5">
        <v>59</v>
      </c>
    </row>
    <row r="96" spans="1:4" ht="18" customHeight="1" x14ac:dyDescent="0.15">
      <c r="A96" s="8" t="s">
        <v>9</v>
      </c>
      <c r="B96" s="21">
        <v>147</v>
      </c>
      <c r="C96" s="6">
        <v>134</v>
      </c>
      <c r="D96" s="5">
        <v>281</v>
      </c>
    </row>
    <row r="97" spans="1:4" ht="18" customHeight="1" x14ac:dyDescent="0.15">
      <c r="A97" s="8">
        <v>75</v>
      </c>
      <c r="B97" s="21">
        <v>41</v>
      </c>
      <c r="C97" s="6">
        <v>31</v>
      </c>
      <c r="D97" s="5">
        <v>72</v>
      </c>
    </row>
    <row r="98" spans="1:4" ht="18" customHeight="1" x14ac:dyDescent="0.15">
      <c r="A98" s="8">
        <v>76</v>
      </c>
      <c r="B98" s="21">
        <v>25</v>
      </c>
      <c r="C98" s="6">
        <v>37</v>
      </c>
      <c r="D98" s="5">
        <v>62</v>
      </c>
    </row>
    <row r="99" spans="1:4" ht="18" customHeight="1" x14ac:dyDescent="0.15">
      <c r="A99" s="8">
        <v>77</v>
      </c>
      <c r="B99" s="21">
        <v>32</v>
      </c>
      <c r="C99" s="6">
        <v>44</v>
      </c>
      <c r="D99" s="5">
        <v>76</v>
      </c>
    </row>
    <row r="100" spans="1:4" ht="18" customHeight="1" x14ac:dyDescent="0.15">
      <c r="A100" s="8">
        <v>78</v>
      </c>
      <c r="B100" s="21">
        <v>31</v>
      </c>
      <c r="C100" s="6">
        <v>38</v>
      </c>
      <c r="D100" s="5">
        <v>69</v>
      </c>
    </row>
    <row r="101" spans="1:4" ht="18" customHeight="1" x14ac:dyDescent="0.15">
      <c r="A101" s="8">
        <v>79</v>
      </c>
      <c r="B101" s="21">
        <v>18</v>
      </c>
      <c r="C101" s="6">
        <v>24</v>
      </c>
      <c r="D101" s="5">
        <v>42</v>
      </c>
    </row>
    <row r="102" spans="1:4" ht="18" customHeight="1" x14ac:dyDescent="0.15">
      <c r="A102" s="8" t="s">
        <v>8</v>
      </c>
      <c r="B102" s="21">
        <v>147</v>
      </c>
      <c r="C102" s="6">
        <v>174</v>
      </c>
      <c r="D102" s="5">
        <v>321</v>
      </c>
    </row>
    <row r="103" spans="1:4" ht="18" customHeight="1" x14ac:dyDescent="0.15">
      <c r="A103" s="8">
        <v>80</v>
      </c>
      <c r="B103" s="21">
        <v>13</v>
      </c>
      <c r="C103" s="6">
        <v>23</v>
      </c>
      <c r="D103" s="5">
        <v>36</v>
      </c>
    </row>
    <row r="104" spans="1:4" ht="18" customHeight="1" x14ac:dyDescent="0.15">
      <c r="A104" s="8">
        <v>81</v>
      </c>
      <c r="B104" s="21">
        <v>22</v>
      </c>
      <c r="C104" s="6">
        <v>23</v>
      </c>
      <c r="D104" s="5">
        <v>45</v>
      </c>
    </row>
    <row r="105" spans="1:4" ht="18" customHeight="1" x14ac:dyDescent="0.15">
      <c r="A105" s="8">
        <v>82</v>
      </c>
      <c r="B105" s="21">
        <v>19</v>
      </c>
      <c r="C105" s="6">
        <v>35</v>
      </c>
      <c r="D105" s="5">
        <v>54</v>
      </c>
    </row>
    <row r="106" spans="1:4" ht="18" customHeight="1" x14ac:dyDescent="0.15">
      <c r="A106" s="8">
        <v>83</v>
      </c>
      <c r="B106" s="21">
        <v>17</v>
      </c>
      <c r="C106" s="6">
        <v>27</v>
      </c>
      <c r="D106" s="5">
        <v>44</v>
      </c>
    </row>
    <row r="107" spans="1:4" ht="18" customHeight="1" x14ac:dyDescent="0.15">
      <c r="A107" s="8">
        <v>84</v>
      </c>
      <c r="B107" s="21">
        <v>11</v>
      </c>
      <c r="C107" s="6">
        <v>33</v>
      </c>
      <c r="D107" s="5">
        <v>44</v>
      </c>
    </row>
    <row r="108" spans="1:4" ht="18" customHeight="1" x14ac:dyDescent="0.15">
      <c r="A108" s="8" t="s">
        <v>7</v>
      </c>
      <c r="B108" s="21">
        <v>82</v>
      </c>
      <c r="C108" s="6">
        <v>141</v>
      </c>
      <c r="D108" s="5">
        <v>223</v>
      </c>
    </row>
    <row r="109" spans="1:4" ht="18" customHeight="1" x14ac:dyDescent="0.15">
      <c r="A109" s="8">
        <v>85</v>
      </c>
      <c r="B109" s="21">
        <v>11</v>
      </c>
      <c r="C109" s="6">
        <v>18</v>
      </c>
      <c r="D109" s="5">
        <v>29</v>
      </c>
    </row>
    <row r="110" spans="1:4" ht="18" customHeight="1" x14ac:dyDescent="0.15">
      <c r="A110" s="8">
        <v>86</v>
      </c>
      <c r="B110" s="21">
        <v>12</v>
      </c>
      <c r="C110" s="6">
        <v>28</v>
      </c>
      <c r="D110" s="5">
        <v>40</v>
      </c>
    </row>
    <row r="111" spans="1:4" ht="18" customHeight="1" x14ac:dyDescent="0.15">
      <c r="A111" s="8">
        <v>87</v>
      </c>
      <c r="B111" s="21">
        <v>10</v>
      </c>
      <c r="C111" s="6">
        <v>25</v>
      </c>
      <c r="D111" s="5">
        <v>35</v>
      </c>
    </row>
    <row r="112" spans="1:4" ht="18" customHeight="1" x14ac:dyDescent="0.15">
      <c r="A112" s="8">
        <v>88</v>
      </c>
      <c r="B112" s="21">
        <v>17</v>
      </c>
      <c r="C112" s="6">
        <v>23</v>
      </c>
      <c r="D112" s="5">
        <v>40</v>
      </c>
    </row>
    <row r="113" spans="1:4" ht="18" customHeight="1" x14ac:dyDescent="0.15">
      <c r="A113" s="8">
        <v>89</v>
      </c>
      <c r="B113" s="21">
        <v>10</v>
      </c>
      <c r="C113" s="6">
        <v>23</v>
      </c>
      <c r="D113" s="5">
        <v>33</v>
      </c>
    </row>
    <row r="114" spans="1:4" ht="18" customHeight="1" x14ac:dyDescent="0.15">
      <c r="A114" s="8" t="s">
        <v>6</v>
      </c>
      <c r="B114" s="21">
        <v>60</v>
      </c>
      <c r="C114" s="6">
        <v>117</v>
      </c>
      <c r="D114" s="5">
        <v>177</v>
      </c>
    </row>
    <row r="115" spans="1:4" ht="18" customHeight="1" x14ac:dyDescent="0.15">
      <c r="A115" s="8">
        <v>90</v>
      </c>
      <c r="B115" s="21">
        <v>9</v>
      </c>
      <c r="C115" s="6">
        <v>18</v>
      </c>
      <c r="D115" s="5">
        <v>27</v>
      </c>
    </row>
    <row r="116" spans="1:4" ht="18" customHeight="1" x14ac:dyDescent="0.15">
      <c r="A116" s="8">
        <v>91</v>
      </c>
      <c r="B116" s="21">
        <v>8</v>
      </c>
      <c r="C116" s="6">
        <v>20</v>
      </c>
      <c r="D116" s="5">
        <v>28</v>
      </c>
    </row>
    <row r="117" spans="1:4" ht="18" customHeight="1" x14ac:dyDescent="0.15">
      <c r="A117" s="8">
        <v>92</v>
      </c>
      <c r="B117" s="21">
        <v>3</v>
      </c>
      <c r="C117" s="6">
        <v>13</v>
      </c>
      <c r="D117" s="5">
        <v>16</v>
      </c>
    </row>
    <row r="118" spans="1:4" ht="18" customHeight="1" x14ac:dyDescent="0.15">
      <c r="A118" s="8">
        <v>93</v>
      </c>
      <c r="B118" s="21">
        <v>8</v>
      </c>
      <c r="C118" s="6">
        <v>17</v>
      </c>
      <c r="D118" s="5">
        <v>25</v>
      </c>
    </row>
    <row r="119" spans="1:4" ht="18" customHeight="1" x14ac:dyDescent="0.15">
      <c r="A119" s="8">
        <v>94</v>
      </c>
      <c r="B119" s="21">
        <v>6</v>
      </c>
      <c r="C119" s="6">
        <v>10</v>
      </c>
      <c r="D119" s="5">
        <v>16</v>
      </c>
    </row>
    <row r="120" spans="1:4" ht="18" customHeight="1" x14ac:dyDescent="0.15">
      <c r="A120" s="8" t="s">
        <v>5</v>
      </c>
      <c r="B120" s="21">
        <v>34</v>
      </c>
      <c r="C120" s="6">
        <v>78</v>
      </c>
      <c r="D120" s="5">
        <v>112</v>
      </c>
    </row>
    <row r="121" spans="1:4" ht="18" customHeight="1" x14ac:dyDescent="0.15">
      <c r="A121" s="8">
        <v>95</v>
      </c>
      <c r="B121" s="21">
        <v>2</v>
      </c>
      <c r="C121" s="6">
        <v>12</v>
      </c>
      <c r="D121" s="5">
        <v>14</v>
      </c>
    </row>
    <row r="122" spans="1:4" ht="18" customHeight="1" x14ac:dyDescent="0.15">
      <c r="A122" s="8">
        <v>96</v>
      </c>
      <c r="B122" s="21">
        <v>3</v>
      </c>
      <c r="C122" s="6">
        <v>7</v>
      </c>
      <c r="D122" s="5">
        <v>10</v>
      </c>
    </row>
    <row r="123" spans="1:4" ht="18" customHeight="1" x14ac:dyDescent="0.15">
      <c r="A123" s="8">
        <v>97</v>
      </c>
      <c r="B123" s="21">
        <v>1</v>
      </c>
      <c r="C123" s="6">
        <v>7</v>
      </c>
      <c r="D123" s="5">
        <v>8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6</v>
      </c>
      <c r="C126" s="6">
        <v>29</v>
      </c>
      <c r="D126" s="5">
        <v>35</v>
      </c>
    </row>
    <row r="127" spans="1:4" ht="18" customHeight="1" x14ac:dyDescent="0.15">
      <c r="A127" s="8">
        <v>100</v>
      </c>
      <c r="B127" s="21">
        <v>0</v>
      </c>
      <c r="C127" s="6">
        <v>3</v>
      </c>
      <c r="D127" s="5">
        <v>3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4</v>
      </c>
      <c r="D129" s="5">
        <v>4</v>
      </c>
    </row>
    <row r="130" spans="1:4" ht="18" customHeight="1" x14ac:dyDescent="0.15">
      <c r="A130" s="8" t="s">
        <v>1</v>
      </c>
      <c r="B130" s="21">
        <v>618</v>
      </c>
      <c r="C130" s="6">
        <v>817</v>
      </c>
      <c r="D130" s="5">
        <v>1435</v>
      </c>
    </row>
    <row r="131" spans="1:4" ht="18" customHeight="1" x14ac:dyDescent="0.15">
      <c r="A131" s="4" t="s">
        <v>0</v>
      </c>
      <c r="B131" s="20">
        <v>1937</v>
      </c>
      <c r="C131" s="2">
        <v>2010</v>
      </c>
      <c r="D131" s="1">
        <v>39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C7CCCA-8876-4980-A8E7-C3994C665D5D}">
  <sheetPr codeName="Sheet9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0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2</v>
      </c>
      <c r="D5" s="30">
        <v>3</v>
      </c>
    </row>
    <row r="6" spans="1:4" ht="18" customHeight="1" x14ac:dyDescent="0.15">
      <c r="A6" s="8">
        <v>1</v>
      </c>
      <c r="B6" s="26">
        <v>0</v>
      </c>
      <c r="C6" s="6">
        <v>1</v>
      </c>
      <c r="D6" s="5">
        <v>1</v>
      </c>
    </row>
    <row r="7" spans="1:4" ht="18" customHeight="1" x14ac:dyDescent="0.15">
      <c r="A7" s="8">
        <v>2</v>
      </c>
      <c r="B7" s="26">
        <v>2</v>
      </c>
      <c r="C7" s="6">
        <v>2</v>
      </c>
      <c r="D7" s="5">
        <v>4</v>
      </c>
    </row>
    <row r="8" spans="1:4" ht="18" customHeight="1" x14ac:dyDescent="0.15">
      <c r="A8" s="8">
        <v>3</v>
      </c>
      <c r="B8" s="26">
        <v>1</v>
      </c>
      <c r="C8" s="6">
        <v>3</v>
      </c>
      <c r="D8" s="5">
        <v>4</v>
      </c>
    </row>
    <row r="9" spans="1:4" ht="18" customHeight="1" x14ac:dyDescent="0.15">
      <c r="A9" s="8">
        <v>4</v>
      </c>
      <c r="B9" s="29">
        <v>2</v>
      </c>
      <c r="C9" s="28">
        <v>4</v>
      </c>
      <c r="D9" s="27">
        <v>6</v>
      </c>
    </row>
    <row r="10" spans="1:4" ht="18" customHeight="1" x14ac:dyDescent="0.15">
      <c r="A10" s="8" t="s">
        <v>25</v>
      </c>
      <c r="B10" s="21">
        <v>6</v>
      </c>
      <c r="C10" s="6">
        <v>12</v>
      </c>
      <c r="D10" s="5">
        <v>18</v>
      </c>
    </row>
    <row r="11" spans="1:4" ht="18" customHeight="1" x14ac:dyDescent="0.15">
      <c r="A11" s="8">
        <v>5</v>
      </c>
      <c r="B11" s="26">
        <v>3</v>
      </c>
      <c r="C11" s="6">
        <v>3</v>
      </c>
      <c r="D11" s="5">
        <v>6</v>
      </c>
    </row>
    <row r="12" spans="1:4" ht="18" customHeight="1" x14ac:dyDescent="0.15">
      <c r="A12" s="8">
        <v>6</v>
      </c>
      <c r="B12" s="26">
        <v>2</v>
      </c>
      <c r="C12" s="6">
        <v>3</v>
      </c>
      <c r="D12" s="5">
        <v>5</v>
      </c>
    </row>
    <row r="13" spans="1:4" ht="18" customHeight="1" x14ac:dyDescent="0.15">
      <c r="A13" s="8">
        <v>7</v>
      </c>
      <c r="B13" s="26">
        <v>2</v>
      </c>
      <c r="C13" s="6">
        <v>3</v>
      </c>
      <c r="D13" s="5">
        <v>5</v>
      </c>
    </row>
    <row r="14" spans="1:4" ht="18" customHeight="1" x14ac:dyDescent="0.15">
      <c r="A14" s="8">
        <v>8</v>
      </c>
      <c r="B14" s="26">
        <v>5</v>
      </c>
      <c r="C14" s="6">
        <v>2</v>
      </c>
      <c r="D14" s="5">
        <v>7</v>
      </c>
    </row>
    <row r="15" spans="1:4" ht="18" customHeight="1" x14ac:dyDescent="0.15">
      <c r="A15" s="8">
        <v>9</v>
      </c>
      <c r="B15" s="26">
        <v>4</v>
      </c>
      <c r="C15" s="6">
        <v>3</v>
      </c>
      <c r="D15" s="5">
        <v>7</v>
      </c>
    </row>
    <row r="16" spans="1:4" ht="18" customHeight="1" x14ac:dyDescent="0.15">
      <c r="A16" s="8" t="s">
        <v>24</v>
      </c>
      <c r="B16" s="21">
        <v>16</v>
      </c>
      <c r="C16" s="6">
        <v>14</v>
      </c>
      <c r="D16" s="5">
        <v>30</v>
      </c>
    </row>
    <row r="17" spans="1:4" ht="18" customHeight="1" x14ac:dyDescent="0.15">
      <c r="A17" s="8">
        <v>10</v>
      </c>
      <c r="B17" s="21">
        <v>2</v>
      </c>
      <c r="C17" s="6">
        <v>6</v>
      </c>
      <c r="D17" s="5">
        <v>8</v>
      </c>
    </row>
    <row r="18" spans="1:4" ht="18" customHeight="1" x14ac:dyDescent="0.15">
      <c r="A18" s="8">
        <v>11</v>
      </c>
      <c r="B18" s="21">
        <v>8</v>
      </c>
      <c r="C18" s="6">
        <v>7</v>
      </c>
      <c r="D18" s="5">
        <v>15</v>
      </c>
    </row>
    <row r="19" spans="1:4" ht="18" customHeight="1" x14ac:dyDescent="0.15">
      <c r="A19" s="8">
        <v>12</v>
      </c>
      <c r="B19" s="21">
        <v>4</v>
      </c>
      <c r="C19" s="6">
        <v>3</v>
      </c>
      <c r="D19" s="5">
        <v>7</v>
      </c>
    </row>
    <row r="20" spans="1:4" ht="18" customHeight="1" x14ac:dyDescent="0.15">
      <c r="A20" s="8">
        <v>13</v>
      </c>
      <c r="B20" s="21">
        <v>7</v>
      </c>
      <c r="C20" s="6">
        <v>5</v>
      </c>
      <c r="D20" s="5">
        <v>12</v>
      </c>
    </row>
    <row r="21" spans="1:4" ht="18" customHeight="1" x14ac:dyDescent="0.15">
      <c r="A21" s="8">
        <v>14</v>
      </c>
      <c r="B21" s="21">
        <v>6</v>
      </c>
      <c r="C21" s="6">
        <v>5</v>
      </c>
      <c r="D21" s="5">
        <v>11</v>
      </c>
    </row>
    <row r="22" spans="1:4" ht="18" customHeight="1" x14ac:dyDescent="0.15">
      <c r="A22" s="8" t="s">
        <v>23</v>
      </c>
      <c r="B22" s="21">
        <v>27</v>
      </c>
      <c r="C22" s="6">
        <v>26</v>
      </c>
      <c r="D22" s="5">
        <v>53</v>
      </c>
    </row>
    <row r="23" spans="1:4" ht="18" customHeight="1" x14ac:dyDescent="0.15">
      <c r="A23" s="8" t="s">
        <v>22</v>
      </c>
      <c r="B23" s="21">
        <v>49</v>
      </c>
      <c r="C23" s="6">
        <v>52</v>
      </c>
      <c r="D23" s="5">
        <v>101</v>
      </c>
    </row>
    <row r="24" spans="1:4" ht="18" customHeight="1" x14ac:dyDescent="0.15">
      <c r="A24" s="8">
        <v>15</v>
      </c>
      <c r="B24" s="21">
        <v>5</v>
      </c>
      <c r="C24" s="6">
        <v>6</v>
      </c>
      <c r="D24" s="5">
        <v>11</v>
      </c>
    </row>
    <row r="25" spans="1:4" ht="18" customHeight="1" x14ac:dyDescent="0.15">
      <c r="A25" s="8">
        <v>16</v>
      </c>
      <c r="B25" s="21">
        <v>9</v>
      </c>
      <c r="C25" s="6">
        <v>7</v>
      </c>
      <c r="D25" s="5">
        <v>16</v>
      </c>
    </row>
    <row r="26" spans="1:4" ht="18" customHeight="1" x14ac:dyDescent="0.15">
      <c r="A26" s="8">
        <v>17</v>
      </c>
      <c r="B26" s="21">
        <v>2</v>
      </c>
      <c r="C26" s="6">
        <v>7</v>
      </c>
      <c r="D26" s="5">
        <v>9</v>
      </c>
    </row>
    <row r="27" spans="1:4" ht="18" customHeight="1" x14ac:dyDescent="0.15">
      <c r="A27" s="8">
        <v>18</v>
      </c>
      <c r="B27" s="21">
        <v>6</v>
      </c>
      <c r="C27" s="6">
        <v>5</v>
      </c>
      <c r="D27" s="5">
        <v>11</v>
      </c>
    </row>
    <row r="28" spans="1:4" ht="18" customHeight="1" x14ac:dyDescent="0.15">
      <c r="A28" s="8">
        <v>19</v>
      </c>
      <c r="B28" s="21">
        <v>9</v>
      </c>
      <c r="C28" s="6">
        <v>2</v>
      </c>
      <c r="D28" s="5">
        <v>11</v>
      </c>
    </row>
    <row r="29" spans="1:4" ht="18" customHeight="1" x14ac:dyDescent="0.15">
      <c r="A29" s="8" t="s">
        <v>21</v>
      </c>
      <c r="B29" s="21">
        <v>31</v>
      </c>
      <c r="C29" s="6">
        <v>27</v>
      </c>
      <c r="D29" s="5">
        <v>58</v>
      </c>
    </row>
    <row r="30" spans="1:4" ht="18" customHeight="1" x14ac:dyDescent="0.15">
      <c r="A30" s="8">
        <v>20</v>
      </c>
      <c r="B30" s="21">
        <v>8</v>
      </c>
      <c r="C30" s="6">
        <v>2</v>
      </c>
      <c r="D30" s="5">
        <v>10</v>
      </c>
    </row>
    <row r="31" spans="1:4" ht="18" customHeight="1" x14ac:dyDescent="0.15">
      <c r="A31" s="8">
        <v>21</v>
      </c>
      <c r="B31" s="21">
        <v>5</v>
      </c>
      <c r="C31" s="6">
        <v>8</v>
      </c>
      <c r="D31" s="5">
        <v>13</v>
      </c>
    </row>
    <row r="32" spans="1:4" ht="18" customHeight="1" x14ac:dyDescent="0.15">
      <c r="A32" s="8">
        <v>22</v>
      </c>
      <c r="B32" s="21">
        <v>3</v>
      </c>
      <c r="C32" s="6">
        <v>4</v>
      </c>
      <c r="D32" s="5">
        <v>7</v>
      </c>
    </row>
    <row r="33" spans="1:4" ht="18" customHeight="1" x14ac:dyDescent="0.15">
      <c r="A33" s="8">
        <v>23</v>
      </c>
      <c r="B33" s="21">
        <v>1</v>
      </c>
      <c r="C33" s="6">
        <v>5</v>
      </c>
      <c r="D33" s="5">
        <v>6</v>
      </c>
    </row>
    <row r="34" spans="1:4" ht="18" customHeight="1" x14ac:dyDescent="0.15">
      <c r="A34" s="8">
        <v>24</v>
      </c>
      <c r="B34" s="21">
        <v>4</v>
      </c>
      <c r="C34" s="6">
        <v>2</v>
      </c>
      <c r="D34" s="5">
        <v>6</v>
      </c>
    </row>
    <row r="35" spans="1:4" ht="18" customHeight="1" x14ac:dyDescent="0.15">
      <c r="A35" s="8" t="s">
        <v>20</v>
      </c>
      <c r="B35" s="21">
        <v>21</v>
      </c>
      <c r="C35" s="6">
        <v>21</v>
      </c>
      <c r="D35" s="5">
        <v>42</v>
      </c>
    </row>
    <row r="36" spans="1:4" ht="18" customHeight="1" x14ac:dyDescent="0.15">
      <c r="A36" s="8">
        <v>25</v>
      </c>
      <c r="B36" s="21">
        <v>5</v>
      </c>
      <c r="C36" s="6">
        <v>1</v>
      </c>
      <c r="D36" s="5">
        <v>6</v>
      </c>
    </row>
    <row r="37" spans="1:4" ht="18" customHeight="1" x14ac:dyDescent="0.15">
      <c r="A37" s="8">
        <v>26</v>
      </c>
      <c r="B37" s="21">
        <v>3</v>
      </c>
      <c r="C37" s="6">
        <v>3</v>
      </c>
      <c r="D37" s="5">
        <v>6</v>
      </c>
    </row>
    <row r="38" spans="1:4" ht="18" customHeight="1" x14ac:dyDescent="0.15">
      <c r="A38" s="8">
        <v>27</v>
      </c>
      <c r="B38" s="21">
        <v>2</v>
      </c>
      <c r="C38" s="6">
        <v>2</v>
      </c>
      <c r="D38" s="5">
        <v>4</v>
      </c>
    </row>
    <row r="39" spans="1:4" ht="18" customHeight="1" x14ac:dyDescent="0.15">
      <c r="A39" s="8">
        <v>28</v>
      </c>
      <c r="B39" s="21">
        <v>5</v>
      </c>
      <c r="C39" s="6">
        <v>2</v>
      </c>
      <c r="D39" s="5">
        <v>7</v>
      </c>
    </row>
    <row r="40" spans="1:4" ht="18" customHeight="1" x14ac:dyDescent="0.15">
      <c r="A40" s="8">
        <v>29</v>
      </c>
      <c r="B40" s="21">
        <v>4</v>
      </c>
      <c r="C40" s="6">
        <v>2</v>
      </c>
      <c r="D40" s="5">
        <v>6</v>
      </c>
    </row>
    <row r="41" spans="1:4" ht="18" customHeight="1" x14ac:dyDescent="0.15">
      <c r="A41" s="8" t="s">
        <v>19</v>
      </c>
      <c r="B41" s="21">
        <v>19</v>
      </c>
      <c r="C41" s="6">
        <v>10</v>
      </c>
      <c r="D41" s="5">
        <v>29</v>
      </c>
    </row>
    <row r="42" spans="1:4" ht="18" customHeight="1" x14ac:dyDescent="0.15">
      <c r="A42" s="8">
        <v>30</v>
      </c>
      <c r="B42" s="21">
        <v>6</v>
      </c>
      <c r="C42" s="6">
        <v>3</v>
      </c>
      <c r="D42" s="5">
        <v>9</v>
      </c>
    </row>
    <row r="43" spans="1:4" ht="18" customHeight="1" x14ac:dyDescent="0.15">
      <c r="A43" s="8">
        <v>31</v>
      </c>
      <c r="B43" s="21">
        <v>4</v>
      </c>
      <c r="C43" s="6">
        <v>3</v>
      </c>
      <c r="D43" s="5">
        <v>7</v>
      </c>
    </row>
    <row r="44" spans="1:4" ht="18" customHeight="1" x14ac:dyDescent="0.15">
      <c r="A44" s="8">
        <v>32</v>
      </c>
      <c r="B44" s="21">
        <v>5</v>
      </c>
      <c r="C44" s="6">
        <v>4</v>
      </c>
      <c r="D44" s="5">
        <v>9</v>
      </c>
    </row>
    <row r="45" spans="1:4" ht="18" customHeight="1" x14ac:dyDescent="0.15">
      <c r="A45" s="8">
        <v>33</v>
      </c>
      <c r="B45" s="21">
        <v>7</v>
      </c>
      <c r="C45" s="6">
        <v>3</v>
      </c>
      <c r="D45" s="5">
        <v>10</v>
      </c>
    </row>
    <row r="46" spans="1:4" ht="18" customHeight="1" x14ac:dyDescent="0.15">
      <c r="A46" s="8">
        <v>34</v>
      </c>
      <c r="B46" s="21">
        <v>2</v>
      </c>
      <c r="C46" s="6">
        <v>3</v>
      </c>
      <c r="D46" s="5">
        <v>5</v>
      </c>
    </row>
    <row r="47" spans="1:4" ht="18" customHeight="1" x14ac:dyDescent="0.15">
      <c r="A47" s="8" t="s">
        <v>18</v>
      </c>
      <c r="B47" s="21">
        <v>24</v>
      </c>
      <c r="C47" s="6">
        <v>16</v>
      </c>
      <c r="D47" s="5">
        <v>40</v>
      </c>
    </row>
    <row r="48" spans="1:4" ht="18" customHeight="1" x14ac:dyDescent="0.15">
      <c r="A48" s="8">
        <v>35</v>
      </c>
      <c r="B48" s="21">
        <v>7</v>
      </c>
      <c r="C48" s="6">
        <v>3</v>
      </c>
      <c r="D48" s="5">
        <v>10</v>
      </c>
    </row>
    <row r="49" spans="1:4" ht="18" customHeight="1" x14ac:dyDescent="0.15">
      <c r="A49" s="8">
        <v>36</v>
      </c>
      <c r="B49" s="21">
        <v>6</v>
      </c>
      <c r="C49" s="6">
        <v>7</v>
      </c>
      <c r="D49" s="5">
        <v>13</v>
      </c>
    </row>
    <row r="50" spans="1:4" ht="18" customHeight="1" x14ac:dyDescent="0.15">
      <c r="A50" s="8">
        <v>37</v>
      </c>
      <c r="B50" s="21">
        <v>7</v>
      </c>
      <c r="C50" s="6">
        <v>4</v>
      </c>
      <c r="D50" s="5">
        <v>11</v>
      </c>
    </row>
    <row r="51" spans="1:4" ht="18" customHeight="1" x14ac:dyDescent="0.15">
      <c r="A51" s="8">
        <v>38</v>
      </c>
      <c r="B51" s="21">
        <v>5</v>
      </c>
      <c r="C51" s="6">
        <v>4</v>
      </c>
      <c r="D51" s="5">
        <v>9</v>
      </c>
    </row>
    <row r="52" spans="1:4" ht="18" customHeight="1" x14ac:dyDescent="0.15">
      <c r="A52" s="8">
        <v>39</v>
      </c>
      <c r="B52" s="21">
        <v>1</v>
      </c>
      <c r="C52" s="6">
        <v>5</v>
      </c>
      <c r="D52" s="5">
        <v>6</v>
      </c>
    </row>
    <row r="53" spans="1:4" ht="18" customHeight="1" x14ac:dyDescent="0.15">
      <c r="A53" s="8" t="s">
        <v>17</v>
      </c>
      <c r="B53" s="21">
        <v>26</v>
      </c>
      <c r="C53" s="6">
        <v>23</v>
      </c>
      <c r="D53" s="5">
        <v>49</v>
      </c>
    </row>
    <row r="54" spans="1:4" ht="18" customHeight="1" x14ac:dyDescent="0.15">
      <c r="A54" s="8">
        <v>40</v>
      </c>
      <c r="B54" s="21">
        <v>4</v>
      </c>
      <c r="C54" s="6">
        <v>5</v>
      </c>
      <c r="D54" s="5">
        <v>9</v>
      </c>
    </row>
    <row r="55" spans="1:4" ht="18" customHeight="1" x14ac:dyDescent="0.15">
      <c r="A55" s="8">
        <v>41</v>
      </c>
      <c r="B55" s="21">
        <v>5</v>
      </c>
      <c r="C55" s="6">
        <v>4</v>
      </c>
      <c r="D55" s="5">
        <v>9</v>
      </c>
    </row>
    <row r="56" spans="1:4" ht="18" customHeight="1" x14ac:dyDescent="0.15">
      <c r="A56" s="8">
        <v>42</v>
      </c>
      <c r="B56" s="21">
        <v>5</v>
      </c>
      <c r="C56" s="6">
        <v>8</v>
      </c>
      <c r="D56" s="5">
        <v>13</v>
      </c>
    </row>
    <row r="57" spans="1:4" ht="18" customHeight="1" x14ac:dyDescent="0.15">
      <c r="A57" s="8">
        <v>43</v>
      </c>
      <c r="B57" s="21">
        <v>9</v>
      </c>
      <c r="C57" s="6">
        <v>2</v>
      </c>
      <c r="D57" s="5">
        <v>11</v>
      </c>
    </row>
    <row r="58" spans="1:4" ht="18" customHeight="1" x14ac:dyDescent="0.15">
      <c r="A58" s="8">
        <v>44</v>
      </c>
      <c r="B58" s="21">
        <v>6</v>
      </c>
      <c r="C58" s="6">
        <v>6</v>
      </c>
      <c r="D58" s="5">
        <v>12</v>
      </c>
    </row>
    <row r="59" spans="1:4" ht="18" customHeight="1" x14ac:dyDescent="0.15">
      <c r="A59" s="8" t="s">
        <v>16</v>
      </c>
      <c r="B59" s="21">
        <v>29</v>
      </c>
      <c r="C59" s="6">
        <v>25</v>
      </c>
      <c r="D59" s="5">
        <v>54</v>
      </c>
    </row>
    <row r="60" spans="1:4" ht="18" customHeight="1" x14ac:dyDescent="0.15">
      <c r="A60" s="8">
        <v>45</v>
      </c>
      <c r="B60" s="21">
        <v>7</v>
      </c>
      <c r="C60" s="6">
        <v>11</v>
      </c>
      <c r="D60" s="5">
        <v>18</v>
      </c>
    </row>
    <row r="61" spans="1:4" ht="18" customHeight="1" x14ac:dyDescent="0.15">
      <c r="A61" s="8">
        <v>46</v>
      </c>
      <c r="B61" s="21">
        <v>7</v>
      </c>
      <c r="C61" s="6">
        <v>11</v>
      </c>
      <c r="D61" s="5">
        <v>18</v>
      </c>
    </row>
    <row r="62" spans="1:4" ht="18" customHeight="1" x14ac:dyDescent="0.15">
      <c r="A62" s="8">
        <v>47</v>
      </c>
      <c r="B62" s="21">
        <v>15</v>
      </c>
      <c r="C62" s="6">
        <v>4</v>
      </c>
      <c r="D62" s="5">
        <v>19</v>
      </c>
    </row>
    <row r="63" spans="1:4" ht="18" customHeight="1" x14ac:dyDescent="0.15">
      <c r="A63" s="8">
        <v>48</v>
      </c>
      <c r="B63" s="21">
        <v>7</v>
      </c>
      <c r="C63" s="6">
        <v>4</v>
      </c>
      <c r="D63" s="5">
        <v>11</v>
      </c>
    </row>
    <row r="64" spans="1:4" ht="18" customHeight="1" x14ac:dyDescent="0.15">
      <c r="A64" s="8">
        <v>49</v>
      </c>
      <c r="B64" s="21">
        <v>6</v>
      </c>
      <c r="C64" s="6">
        <v>8</v>
      </c>
      <c r="D64" s="5">
        <v>14</v>
      </c>
    </row>
    <row r="65" spans="1:4" ht="18" customHeight="1" x14ac:dyDescent="0.15">
      <c r="A65" s="8" t="s">
        <v>15</v>
      </c>
      <c r="B65" s="21">
        <v>42</v>
      </c>
      <c r="C65" s="6">
        <v>38</v>
      </c>
      <c r="D65" s="5">
        <v>80</v>
      </c>
    </row>
    <row r="66" spans="1:4" ht="18" customHeight="1" x14ac:dyDescent="0.15">
      <c r="A66" s="8">
        <v>50</v>
      </c>
      <c r="B66" s="21">
        <v>10</v>
      </c>
      <c r="C66" s="6">
        <v>5</v>
      </c>
      <c r="D66" s="5">
        <v>15</v>
      </c>
    </row>
    <row r="67" spans="1:4" ht="18" customHeight="1" x14ac:dyDescent="0.15">
      <c r="A67" s="8">
        <v>51</v>
      </c>
      <c r="B67" s="21">
        <v>11</v>
      </c>
      <c r="C67" s="6">
        <v>5</v>
      </c>
      <c r="D67" s="5">
        <v>16</v>
      </c>
    </row>
    <row r="68" spans="1:4" ht="18" customHeight="1" x14ac:dyDescent="0.15">
      <c r="A68" s="8">
        <v>52</v>
      </c>
      <c r="B68" s="21">
        <v>13</v>
      </c>
      <c r="C68" s="6">
        <v>11</v>
      </c>
      <c r="D68" s="5">
        <v>24</v>
      </c>
    </row>
    <row r="69" spans="1:4" ht="18" customHeight="1" x14ac:dyDescent="0.15">
      <c r="A69" s="8">
        <v>53</v>
      </c>
      <c r="B69" s="21">
        <v>6</v>
      </c>
      <c r="C69" s="6">
        <v>6</v>
      </c>
      <c r="D69" s="5">
        <v>12</v>
      </c>
    </row>
    <row r="70" spans="1:4" ht="18" customHeight="1" x14ac:dyDescent="0.15">
      <c r="A70" s="8">
        <v>54</v>
      </c>
      <c r="B70" s="21">
        <v>7</v>
      </c>
      <c r="C70" s="6">
        <v>3</v>
      </c>
      <c r="D70" s="5">
        <v>10</v>
      </c>
    </row>
    <row r="71" spans="1:4" ht="18" customHeight="1" x14ac:dyDescent="0.15">
      <c r="A71" s="8" t="s">
        <v>14</v>
      </c>
      <c r="B71" s="21">
        <v>47</v>
      </c>
      <c r="C71" s="6">
        <v>30</v>
      </c>
      <c r="D71" s="5">
        <v>77</v>
      </c>
    </row>
    <row r="72" spans="1:4" ht="18" customHeight="1" x14ac:dyDescent="0.15">
      <c r="A72" s="8">
        <v>55</v>
      </c>
      <c r="B72" s="21">
        <v>5</v>
      </c>
      <c r="C72" s="6">
        <v>7</v>
      </c>
      <c r="D72" s="5">
        <v>12</v>
      </c>
    </row>
    <row r="73" spans="1:4" ht="18" customHeight="1" x14ac:dyDescent="0.15">
      <c r="A73" s="8">
        <v>56</v>
      </c>
      <c r="B73" s="21">
        <v>7</v>
      </c>
      <c r="C73" s="6">
        <v>9</v>
      </c>
      <c r="D73" s="5">
        <v>16</v>
      </c>
    </row>
    <row r="74" spans="1:4" ht="18" customHeight="1" x14ac:dyDescent="0.15">
      <c r="A74" s="8">
        <v>57</v>
      </c>
      <c r="B74" s="21">
        <v>9</v>
      </c>
      <c r="C74" s="6">
        <v>12</v>
      </c>
      <c r="D74" s="5">
        <v>21</v>
      </c>
    </row>
    <row r="75" spans="1:4" ht="18" customHeight="1" x14ac:dyDescent="0.15">
      <c r="A75" s="8">
        <v>58</v>
      </c>
      <c r="B75" s="21">
        <v>8</v>
      </c>
      <c r="C75" s="6">
        <v>11</v>
      </c>
      <c r="D75" s="5">
        <v>19</v>
      </c>
    </row>
    <row r="76" spans="1:4" ht="18" customHeight="1" x14ac:dyDescent="0.15">
      <c r="A76" s="8">
        <v>59</v>
      </c>
      <c r="B76" s="21">
        <v>6</v>
      </c>
      <c r="C76" s="6">
        <v>14</v>
      </c>
      <c r="D76" s="5">
        <v>20</v>
      </c>
    </row>
    <row r="77" spans="1:4" ht="18" customHeight="1" x14ac:dyDescent="0.15">
      <c r="A77" s="8" t="s">
        <v>13</v>
      </c>
      <c r="B77" s="21">
        <v>35</v>
      </c>
      <c r="C77" s="6">
        <v>53</v>
      </c>
      <c r="D77" s="5">
        <v>88</v>
      </c>
    </row>
    <row r="78" spans="1:4" ht="18" customHeight="1" x14ac:dyDescent="0.15">
      <c r="A78" s="8">
        <v>60</v>
      </c>
      <c r="B78" s="21">
        <v>11</v>
      </c>
      <c r="C78" s="6">
        <v>10</v>
      </c>
      <c r="D78" s="5">
        <v>21</v>
      </c>
    </row>
    <row r="79" spans="1:4" ht="18" customHeight="1" x14ac:dyDescent="0.15">
      <c r="A79" s="8">
        <v>61</v>
      </c>
      <c r="B79" s="21">
        <v>6</v>
      </c>
      <c r="C79" s="6">
        <v>9</v>
      </c>
      <c r="D79" s="5">
        <v>15</v>
      </c>
    </row>
    <row r="80" spans="1:4" ht="18" customHeight="1" x14ac:dyDescent="0.15">
      <c r="A80" s="8">
        <v>62</v>
      </c>
      <c r="B80" s="21">
        <v>7</v>
      </c>
      <c r="C80" s="6">
        <v>10</v>
      </c>
      <c r="D80" s="5">
        <v>17</v>
      </c>
    </row>
    <row r="81" spans="1:4" ht="18" customHeight="1" x14ac:dyDescent="0.15">
      <c r="A81" s="8">
        <v>63</v>
      </c>
      <c r="B81" s="21">
        <v>7</v>
      </c>
      <c r="C81" s="6">
        <v>9</v>
      </c>
      <c r="D81" s="5">
        <v>16</v>
      </c>
    </row>
    <row r="82" spans="1:4" ht="18" customHeight="1" x14ac:dyDescent="0.15">
      <c r="A82" s="8">
        <v>64</v>
      </c>
      <c r="B82" s="21">
        <v>11</v>
      </c>
      <c r="C82" s="6">
        <v>7</v>
      </c>
      <c r="D82" s="5">
        <v>18</v>
      </c>
    </row>
    <row r="83" spans="1:4" ht="18" customHeight="1" x14ac:dyDescent="0.15">
      <c r="A83" s="8" t="s">
        <v>12</v>
      </c>
      <c r="B83" s="21">
        <v>42</v>
      </c>
      <c r="C83" s="6">
        <v>45</v>
      </c>
      <c r="D83" s="5">
        <v>87</v>
      </c>
    </row>
    <row r="84" spans="1:4" ht="18" customHeight="1" x14ac:dyDescent="0.15">
      <c r="A84" s="8" t="s">
        <v>11</v>
      </c>
      <c r="B84" s="21">
        <v>316</v>
      </c>
      <c r="C84" s="6">
        <v>288</v>
      </c>
      <c r="D84" s="5">
        <v>604</v>
      </c>
    </row>
    <row r="85" spans="1:4" ht="18" customHeight="1" x14ac:dyDescent="0.15">
      <c r="A85" s="8">
        <v>65</v>
      </c>
      <c r="B85" s="21">
        <v>9</v>
      </c>
      <c r="C85" s="6">
        <v>5</v>
      </c>
      <c r="D85" s="5">
        <v>14</v>
      </c>
    </row>
    <row r="86" spans="1:4" ht="18" customHeight="1" x14ac:dyDescent="0.15">
      <c r="A86" s="8">
        <v>66</v>
      </c>
      <c r="B86" s="21">
        <v>12</v>
      </c>
      <c r="C86" s="6">
        <v>7</v>
      </c>
      <c r="D86" s="5">
        <v>19</v>
      </c>
    </row>
    <row r="87" spans="1:4" ht="18" customHeight="1" x14ac:dyDescent="0.15">
      <c r="A87" s="8">
        <v>67</v>
      </c>
      <c r="B87" s="21">
        <v>9</v>
      </c>
      <c r="C87" s="6">
        <v>11</v>
      </c>
      <c r="D87" s="5">
        <v>20</v>
      </c>
    </row>
    <row r="88" spans="1:4" ht="18" customHeight="1" x14ac:dyDescent="0.15">
      <c r="A88" s="8">
        <v>68</v>
      </c>
      <c r="B88" s="21">
        <v>5</v>
      </c>
      <c r="C88" s="6">
        <v>5</v>
      </c>
      <c r="D88" s="5">
        <v>10</v>
      </c>
    </row>
    <row r="89" spans="1:4" ht="18" customHeight="1" x14ac:dyDescent="0.15">
      <c r="A89" s="8">
        <v>69</v>
      </c>
      <c r="B89" s="21">
        <v>5</v>
      </c>
      <c r="C89" s="6">
        <v>5</v>
      </c>
      <c r="D89" s="5">
        <v>10</v>
      </c>
    </row>
    <row r="90" spans="1:4" ht="18" customHeight="1" x14ac:dyDescent="0.15">
      <c r="A90" s="8" t="s">
        <v>10</v>
      </c>
      <c r="B90" s="21">
        <v>40</v>
      </c>
      <c r="C90" s="6">
        <v>33</v>
      </c>
      <c r="D90" s="5">
        <v>73</v>
      </c>
    </row>
    <row r="91" spans="1:4" ht="18" customHeight="1" x14ac:dyDescent="0.15">
      <c r="A91" s="8">
        <v>70</v>
      </c>
      <c r="B91" s="21">
        <v>7</v>
      </c>
      <c r="C91" s="6">
        <v>8</v>
      </c>
      <c r="D91" s="5">
        <v>15</v>
      </c>
    </row>
    <row r="92" spans="1:4" ht="18" customHeight="1" x14ac:dyDescent="0.15">
      <c r="A92" s="8">
        <v>71</v>
      </c>
      <c r="B92" s="21">
        <v>16</v>
      </c>
      <c r="C92" s="6">
        <v>13</v>
      </c>
      <c r="D92" s="5">
        <v>29</v>
      </c>
    </row>
    <row r="93" spans="1:4" ht="18" customHeight="1" x14ac:dyDescent="0.15">
      <c r="A93" s="8">
        <v>72</v>
      </c>
      <c r="B93" s="21">
        <v>12</v>
      </c>
      <c r="C93" s="6">
        <v>14</v>
      </c>
      <c r="D93" s="5">
        <v>26</v>
      </c>
    </row>
    <row r="94" spans="1:4" ht="18" customHeight="1" x14ac:dyDescent="0.15">
      <c r="A94" s="8">
        <v>73</v>
      </c>
      <c r="B94" s="21">
        <v>7</v>
      </c>
      <c r="C94" s="6">
        <v>17</v>
      </c>
      <c r="D94" s="5">
        <v>24</v>
      </c>
    </row>
    <row r="95" spans="1:4" ht="18" customHeight="1" x14ac:dyDescent="0.15">
      <c r="A95" s="8">
        <v>74</v>
      </c>
      <c r="B95" s="21">
        <v>9</v>
      </c>
      <c r="C95" s="6">
        <v>10</v>
      </c>
      <c r="D95" s="5">
        <v>19</v>
      </c>
    </row>
    <row r="96" spans="1:4" ht="18" customHeight="1" x14ac:dyDescent="0.15">
      <c r="A96" s="8" t="s">
        <v>9</v>
      </c>
      <c r="B96" s="21">
        <v>51</v>
      </c>
      <c r="C96" s="6">
        <v>62</v>
      </c>
      <c r="D96" s="5">
        <v>113</v>
      </c>
    </row>
    <row r="97" spans="1:4" ht="18" customHeight="1" x14ac:dyDescent="0.15">
      <c r="A97" s="8">
        <v>75</v>
      </c>
      <c r="B97" s="21">
        <v>13</v>
      </c>
      <c r="C97" s="6">
        <v>14</v>
      </c>
      <c r="D97" s="5">
        <v>27</v>
      </c>
    </row>
    <row r="98" spans="1:4" ht="18" customHeight="1" x14ac:dyDescent="0.15">
      <c r="A98" s="8">
        <v>76</v>
      </c>
      <c r="B98" s="21">
        <v>13</v>
      </c>
      <c r="C98" s="6">
        <v>15</v>
      </c>
      <c r="D98" s="5">
        <v>28</v>
      </c>
    </row>
    <row r="99" spans="1:4" ht="18" customHeight="1" x14ac:dyDescent="0.15">
      <c r="A99" s="8">
        <v>77</v>
      </c>
      <c r="B99" s="21">
        <v>21</v>
      </c>
      <c r="C99" s="6">
        <v>12</v>
      </c>
      <c r="D99" s="5">
        <v>33</v>
      </c>
    </row>
    <row r="100" spans="1:4" ht="18" customHeight="1" x14ac:dyDescent="0.15">
      <c r="A100" s="8">
        <v>78</v>
      </c>
      <c r="B100" s="21">
        <v>17</v>
      </c>
      <c r="C100" s="6">
        <v>12</v>
      </c>
      <c r="D100" s="5">
        <v>29</v>
      </c>
    </row>
    <row r="101" spans="1:4" ht="18" customHeight="1" x14ac:dyDescent="0.15">
      <c r="A101" s="8">
        <v>79</v>
      </c>
      <c r="B101" s="21">
        <v>9</v>
      </c>
      <c r="C101" s="6">
        <v>7</v>
      </c>
      <c r="D101" s="5">
        <v>16</v>
      </c>
    </row>
    <row r="102" spans="1:4" ht="18" customHeight="1" x14ac:dyDescent="0.15">
      <c r="A102" s="8" t="s">
        <v>8</v>
      </c>
      <c r="B102" s="21">
        <v>73</v>
      </c>
      <c r="C102" s="6">
        <v>60</v>
      </c>
      <c r="D102" s="5">
        <v>133</v>
      </c>
    </row>
    <row r="103" spans="1:4" ht="18" customHeight="1" x14ac:dyDescent="0.15">
      <c r="A103" s="8">
        <v>80</v>
      </c>
      <c r="B103" s="21">
        <v>4</v>
      </c>
      <c r="C103" s="6">
        <v>5</v>
      </c>
      <c r="D103" s="5">
        <v>9</v>
      </c>
    </row>
    <row r="104" spans="1:4" ht="18" customHeight="1" x14ac:dyDescent="0.15">
      <c r="A104" s="8">
        <v>81</v>
      </c>
      <c r="B104" s="21">
        <v>8</v>
      </c>
      <c r="C104" s="6">
        <v>5</v>
      </c>
      <c r="D104" s="5">
        <v>13</v>
      </c>
    </row>
    <row r="105" spans="1:4" ht="18" customHeight="1" x14ac:dyDescent="0.15">
      <c r="A105" s="8">
        <v>82</v>
      </c>
      <c r="B105" s="21">
        <v>1</v>
      </c>
      <c r="C105" s="6">
        <v>7</v>
      </c>
      <c r="D105" s="5">
        <v>8</v>
      </c>
    </row>
    <row r="106" spans="1:4" ht="18" customHeight="1" x14ac:dyDescent="0.15">
      <c r="A106" s="8">
        <v>83</v>
      </c>
      <c r="B106" s="21">
        <v>6</v>
      </c>
      <c r="C106" s="6">
        <v>12</v>
      </c>
      <c r="D106" s="5">
        <v>18</v>
      </c>
    </row>
    <row r="107" spans="1:4" ht="18" customHeight="1" x14ac:dyDescent="0.15">
      <c r="A107" s="8">
        <v>84</v>
      </c>
      <c r="B107" s="21">
        <v>5</v>
      </c>
      <c r="C107" s="6">
        <v>7</v>
      </c>
      <c r="D107" s="5">
        <v>12</v>
      </c>
    </row>
    <row r="108" spans="1:4" ht="18" customHeight="1" x14ac:dyDescent="0.15">
      <c r="A108" s="8" t="s">
        <v>7</v>
      </c>
      <c r="B108" s="21">
        <v>24</v>
      </c>
      <c r="C108" s="6">
        <v>36</v>
      </c>
      <c r="D108" s="5">
        <v>60</v>
      </c>
    </row>
    <row r="109" spans="1:4" ht="18" customHeight="1" x14ac:dyDescent="0.15">
      <c r="A109" s="8">
        <v>85</v>
      </c>
      <c r="B109" s="21">
        <v>3</v>
      </c>
      <c r="C109" s="6">
        <v>6</v>
      </c>
      <c r="D109" s="5">
        <v>9</v>
      </c>
    </row>
    <row r="110" spans="1:4" ht="18" customHeight="1" x14ac:dyDescent="0.15">
      <c r="A110" s="8">
        <v>86</v>
      </c>
      <c r="B110" s="21">
        <v>5</v>
      </c>
      <c r="C110" s="6">
        <v>7</v>
      </c>
      <c r="D110" s="5">
        <v>12</v>
      </c>
    </row>
    <row r="111" spans="1:4" ht="18" customHeight="1" x14ac:dyDescent="0.15">
      <c r="A111" s="8">
        <v>87</v>
      </c>
      <c r="B111" s="21">
        <v>4</v>
      </c>
      <c r="C111" s="6">
        <v>5</v>
      </c>
      <c r="D111" s="5">
        <v>9</v>
      </c>
    </row>
    <row r="112" spans="1:4" ht="18" customHeight="1" x14ac:dyDescent="0.15">
      <c r="A112" s="8">
        <v>88</v>
      </c>
      <c r="B112" s="21">
        <v>1</v>
      </c>
      <c r="C112" s="6">
        <v>11</v>
      </c>
      <c r="D112" s="5">
        <v>12</v>
      </c>
    </row>
    <row r="113" spans="1:4" ht="18" customHeight="1" x14ac:dyDescent="0.15">
      <c r="A113" s="8">
        <v>89</v>
      </c>
      <c r="B113" s="21">
        <v>7</v>
      </c>
      <c r="C113" s="6">
        <v>9</v>
      </c>
      <c r="D113" s="5">
        <v>16</v>
      </c>
    </row>
    <row r="114" spans="1:4" ht="18" customHeight="1" x14ac:dyDescent="0.15">
      <c r="A114" s="8" t="s">
        <v>6</v>
      </c>
      <c r="B114" s="21">
        <v>20</v>
      </c>
      <c r="C114" s="6">
        <v>38</v>
      </c>
      <c r="D114" s="5">
        <v>58</v>
      </c>
    </row>
    <row r="115" spans="1:4" ht="18" customHeight="1" x14ac:dyDescent="0.15">
      <c r="A115" s="8">
        <v>90</v>
      </c>
      <c r="B115" s="21">
        <v>5</v>
      </c>
      <c r="C115" s="6">
        <v>6</v>
      </c>
      <c r="D115" s="5">
        <v>11</v>
      </c>
    </row>
    <row r="116" spans="1:4" ht="18" customHeight="1" x14ac:dyDescent="0.15">
      <c r="A116" s="8">
        <v>91</v>
      </c>
      <c r="B116" s="21">
        <v>1</v>
      </c>
      <c r="C116" s="6">
        <v>8</v>
      </c>
      <c r="D116" s="5">
        <v>9</v>
      </c>
    </row>
    <row r="117" spans="1:4" ht="18" customHeight="1" x14ac:dyDescent="0.15">
      <c r="A117" s="8">
        <v>92</v>
      </c>
      <c r="B117" s="21">
        <v>1</v>
      </c>
      <c r="C117" s="6">
        <v>7</v>
      </c>
      <c r="D117" s="5">
        <v>8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2</v>
      </c>
      <c r="C119" s="6">
        <v>0</v>
      </c>
      <c r="D119" s="5">
        <v>2</v>
      </c>
    </row>
    <row r="120" spans="1:4" ht="18" customHeight="1" x14ac:dyDescent="0.15">
      <c r="A120" s="8" t="s">
        <v>5</v>
      </c>
      <c r="B120" s="21">
        <v>11</v>
      </c>
      <c r="C120" s="6">
        <v>27</v>
      </c>
      <c r="D120" s="5">
        <v>38</v>
      </c>
    </row>
    <row r="121" spans="1:4" ht="18" customHeight="1" x14ac:dyDescent="0.15">
      <c r="A121" s="8">
        <v>95</v>
      </c>
      <c r="B121" s="21">
        <v>0</v>
      </c>
      <c r="C121" s="6">
        <v>2</v>
      </c>
      <c r="D121" s="5">
        <v>2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0</v>
      </c>
      <c r="C126" s="6">
        <v>10</v>
      </c>
      <c r="D126" s="5">
        <v>10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219</v>
      </c>
      <c r="C130" s="6">
        <v>266</v>
      </c>
      <c r="D130" s="5">
        <v>485</v>
      </c>
    </row>
    <row r="131" spans="1:4" ht="18" customHeight="1" x14ac:dyDescent="0.15">
      <c r="A131" s="4" t="s">
        <v>0</v>
      </c>
      <c r="B131" s="20">
        <v>584</v>
      </c>
      <c r="C131" s="2">
        <v>606</v>
      </c>
      <c r="D131" s="1">
        <v>119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50F317D-5FD2-4935-AB09-0506FD8B4910}">
  <sheetPr codeName="Sheet9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0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6</v>
      </c>
      <c r="C5" s="31">
        <v>13</v>
      </c>
      <c r="D5" s="30">
        <v>29</v>
      </c>
    </row>
    <row r="6" spans="1:4" ht="18" customHeight="1" x14ac:dyDescent="0.15">
      <c r="A6" s="8">
        <v>1</v>
      </c>
      <c r="B6" s="26">
        <v>18</v>
      </c>
      <c r="C6" s="6">
        <v>27</v>
      </c>
      <c r="D6" s="5">
        <v>45</v>
      </c>
    </row>
    <row r="7" spans="1:4" ht="18" customHeight="1" x14ac:dyDescent="0.15">
      <c r="A7" s="8">
        <v>2</v>
      </c>
      <c r="B7" s="26">
        <v>19</v>
      </c>
      <c r="C7" s="6">
        <v>15</v>
      </c>
      <c r="D7" s="5">
        <v>34</v>
      </c>
    </row>
    <row r="8" spans="1:4" ht="18" customHeight="1" x14ac:dyDescent="0.15">
      <c r="A8" s="8">
        <v>3</v>
      </c>
      <c r="B8" s="26">
        <v>14</v>
      </c>
      <c r="C8" s="6">
        <v>25</v>
      </c>
      <c r="D8" s="5">
        <v>39</v>
      </c>
    </row>
    <row r="9" spans="1:4" ht="18" customHeight="1" x14ac:dyDescent="0.15">
      <c r="A9" s="8">
        <v>4</v>
      </c>
      <c r="B9" s="29">
        <v>16</v>
      </c>
      <c r="C9" s="28">
        <v>30</v>
      </c>
      <c r="D9" s="27">
        <v>46</v>
      </c>
    </row>
    <row r="10" spans="1:4" ht="18" customHeight="1" x14ac:dyDescent="0.15">
      <c r="A10" s="8" t="s">
        <v>25</v>
      </c>
      <c r="B10" s="21">
        <v>83</v>
      </c>
      <c r="C10" s="6">
        <v>110</v>
      </c>
      <c r="D10" s="5">
        <v>193</v>
      </c>
    </row>
    <row r="11" spans="1:4" ht="18" customHeight="1" x14ac:dyDescent="0.15">
      <c r="A11" s="8">
        <v>5</v>
      </c>
      <c r="B11" s="26">
        <v>26</v>
      </c>
      <c r="C11" s="6">
        <v>18</v>
      </c>
      <c r="D11" s="5">
        <v>44</v>
      </c>
    </row>
    <row r="12" spans="1:4" ht="18" customHeight="1" x14ac:dyDescent="0.15">
      <c r="A12" s="8">
        <v>6</v>
      </c>
      <c r="B12" s="26">
        <v>19</v>
      </c>
      <c r="C12" s="6">
        <v>22</v>
      </c>
      <c r="D12" s="5">
        <v>41</v>
      </c>
    </row>
    <row r="13" spans="1:4" ht="18" customHeight="1" x14ac:dyDescent="0.15">
      <c r="A13" s="8">
        <v>7</v>
      </c>
      <c r="B13" s="26">
        <v>25</v>
      </c>
      <c r="C13" s="6">
        <v>23</v>
      </c>
      <c r="D13" s="5">
        <v>48</v>
      </c>
    </row>
    <row r="14" spans="1:4" ht="18" customHeight="1" x14ac:dyDescent="0.15">
      <c r="A14" s="8">
        <v>8</v>
      </c>
      <c r="B14" s="26">
        <v>19</v>
      </c>
      <c r="C14" s="6">
        <v>15</v>
      </c>
      <c r="D14" s="5">
        <v>34</v>
      </c>
    </row>
    <row r="15" spans="1:4" ht="18" customHeight="1" x14ac:dyDescent="0.15">
      <c r="A15" s="8">
        <v>9</v>
      </c>
      <c r="B15" s="26">
        <v>26</v>
      </c>
      <c r="C15" s="6">
        <v>20</v>
      </c>
      <c r="D15" s="5">
        <v>46</v>
      </c>
    </row>
    <row r="16" spans="1:4" ht="18" customHeight="1" x14ac:dyDescent="0.15">
      <c r="A16" s="8" t="s">
        <v>24</v>
      </c>
      <c r="B16" s="21">
        <v>115</v>
      </c>
      <c r="C16" s="6">
        <v>98</v>
      </c>
      <c r="D16" s="5">
        <v>213</v>
      </c>
    </row>
    <row r="17" spans="1:4" ht="18" customHeight="1" x14ac:dyDescent="0.15">
      <c r="A17" s="8">
        <v>10</v>
      </c>
      <c r="B17" s="21">
        <v>26</v>
      </c>
      <c r="C17" s="6">
        <v>9</v>
      </c>
      <c r="D17" s="5">
        <v>35</v>
      </c>
    </row>
    <row r="18" spans="1:4" ht="18" customHeight="1" x14ac:dyDescent="0.15">
      <c r="A18" s="8">
        <v>11</v>
      </c>
      <c r="B18" s="21">
        <v>17</v>
      </c>
      <c r="C18" s="6">
        <v>17</v>
      </c>
      <c r="D18" s="5">
        <v>34</v>
      </c>
    </row>
    <row r="19" spans="1:4" ht="18" customHeight="1" x14ac:dyDescent="0.15">
      <c r="A19" s="8">
        <v>12</v>
      </c>
      <c r="B19" s="21">
        <v>26</v>
      </c>
      <c r="C19" s="6">
        <v>18</v>
      </c>
      <c r="D19" s="5">
        <v>44</v>
      </c>
    </row>
    <row r="20" spans="1:4" ht="18" customHeight="1" x14ac:dyDescent="0.15">
      <c r="A20" s="8">
        <v>13</v>
      </c>
      <c r="B20" s="21">
        <v>20</v>
      </c>
      <c r="C20" s="6">
        <v>14</v>
      </c>
      <c r="D20" s="5">
        <v>34</v>
      </c>
    </row>
    <row r="21" spans="1:4" ht="18" customHeight="1" x14ac:dyDescent="0.15">
      <c r="A21" s="8">
        <v>14</v>
      </c>
      <c r="B21" s="21">
        <v>19</v>
      </c>
      <c r="C21" s="6">
        <v>31</v>
      </c>
      <c r="D21" s="5">
        <v>50</v>
      </c>
    </row>
    <row r="22" spans="1:4" ht="18" customHeight="1" x14ac:dyDescent="0.15">
      <c r="A22" s="8" t="s">
        <v>23</v>
      </c>
      <c r="B22" s="21">
        <v>108</v>
      </c>
      <c r="C22" s="6">
        <v>89</v>
      </c>
      <c r="D22" s="5">
        <v>197</v>
      </c>
    </row>
    <row r="23" spans="1:4" ht="18" customHeight="1" x14ac:dyDescent="0.15">
      <c r="A23" s="8" t="s">
        <v>22</v>
      </c>
      <c r="B23" s="21">
        <v>306</v>
      </c>
      <c r="C23" s="6">
        <v>297</v>
      </c>
      <c r="D23" s="5">
        <v>603</v>
      </c>
    </row>
    <row r="24" spans="1:4" ht="18" customHeight="1" x14ac:dyDescent="0.15">
      <c r="A24" s="8">
        <v>15</v>
      </c>
      <c r="B24" s="21">
        <v>21</v>
      </c>
      <c r="C24" s="6">
        <v>23</v>
      </c>
      <c r="D24" s="5">
        <v>44</v>
      </c>
    </row>
    <row r="25" spans="1:4" ht="18" customHeight="1" x14ac:dyDescent="0.15">
      <c r="A25" s="8">
        <v>16</v>
      </c>
      <c r="B25" s="21">
        <v>31</v>
      </c>
      <c r="C25" s="6">
        <v>11</v>
      </c>
      <c r="D25" s="5">
        <v>42</v>
      </c>
    </row>
    <row r="26" spans="1:4" ht="18" customHeight="1" x14ac:dyDescent="0.15">
      <c r="A26" s="8">
        <v>17</v>
      </c>
      <c r="B26" s="21">
        <v>24</v>
      </c>
      <c r="C26" s="6">
        <v>20</v>
      </c>
      <c r="D26" s="5">
        <v>44</v>
      </c>
    </row>
    <row r="27" spans="1:4" ht="18" customHeight="1" x14ac:dyDescent="0.15">
      <c r="A27" s="8">
        <v>18</v>
      </c>
      <c r="B27" s="21">
        <v>17</v>
      </c>
      <c r="C27" s="6">
        <v>17</v>
      </c>
      <c r="D27" s="5">
        <v>34</v>
      </c>
    </row>
    <row r="28" spans="1:4" ht="18" customHeight="1" x14ac:dyDescent="0.15">
      <c r="A28" s="8">
        <v>19</v>
      </c>
      <c r="B28" s="21">
        <v>19</v>
      </c>
      <c r="C28" s="6">
        <v>20</v>
      </c>
      <c r="D28" s="5">
        <v>39</v>
      </c>
    </row>
    <row r="29" spans="1:4" ht="18" customHeight="1" x14ac:dyDescent="0.15">
      <c r="A29" s="8" t="s">
        <v>21</v>
      </c>
      <c r="B29" s="21">
        <v>112</v>
      </c>
      <c r="C29" s="6">
        <v>91</v>
      </c>
      <c r="D29" s="5">
        <v>203</v>
      </c>
    </row>
    <row r="30" spans="1:4" ht="18" customHeight="1" x14ac:dyDescent="0.15">
      <c r="A30" s="8">
        <v>20</v>
      </c>
      <c r="B30" s="21">
        <v>23</v>
      </c>
      <c r="C30" s="6">
        <v>15</v>
      </c>
      <c r="D30" s="5">
        <v>38</v>
      </c>
    </row>
    <row r="31" spans="1:4" ht="18" customHeight="1" x14ac:dyDescent="0.15">
      <c r="A31" s="8">
        <v>21</v>
      </c>
      <c r="B31" s="21">
        <v>21</v>
      </c>
      <c r="C31" s="6">
        <v>23</v>
      </c>
      <c r="D31" s="5">
        <v>44</v>
      </c>
    </row>
    <row r="32" spans="1:4" ht="18" customHeight="1" x14ac:dyDescent="0.15">
      <c r="A32" s="8">
        <v>22</v>
      </c>
      <c r="B32" s="21">
        <v>23</v>
      </c>
      <c r="C32" s="6">
        <v>19</v>
      </c>
      <c r="D32" s="5">
        <v>42</v>
      </c>
    </row>
    <row r="33" spans="1:4" ht="18" customHeight="1" x14ac:dyDescent="0.15">
      <c r="A33" s="8">
        <v>23</v>
      </c>
      <c r="B33" s="21">
        <v>20</v>
      </c>
      <c r="C33" s="6">
        <v>25</v>
      </c>
      <c r="D33" s="5">
        <v>45</v>
      </c>
    </row>
    <row r="34" spans="1:4" ht="18" customHeight="1" x14ac:dyDescent="0.15">
      <c r="A34" s="8">
        <v>24</v>
      </c>
      <c r="B34" s="21">
        <v>26</v>
      </c>
      <c r="C34" s="6">
        <v>19</v>
      </c>
      <c r="D34" s="5">
        <v>45</v>
      </c>
    </row>
    <row r="35" spans="1:4" ht="18" customHeight="1" x14ac:dyDescent="0.15">
      <c r="A35" s="8" t="s">
        <v>20</v>
      </c>
      <c r="B35" s="21">
        <v>113</v>
      </c>
      <c r="C35" s="6">
        <v>101</v>
      </c>
      <c r="D35" s="5">
        <v>214</v>
      </c>
    </row>
    <row r="36" spans="1:4" ht="18" customHeight="1" x14ac:dyDescent="0.15">
      <c r="A36" s="8">
        <v>25</v>
      </c>
      <c r="B36" s="21">
        <v>33</v>
      </c>
      <c r="C36" s="6">
        <v>20</v>
      </c>
      <c r="D36" s="5">
        <v>53</v>
      </c>
    </row>
    <row r="37" spans="1:4" ht="18" customHeight="1" x14ac:dyDescent="0.15">
      <c r="A37" s="8">
        <v>26</v>
      </c>
      <c r="B37" s="21">
        <v>23</v>
      </c>
      <c r="C37" s="6">
        <v>30</v>
      </c>
      <c r="D37" s="5">
        <v>53</v>
      </c>
    </row>
    <row r="38" spans="1:4" ht="18" customHeight="1" x14ac:dyDescent="0.15">
      <c r="A38" s="8">
        <v>27</v>
      </c>
      <c r="B38" s="21">
        <v>10</v>
      </c>
      <c r="C38" s="6">
        <v>19</v>
      </c>
      <c r="D38" s="5">
        <v>29</v>
      </c>
    </row>
    <row r="39" spans="1:4" ht="18" customHeight="1" x14ac:dyDescent="0.15">
      <c r="A39" s="8">
        <v>28</v>
      </c>
      <c r="B39" s="21">
        <v>27</v>
      </c>
      <c r="C39" s="6">
        <v>21</v>
      </c>
      <c r="D39" s="5">
        <v>48</v>
      </c>
    </row>
    <row r="40" spans="1:4" ht="18" customHeight="1" x14ac:dyDescent="0.15">
      <c r="A40" s="8">
        <v>29</v>
      </c>
      <c r="B40" s="21">
        <v>28</v>
      </c>
      <c r="C40" s="6">
        <v>21</v>
      </c>
      <c r="D40" s="5">
        <v>49</v>
      </c>
    </row>
    <row r="41" spans="1:4" ht="18" customHeight="1" x14ac:dyDescent="0.15">
      <c r="A41" s="8" t="s">
        <v>19</v>
      </c>
      <c r="B41" s="21">
        <v>121</v>
      </c>
      <c r="C41" s="6">
        <v>111</v>
      </c>
      <c r="D41" s="5">
        <v>232</v>
      </c>
    </row>
    <row r="42" spans="1:4" ht="18" customHeight="1" x14ac:dyDescent="0.15">
      <c r="A42" s="8">
        <v>30</v>
      </c>
      <c r="B42" s="21">
        <v>20</v>
      </c>
      <c r="C42" s="6">
        <v>25</v>
      </c>
      <c r="D42" s="5">
        <v>45</v>
      </c>
    </row>
    <row r="43" spans="1:4" ht="18" customHeight="1" x14ac:dyDescent="0.15">
      <c r="A43" s="8">
        <v>31</v>
      </c>
      <c r="B43" s="21">
        <v>22</v>
      </c>
      <c r="C43" s="6">
        <v>23</v>
      </c>
      <c r="D43" s="5">
        <v>45</v>
      </c>
    </row>
    <row r="44" spans="1:4" ht="18" customHeight="1" x14ac:dyDescent="0.15">
      <c r="A44" s="8">
        <v>32</v>
      </c>
      <c r="B44" s="21">
        <v>31</v>
      </c>
      <c r="C44" s="6">
        <v>14</v>
      </c>
      <c r="D44" s="5">
        <v>45</v>
      </c>
    </row>
    <row r="45" spans="1:4" ht="18" customHeight="1" x14ac:dyDescent="0.15">
      <c r="A45" s="8">
        <v>33</v>
      </c>
      <c r="B45" s="21">
        <v>28</v>
      </c>
      <c r="C45" s="6">
        <v>22</v>
      </c>
      <c r="D45" s="5">
        <v>50</v>
      </c>
    </row>
    <row r="46" spans="1:4" ht="18" customHeight="1" x14ac:dyDescent="0.15">
      <c r="A46" s="8">
        <v>34</v>
      </c>
      <c r="B46" s="21">
        <v>31</v>
      </c>
      <c r="C46" s="6">
        <v>29</v>
      </c>
      <c r="D46" s="5">
        <v>60</v>
      </c>
    </row>
    <row r="47" spans="1:4" ht="18" customHeight="1" x14ac:dyDescent="0.15">
      <c r="A47" s="8" t="s">
        <v>18</v>
      </c>
      <c r="B47" s="21">
        <v>132</v>
      </c>
      <c r="C47" s="6">
        <v>113</v>
      </c>
      <c r="D47" s="5">
        <v>245</v>
      </c>
    </row>
    <row r="48" spans="1:4" ht="18" customHeight="1" x14ac:dyDescent="0.15">
      <c r="A48" s="8">
        <v>35</v>
      </c>
      <c r="B48" s="21">
        <v>25</v>
      </c>
      <c r="C48" s="6">
        <v>27</v>
      </c>
      <c r="D48" s="5">
        <v>52</v>
      </c>
    </row>
    <row r="49" spans="1:4" ht="18" customHeight="1" x14ac:dyDescent="0.15">
      <c r="A49" s="8">
        <v>36</v>
      </c>
      <c r="B49" s="21">
        <v>26</v>
      </c>
      <c r="C49" s="6">
        <v>29</v>
      </c>
      <c r="D49" s="5">
        <v>55</v>
      </c>
    </row>
    <row r="50" spans="1:4" ht="18" customHeight="1" x14ac:dyDescent="0.15">
      <c r="A50" s="8">
        <v>37</v>
      </c>
      <c r="B50" s="21">
        <v>29</v>
      </c>
      <c r="C50" s="6">
        <v>32</v>
      </c>
      <c r="D50" s="5">
        <v>61</v>
      </c>
    </row>
    <row r="51" spans="1:4" ht="18" customHeight="1" x14ac:dyDescent="0.15">
      <c r="A51" s="8">
        <v>38</v>
      </c>
      <c r="B51" s="21">
        <v>19</v>
      </c>
      <c r="C51" s="6">
        <v>28</v>
      </c>
      <c r="D51" s="5">
        <v>47</v>
      </c>
    </row>
    <row r="52" spans="1:4" ht="18" customHeight="1" x14ac:dyDescent="0.15">
      <c r="A52" s="8">
        <v>39</v>
      </c>
      <c r="B52" s="21">
        <v>19</v>
      </c>
      <c r="C52" s="6">
        <v>22</v>
      </c>
      <c r="D52" s="5">
        <v>41</v>
      </c>
    </row>
    <row r="53" spans="1:4" ht="18" customHeight="1" x14ac:dyDescent="0.15">
      <c r="A53" s="8" t="s">
        <v>17</v>
      </c>
      <c r="B53" s="21">
        <v>118</v>
      </c>
      <c r="C53" s="6">
        <v>138</v>
      </c>
      <c r="D53" s="5">
        <v>256</v>
      </c>
    </row>
    <row r="54" spans="1:4" ht="18" customHeight="1" x14ac:dyDescent="0.15">
      <c r="A54" s="8">
        <v>40</v>
      </c>
      <c r="B54" s="21">
        <v>27</v>
      </c>
      <c r="C54" s="6">
        <v>26</v>
      </c>
      <c r="D54" s="5">
        <v>53</v>
      </c>
    </row>
    <row r="55" spans="1:4" ht="18" customHeight="1" x14ac:dyDescent="0.15">
      <c r="A55" s="8">
        <v>41</v>
      </c>
      <c r="B55" s="21">
        <v>34</v>
      </c>
      <c r="C55" s="6">
        <v>36</v>
      </c>
      <c r="D55" s="5">
        <v>70</v>
      </c>
    </row>
    <row r="56" spans="1:4" ht="18" customHeight="1" x14ac:dyDescent="0.15">
      <c r="A56" s="8">
        <v>42</v>
      </c>
      <c r="B56" s="21">
        <v>29</v>
      </c>
      <c r="C56" s="6">
        <v>19</v>
      </c>
      <c r="D56" s="5">
        <v>48</v>
      </c>
    </row>
    <row r="57" spans="1:4" ht="18" customHeight="1" x14ac:dyDescent="0.15">
      <c r="A57" s="8">
        <v>43</v>
      </c>
      <c r="B57" s="21">
        <v>34</v>
      </c>
      <c r="C57" s="6">
        <v>27</v>
      </c>
      <c r="D57" s="5">
        <v>61</v>
      </c>
    </row>
    <row r="58" spans="1:4" ht="18" customHeight="1" x14ac:dyDescent="0.15">
      <c r="A58" s="8">
        <v>44</v>
      </c>
      <c r="B58" s="21">
        <v>31</v>
      </c>
      <c r="C58" s="6">
        <v>28</v>
      </c>
      <c r="D58" s="5">
        <v>59</v>
      </c>
    </row>
    <row r="59" spans="1:4" ht="18" customHeight="1" x14ac:dyDescent="0.15">
      <c r="A59" s="8" t="s">
        <v>16</v>
      </c>
      <c r="B59" s="21">
        <v>155</v>
      </c>
      <c r="C59" s="6">
        <v>136</v>
      </c>
      <c r="D59" s="5">
        <v>291</v>
      </c>
    </row>
    <row r="60" spans="1:4" ht="18" customHeight="1" x14ac:dyDescent="0.15">
      <c r="A60" s="8">
        <v>45</v>
      </c>
      <c r="B60" s="21">
        <v>26</v>
      </c>
      <c r="C60" s="6">
        <v>26</v>
      </c>
      <c r="D60" s="5">
        <v>52</v>
      </c>
    </row>
    <row r="61" spans="1:4" ht="18" customHeight="1" x14ac:dyDescent="0.15">
      <c r="A61" s="8">
        <v>46</v>
      </c>
      <c r="B61" s="21">
        <v>28</v>
      </c>
      <c r="C61" s="6">
        <v>22</v>
      </c>
      <c r="D61" s="5">
        <v>50</v>
      </c>
    </row>
    <row r="62" spans="1:4" ht="18" customHeight="1" x14ac:dyDescent="0.15">
      <c r="A62" s="8">
        <v>47</v>
      </c>
      <c r="B62" s="21">
        <v>37</v>
      </c>
      <c r="C62" s="6">
        <v>36</v>
      </c>
      <c r="D62" s="5">
        <v>73</v>
      </c>
    </row>
    <row r="63" spans="1:4" ht="18" customHeight="1" x14ac:dyDescent="0.15">
      <c r="A63" s="8">
        <v>48</v>
      </c>
      <c r="B63" s="21">
        <v>34</v>
      </c>
      <c r="C63" s="6">
        <v>40</v>
      </c>
      <c r="D63" s="5">
        <v>74</v>
      </c>
    </row>
    <row r="64" spans="1:4" ht="18" customHeight="1" x14ac:dyDescent="0.15">
      <c r="A64" s="8">
        <v>49</v>
      </c>
      <c r="B64" s="21">
        <v>43</v>
      </c>
      <c r="C64" s="6">
        <v>29</v>
      </c>
      <c r="D64" s="5">
        <v>72</v>
      </c>
    </row>
    <row r="65" spans="1:4" ht="18" customHeight="1" x14ac:dyDescent="0.15">
      <c r="A65" s="8" t="s">
        <v>15</v>
      </c>
      <c r="B65" s="21">
        <v>168</v>
      </c>
      <c r="C65" s="6">
        <v>153</v>
      </c>
      <c r="D65" s="5">
        <v>321</v>
      </c>
    </row>
    <row r="66" spans="1:4" ht="18" customHeight="1" x14ac:dyDescent="0.15">
      <c r="A66" s="8">
        <v>50</v>
      </c>
      <c r="B66" s="21">
        <v>39</v>
      </c>
      <c r="C66" s="6">
        <v>34</v>
      </c>
      <c r="D66" s="5">
        <v>73</v>
      </c>
    </row>
    <row r="67" spans="1:4" ht="18" customHeight="1" x14ac:dyDescent="0.15">
      <c r="A67" s="8">
        <v>51</v>
      </c>
      <c r="B67" s="21">
        <v>27</v>
      </c>
      <c r="C67" s="6">
        <v>34</v>
      </c>
      <c r="D67" s="5">
        <v>61</v>
      </c>
    </row>
    <row r="68" spans="1:4" ht="18" customHeight="1" x14ac:dyDescent="0.15">
      <c r="A68" s="8">
        <v>52</v>
      </c>
      <c r="B68" s="21">
        <v>41</v>
      </c>
      <c r="C68" s="6">
        <v>35</v>
      </c>
      <c r="D68" s="5">
        <v>76</v>
      </c>
    </row>
    <row r="69" spans="1:4" ht="18" customHeight="1" x14ac:dyDescent="0.15">
      <c r="A69" s="8">
        <v>53</v>
      </c>
      <c r="B69" s="21">
        <v>41</v>
      </c>
      <c r="C69" s="6">
        <v>35</v>
      </c>
      <c r="D69" s="5">
        <v>76</v>
      </c>
    </row>
    <row r="70" spans="1:4" ht="18" customHeight="1" x14ac:dyDescent="0.15">
      <c r="A70" s="8">
        <v>54</v>
      </c>
      <c r="B70" s="21">
        <v>34</v>
      </c>
      <c r="C70" s="6">
        <v>40</v>
      </c>
      <c r="D70" s="5">
        <v>74</v>
      </c>
    </row>
    <row r="71" spans="1:4" ht="18" customHeight="1" x14ac:dyDescent="0.15">
      <c r="A71" s="8" t="s">
        <v>14</v>
      </c>
      <c r="B71" s="21">
        <v>182</v>
      </c>
      <c r="C71" s="6">
        <v>178</v>
      </c>
      <c r="D71" s="5">
        <v>360</v>
      </c>
    </row>
    <row r="72" spans="1:4" ht="18" customHeight="1" x14ac:dyDescent="0.15">
      <c r="A72" s="8">
        <v>55</v>
      </c>
      <c r="B72" s="21">
        <v>32</v>
      </c>
      <c r="C72" s="6">
        <v>27</v>
      </c>
      <c r="D72" s="5">
        <v>59</v>
      </c>
    </row>
    <row r="73" spans="1:4" ht="18" customHeight="1" x14ac:dyDescent="0.15">
      <c r="A73" s="8">
        <v>56</v>
      </c>
      <c r="B73" s="21">
        <v>41</v>
      </c>
      <c r="C73" s="6">
        <v>47</v>
      </c>
      <c r="D73" s="5">
        <v>88</v>
      </c>
    </row>
    <row r="74" spans="1:4" ht="18" customHeight="1" x14ac:dyDescent="0.15">
      <c r="A74" s="8">
        <v>57</v>
      </c>
      <c r="B74" s="21">
        <v>38</v>
      </c>
      <c r="C74" s="6">
        <v>38</v>
      </c>
      <c r="D74" s="5">
        <v>76</v>
      </c>
    </row>
    <row r="75" spans="1:4" ht="18" customHeight="1" x14ac:dyDescent="0.15">
      <c r="A75" s="8">
        <v>58</v>
      </c>
      <c r="B75" s="21">
        <v>45</v>
      </c>
      <c r="C75" s="6">
        <v>45</v>
      </c>
      <c r="D75" s="5">
        <v>90</v>
      </c>
    </row>
    <row r="76" spans="1:4" ht="18" customHeight="1" x14ac:dyDescent="0.15">
      <c r="A76" s="8">
        <v>59</v>
      </c>
      <c r="B76" s="21">
        <v>27</v>
      </c>
      <c r="C76" s="6">
        <v>37</v>
      </c>
      <c r="D76" s="5">
        <v>64</v>
      </c>
    </row>
    <row r="77" spans="1:4" ht="18" customHeight="1" x14ac:dyDescent="0.15">
      <c r="A77" s="8" t="s">
        <v>13</v>
      </c>
      <c r="B77" s="21">
        <v>183</v>
      </c>
      <c r="C77" s="6">
        <v>194</v>
      </c>
      <c r="D77" s="5">
        <v>377</v>
      </c>
    </row>
    <row r="78" spans="1:4" ht="18" customHeight="1" x14ac:dyDescent="0.15">
      <c r="A78" s="8">
        <v>60</v>
      </c>
      <c r="B78" s="21">
        <v>33</v>
      </c>
      <c r="C78" s="6">
        <v>42</v>
      </c>
      <c r="D78" s="5">
        <v>75</v>
      </c>
    </row>
    <row r="79" spans="1:4" ht="18" customHeight="1" x14ac:dyDescent="0.15">
      <c r="A79" s="8">
        <v>61</v>
      </c>
      <c r="B79" s="21">
        <v>37</v>
      </c>
      <c r="C79" s="6">
        <v>30</v>
      </c>
      <c r="D79" s="5">
        <v>67</v>
      </c>
    </row>
    <row r="80" spans="1:4" ht="18" customHeight="1" x14ac:dyDescent="0.15">
      <c r="A80" s="8">
        <v>62</v>
      </c>
      <c r="B80" s="21">
        <v>31</v>
      </c>
      <c r="C80" s="6">
        <v>30</v>
      </c>
      <c r="D80" s="5">
        <v>61</v>
      </c>
    </row>
    <row r="81" spans="1:4" ht="18" customHeight="1" x14ac:dyDescent="0.15">
      <c r="A81" s="8">
        <v>63</v>
      </c>
      <c r="B81" s="21">
        <v>35</v>
      </c>
      <c r="C81" s="6">
        <v>27</v>
      </c>
      <c r="D81" s="5">
        <v>62</v>
      </c>
    </row>
    <row r="82" spans="1:4" ht="18" customHeight="1" x14ac:dyDescent="0.15">
      <c r="A82" s="8">
        <v>64</v>
      </c>
      <c r="B82" s="21">
        <v>32</v>
      </c>
      <c r="C82" s="6">
        <v>25</v>
      </c>
      <c r="D82" s="5">
        <v>57</v>
      </c>
    </row>
    <row r="83" spans="1:4" ht="18" customHeight="1" x14ac:dyDescent="0.15">
      <c r="A83" s="8" t="s">
        <v>12</v>
      </c>
      <c r="B83" s="21">
        <v>168</v>
      </c>
      <c r="C83" s="6">
        <v>154</v>
      </c>
      <c r="D83" s="5">
        <v>322</v>
      </c>
    </row>
    <row r="84" spans="1:4" ht="18" customHeight="1" x14ac:dyDescent="0.15">
      <c r="A84" s="8" t="s">
        <v>11</v>
      </c>
      <c r="B84" s="21">
        <v>1452</v>
      </c>
      <c r="C84" s="6">
        <v>1369</v>
      </c>
      <c r="D84" s="5">
        <v>2821</v>
      </c>
    </row>
    <row r="85" spans="1:4" ht="18" customHeight="1" x14ac:dyDescent="0.15">
      <c r="A85" s="8">
        <v>65</v>
      </c>
      <c r="B85" s="21">
        <v>24</v>
      </c>
      <c r="C85" s="6">
        <v>34</v>
      </c>
      <c r="D85" s="5">
        <v>58</v>
      </c>
    </row>
    <row r="86" spans="1:4" ht="18" customHeight="1" x14ac:dyDescent="0.15">
      <c r="A86" s="8">
        <v>66</v>
      </c>
      <c r="B86" s="21">
        <v>42</v>
      </c>
      <c r="C86" s="6">
        <v>27</v>
      </c>
      <c r="D86" s="5">
        <v>69</v>
      </c>
    </row>
    <row r="87" spans="1:4" ht="18" customHeight="1" x14ac:dyDescent="0.15">
      <c r="A87" s="8">
        <v>67</v>
      </c>
      <c r="B87" s="21">
        <v>22</v>
      </c>
      <c r="C87" s="6">
        <v>35</v>
      </c>
      <c r="D87" s="5">
        <v>57</v>
      </c>
    </row>
    <row r="88" spans="1:4" ht="18" customHeight="1" x14ac:dyDescent="0.15">
      <c r="A88" s="8">
        <v>68</v>
      </c>
      <c r="B88" s="21">
        <v>26</v>
      </c>
      <c r="C88" s="6">
        <v>35</v>
      </c>
      <c r="D88" s="5">
        <v>61</v>
      </c>
    </row>
    <row r="89" spans="1:4" ht="18" customHeight="1" x14ac:dyDescent="0.15">
      <c r="A89" s="8">
        <v>69</v>
      </c>
      <c r="B89" s="21">
        <v>25</v>
      </c>
      <c r="C89" s="6">
        <v>36</v>
      </c>
      <c r="D89" s="5">
        <v>61</v>
      </c>
    </row>
    <row r="90" spans="1:4" ht="18" customHeight="1" x14ac:dyDescent="0.15">
      <c r="A90" s="8" t="s">
        <v>10</v>
      </c>
      <c r="B90" s="21">
        <v>139</v>
      </c>
      <c r="C90" s="6">
        <v>167</v>
      </c>
      <c r="D90" s="5">
        <v>306</v>
      </c>
    </row>
    <row r="91" spans="1:4" ht="18" customHeight="1" x14ac:dyDescent="0.15">
      <c r="A91" s="8">
        <v>70</v>
      </c>
      <c r="B91" s="21">
        <v>28</v>
      </c>
      <c r="C91" s="6">
        <v>32</v>
      </c>
      <c r="D91" s="5">
        <v>60</v>
      </c>
    </row>
    <row r="92" spans="1:4" ht="18" customHeight="1" x14ac:dyDescent="0.15">
      <c r="A92" s="8">
        <v>71</v>
      </c>
      <c r="B92" s="21">
        <v>32</v>
      </c>
      <c r="C92" s="6">
        <v>36</v>
      </c>
      <c r="D92" s="5">
        <v>68</v>
      </c>
    </row>
    <row r="93" spans="1:4" ht="18" customHeight="1" x14ac:dyDescent="0.15">
      <c r="A93" s="8">
        <v>72</v>
      </c>
      <c r="B93" s="21">
        <v>30</v>
      </c>
      <c r="C93" s="6">
        <v>35</v>
      </c>
      <c r="D93" s="5">
        <v>65</v>
      </c>
    </row>
    <row r="94" spans="1:4" ht="18" customHeight="1" x14ac:dyDescent="0.15">
      <c r="A94" s="8">
        <v>73</v>
      </c>
      <c r="B94" s="21">
        <v>36</v>
      </c>
      <c r="C94" s="6">
        <v>33</v>
      </c>
      <c r="D94" s="5">
        <v>69</v>
      </c>
    </row>
    <row r="95" spans="1:4" ht="18" customHeight="1" x14ac:dyDescent="0.15">
      <c r="A95" s="8">
        <v>74</v>
      </c>
      <c r="B95" s="21">
        <v>26</v>
      </c>
      <c r="C95" s="6">
        <v>39</v>
      </c>
      <c r="D95" s="5">
        <v>65</v>
      </c>
    </row>
    <row r="96" spans="1:4" ht="18" customHeight="1" x14ac:dyDescent="0.15">
      <c r="A96" s="8" t="s">
        <v>9</v>
      </c>
      <c r="B96" s="21">
        <v>152</v>
      </c>
      <c r="C96" s="6">
        <v>175</v>
      </c>
      <c r="D96" s="5">
        <v>327</v>
      </c>
    </row>
    <row r="97" spans="1:4" ht="18" customHeight="1" x14ac:dyDescent="0.15">
      <c r="A97" s="8">
        <v>75</v>
      </c>
      <c r="B97" s="21">
        <v>26</v>
      </c>
      <c r="C97" s="6">
        <v>36</v>
      </c>
      <c r="D97" s="5">
        <v>62</v>
      </c>
    </row>
    <row r="98" spans="1:4" ht="18" customHeight="1" x14ac:dyDescent="0.15">
      <c r="A98" s="8">
        <v>76</v>
      </c>
      <c r="B98" s="21">
        <v>39</v>
      </c>
      <c r="C98" s="6">
        <v>37</v>
      </c>
      <c r="D98" s="5">
        <v>76</v>
      </c>
    </row>
    <row r="99" spans="1:4" ht="18" customHeight="1" x14ac:dyDescent="0.15">
      <c r="A99" s="8">
        <v>77</v>
      </c>
      <c r="B99" s="21">
        <v>35</v>
      </c>
      <c r="C99" s="6">
        <v>33</v>
      </c>
      <c r="D99" s="5">
        <v>68</v>
      </c>
    </row>
    <row r="100" spans="1:4" ht="18" customHeight="1" x14ac:dyDescent="0.15">
      <c r="A100" s="8">
        <v>78</v>
      </c>
      <c r="B100" s="21">
        <v>41</v>
      </c>
      <c r="C100" s="6">
        <v>44</v>
      </c>
      <c r="D100" s="5">
        <v>85</v>
      </c>
    </row>
    <row r="101" spans="1:4" ht="18" customHeight="1" x14ac:dyDescent="0.15">
      <c r="A101" s="8">
        <v>79</v>
      </c>
      <c r="B101" s="21">
        <v>15</v>
      </c>
      <c r="C101" s="6">
        <v>23</v>
      </c>
      <c r="D101" s="5">
        <v>38</v>
      </c>
    </row>
    <row r="102" spans="1:4" ht="18" customHeight="1" x14ac:dyDescent="0.15">
      <c r="A102" s="8" t="s">
        <v>8</v>
      </c>
      <c r="B102" s="21">
        <v>156</v>
      </c>
      <c r="C102" s="6">
        <v>173</v>
      </c>
      <c r="D102" s="5">
        <v>329</v>
      </c>
    </row>
    <row r="103" spans="1:4" ht="18" customHeight="1" x14ac:dyDescent="0.15">
      <c r="A103" s="8">
        <v>80</v>
      </c>
      <c r="B103" s="21">
        <v>19</v>
      </c>
      <c r="C103" s="6">
        <v>15</v>
      </c>
      <c r="D103" s="5">
        <v>34</v>
      </c>
    </row>
    <row r="104" spans="1:4" ht="18" customHeight="1" x14ac:dyDescent="0.15">
      <c r="A104" s="8">
        <v>81</v>
      </c>
      <c r="B104" s="21">
        <v>19</v>
      </c>
      <c r="C104" s="6">
        <v>32</v>
      </c>
      <c r="D104" s="5">
        <v>51</v>
      </c>
    </row>
    <row r="105" spans="1:4" ht="18" customHeight="1" x14ac:dyDescent="0.15">
      <c r="A105" s="8">
        <v>82</v>
      </c>
      <c r="B105" s="21">
        <v>14</v>
      </c>
      <c r="C105" s="6">
        <v>27</v>
      </c>
      <c r="D105" s="5">
        <v>41</v>
      </c>
    </row>
    <row r="106" spans="1:4" ht="18" customHeight="1" x14ac:dyDescent="0.15">
      <c r="A106" s="8">
        <v>83</v>
      </c>
      <c r="B106" s="21">
        <v>17</v>
      </c>
      <c r="C106" s="6">
        <v>37</v>
      </c>
      <c r="D106" s="5">
        <v>54</v>
      </c>
    </row>
    <row r="107" spans="1:4" ht="18" customHeight="1" x14ac:dyDescent="0.15">
      <c r="A107" s="8">
        <v>84</v>
      </c>
      <c r="B107" s="21">
        <v>13</v>
      </c>
      <c r="C107" s="6">
        <v>24</v>
      </c>
      <c r="D107" s="5">
        <v>37</v>
      </c>
    </row>
    <row r="108" spans="1:4" ht="18" customHeight="1" x14ac:dyDescent="0.15">
      <c r="A108" s="8" t="s">
        <v>7</v>
      </c>
      <c r="B108" s="21">
        <v>82</v>
      </c>
      <c r="C108" s="6">
        <v>135</v>
      </c>
      <c r="D108" s="5">
        <v>217</v>
      </c>
    </row>
    <row r="109" spans="1:4" ht="18" customHeight="1" x14ac:dyDescent="0.15">
      <c r="A109" s="8">
        <v>85</v>
      </c>
      <c r="B109" s="21">
        <v>13</v>
      </c>
      <c r="C109" s="6">
        <v>31</v>
      </c>
      <c r="D109" s="5">
        <v>44</v>
      </c>
    </row>
    <row r="110" spans="1:4" ht="18" customHeight="1" x14ac:dyDescent="0.15">
      <c r="A110" s="8">
        <v>86</v>
      </c>
      <c r="B110" s="21">
        <v>11</v>
      </c>
      <c r="C110" s="6">
        <v>19</v>
      </c>
      <c r="D110" s="5">
        <v>30</v>
      </c>
    </row>
    <row r="111" spans="1:4" ht="18" customHeight="1" x14ac:dyDescent="0.15">
      <c r="A111" s="8">
        <v>87</v>
      </c>
      <c r="B111" s="21">
        <v>16</v>
      </c>
      <c r="C111" s="6">
        <v>16</v>
      </c>
      <c r="D111" s="5">
        <v>32</v>
      </c>
    </row>
    <row r="112" spans="1:4" ht="18" customHeight="1" x14ac:dyDescent="0.15">
      <c r="A112" s="8">
        <v>88</v>
      </c>
      <c r="B112" s="21">
        <v>14</v>
      </c>
      <c r="C112" s="6">
        <v>24</v>
      </c>
      <c r="D112" s="5">
        <v>38</v>
      </c>
    </row>
    <row r="113" spans="1:4" ht="18" customHeight="1" x14ac:dyDescent="0.15">
      <c r="A113" s="8">
        <v>89</v>
      </c>
      <c r="B113" s="21">
        <v>14</v>
      </c>
      <c r="C113" s="6">
        <v>23</v>
      </c>
      <c r="D113" s="5">
        <v>37</v>
      </c>
    </row>
    <row r="114" spans="1:4" ht="18" customHeight="1" x14ac:dyDescent="0.15">
      <c r="A114" s="8" t="s">
        <v>6</v>
      </c>
      <c r="B114" s="21">
        <v>68</v>
      </c>
      <c r="C114" s="6">
        <v>113</v>
      </c>
      <c r="D114" s="5">
        <v>181</v>
      </c>
    </row>
    <row r="115" spans="1:4" ht="18" customHeight="1" x14ac:dyDescent="0.15">
      <c r="A115" s="8">
        <v>90</v>
      </c>
      <c r="B115" s="21">
        <v>9</v>
      </c>
      <c r="C115" s="6">
        <v>15</v>
      </c>
      <c r="D115" s="5">
        <v>24</v>
      </c>
    </row>
    <row r="116" spans="1:4" ht="18" customHeight="1" x14ac:dyDescent="0.15">
      <c r="A116" s="8">
        <v>91</v>
      </c>
      <c r="B116" s="21">
        <v>7</v>
      </c>
      <c r="C116" s="6">
        <v>17</v>
      </c>
      <c r="D116" s="5">
        <v>24</v>
      </c>
    </row>
    <row r="117" spans="1:4" ht="18" customHeight="1" x14ac:dyDescent="0.15">
      <c r="A117" s="8">
        <v>92</v>
      </c>
      <c r="B117" s="21">
        <v>5</v>
      </c>
      <c r="C117" s="6">
        <v>14</v>
      </c>
      <c r="D117" s="5">
        <v>19</v>
      </c>
    </row>
    <row r="118" spans="1:4" ht="18" customHeight="1" x14ac:dyDescent="0.15">
      <c r="A118" s="8">
        <v>93</v>
      </c>
      <c r="B118" s="21">
        <v>4</v>
      </c>
      <c r="C118" s="6">
        <v>17</v>
      </c>
      <c r="D118" s="5">
        <v>21</v>
      </c>
    </row>
    <row r="119" spans="1:4" ht="18" customHeight="1" x14ac:dyDescent="0.15">
      <c r="A119" s="8">
        <v>94</v>
      </c>
      <c r="B119" s="21">
        <v>2</v>
      </c>
      <c r="C119" s="6">
        <v>11</v>
      </c>
      <c r="D119" s="5">
        <v>13</v>
      </c>
    </row>
    <row r="120" spans="1:4" ht="18" customHeight="1" x14ac:dyDescent="0.15">
      <c r="A120" s="8" t="s">
        <v>5</v>
      </c>
      <c r="B120" s="21">
        <v>27</v>
      </c>
      <c r="C120" s="6">
        <v>74</v>
      </c>
      <c r="D120" s="5">
        <v>101</v>
      </c>
    </row>
    <row r="121" spans="1:4" ht="18" customHeight="1" x14ac:dyDescent="0.15">
      <c r="A121" s="8">
        <v>95</v>
      </c>
      <c r="B121" s="21">
        <v>2</v>
      </c>
      <c r="C121" s="6">
        <v>8</v>
      </c>
      <c r="D121" s="5">
        <v>10</v>
      </c>
    </row>
    <row r="122" spans="1:4" ht="18" customHeight="1" x14ac:dyDescent="0.15">
      <c r="A122" s="8">
        <v>96</v>
      </c>
      <c r="B122" s="21">
        <v>3</v>
      </c>
      <c r="C122" s="6">
        <v>8</v>
      </c>
      <c r="D122" s="5">
        <v>11</v>
      </c>
    </row>
    <row r="123" spans="1:4" ht="18" customHeight="1" x14ac:dyDescent="0.15">
      <c r="A123" s="8">
        <v>97</v>
      </c>
      <c r="B123" s="21">
        <v>0</v>
      </c>
      <c r="C123" s="6">
        <v>6</v>
      </c>
      <c r="D123" s="5">
        <v>6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2</v>
      </c>
      <c r="C125" s="6">
        <v>1</v>
      </c>
      <c r="D125" s="5">
        <v>3</v>
      </c>
    </row>
    <row r="126" spans="1:4" ht="18" customHeight="1" x14ac:dyDescent="0.15">
      <c r="A126" s="8" t="s">
        <v>4</v>
      </c>
      <c r="B126" s="21">
        <v>7</v>
      </c>
      <c r="C126" s="6">
        <v>24</v>
      </c>
      <c r="D126" s="5">
        <v>31</v>
      </c>
    </row>
    <row r="127" spans="1:4" ht="18" customHeight="1" x14ac:dyDescent="0.15">
      <c r="A127" s="8">
        <v>100</v>
      </c>
      <c r="B127" s="21">
        <v>1</v>
      </c>
      <c r="C127" s="6">
        <v>1</v>
      </c>
      <c r="D127" s="5">
        <v>2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1</v>
      </c>
      <c r="C129" s="6">
        <v>3</v>
      </c>
      <c r="D129" s="5">
        <v>4</v>
      </c>
    </row>
    <row r="130" spans="1:4" ht="18" customHeight="1" x14ac:dyDescent="0.15">
      <c r="A130" s="8" t="s">
        <v>1</v>
      </c>
      <c r="B130" s="21">
        <v>632</v>
      </c>
      <c r="C130" s="6">
        <v>864</v>
      </c>
      <c r="D130" s="5">
        <v>1496</v>
      </c>
    </row>
    <row r="131" spans="1:4" ht="18" customHeight="1" x14ac:dyDescent="0.15">
      <c r="A131" s="4" t="s">
        <v>0</v>
      </c>
      <c r="B131" s="20">
        <v>2390</v>
      </c>
      <c r="C131" s="2">
        <v>2530</v>
      </c>
      <c r="D131" s="1">
        <v>492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1AA7F6-4A36-4CB2-BCF0-B7367824FA21}">
  <sheetPr codeName="Sheet9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1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18</v>
      </c>
      <c r="C5" s="31">
        <v>103</v>
      </c>
      <c r="D5" s="30">
        <v>221</v>
      </c>
    </row>
    <row r="6" spans="1:4" ht="18" customHeight="1" x14ac:dyDescent="0.15">
      <c r="A6" s="8">
        <v>1</v>
      </c>
      <c r="B6" s="26">
        <v>109</v>
      </c>
      <c r="C6" s="6">
        <v>126</v>
      </c>
      <c r="D6" s="5">
        <v>235</v>
      </c>
    </row>
    <row r="7" spans="1:4" ht="18" customHeight="1" x14ac:dyDescent="0.15">
      <c r="A7" s="8">
        <v>2</v>
      </c>
      <c r="B7" s="26">
        <v>135</v>
      </c>
      <c r="C7" s="6">
        <v>109</v>
      </c>
      <c r="D7" s="5">
        <v>244</v>
      </c>
    </row>
    <row r="8" spans="1:4" ht="18" customHeight="1" x14ac:dyDescent="0.15">
      <c r="A8" s="8">
        <v>3</v>
      </c>
      <c r="B8" s="26">
        <v>141</v>
      </c>
      <c r="C8" s="6">
        <v>144</v>
      </c>
      <c r="D8" s="5">
        <v>285</v>
      </c>
    </row>
    <row r="9" spans="1:4" ht="18" customHeight="1" x14ac:dyDescent="0.15">
      <c r="A9" s="8">
        <v>4</v>
      </c>
      <c r="B9" s="29">
        <v>153</v>
      </c>
      <c r="C9" s="28">
        <v>154</v>
      </c>
      <c r="D9" s="27">
        <v>307</v>
      </c>
    </row>
    <row r="10" spans="1:4" ht="18" customHeight="1" x14ac:dyDescent="0.15">
      <c r="A10" s="8" t="s">
        <v>25</v>
      </c>
      <c r="B10" s="21">
        <v>656</v>
      </c>
      <c r="C10" s="6">
        <v>636</v>
      </c>
      <c r="D10" s="5">
        <v>1292</v>
      </c>
    </row>
    <row r="11" spans="1:4" ht="18" customHeight="1" x14ac:dyDescent="0.15">
      <c r="A11" s="8">
        <v>5</v>
      </c>
      <c r="B11" s="26">
        <v>174</v>
      </c>
      <c r="C11" s="6">
        <v>166</v>
      </c>
      <c r="D11" s="5">
        <v>340</v>
      </c>
    </row>
    <row r="12" spans="1:4" ht="18" customHeight="1" x14ac:dyDescent="0.15">
      <c r="A12" s="8">
        <v>6</v>
      </c>
      <c r="B12" s="26">
        <v>153</v>
      </c>
      <c r="C12" s="6">
        <v>145</v>
      </c>
      <c r="D12" s="5">
        <v>298</v>
      </c>
    </row>
    <row r="13" spans="1:4" ht="18" customHeight="1" x14ac:dyDescent="0.15">
      <c r="A13" s="8">
        <v>7</v>
      </c>
      <c r="B13" s="26">
        <v>194</v>
      </c>
      <c r="C13" s="6">
        <v>169</v>
      </c>
      <c r="D13" s="5">
        <v>363</v>
      </c>
    </row>
    <row r="14" spans="1:4" ht="18" customHeight="1" x14ac:dyDescent="0.15">
      <c r="A14" s="8">
        <v>8</v>
      </c>
      <c r="B14" s="26">
        <v>167</v>
      </c>
      <c r="C14" s="6">
        <v>170</v>
      </c>
      <c r="D14" s="5">
        <v>337</v>
      </c>
    </row>
    <row r="15" spans="1:4" ht="18" customHeight="1" x14ac:dyDescent="0.15">
      <c r="A15" s="8">
        <v>9</v>
      </c>
      <c r="B15" s="26">
        <v>221</v>
      </c>
      <c r="C15" s="6">
        <v>169</v>
      </c>
      <c r="D15" s="5">
        <v>390</v>
      </c>
    </row>
    <row r="16" spans="1:4" ht="18" customHeight="1" x14ac:dyDescent="0.15">
      <c r="A16" s="8" t="s">
        <v>24</v>
      </c>
      <c r="B16" s="21">
        <v>909</v>
      </c>
      <c r="C16" s="6">
        <v>819</v>
      </c>
      <c r="D16" s="5">
        <v>1728</v>
      </c>
    </row>
    <row r="17" spans="1:4" ht="18" customHeight="1" x14ac:dyDescent="0.15">
      <c r="A17" s="8">
        <v>10</v>
      </c>
      <c r="B17" s="21">
        <v>202</v>
      </c>
      <c r="C17" s="6">
        <v>167</v>
      </c>
      <c r="D17" s="5">
        <v>369</v>
      </c>
    </row>
    <row r="18" spans="1:4" ht="18" customHeight="1" x14ac:dyDescent="0.15">
      <c r="A18" s="8">
        <v>11</v>
      </c>
      <c r="B18" s="21">
        <v>190</v>
      </c>
      <c r="C18" s="6">
        <v>155</v>
      </c>
      <c r="D18" s="5">
        <v>345</v>
      </c>
    </row>
    <row r="19" spans="1:4" ht="18" customHeight="1" x14ac:dyDescent="0.15">
      <c r="A19" s="8">
        <v>12</v>
      </c>
      <c r="B19" s="21">
        <v>200</v>
      </c>
      <c r="C19" s="6">
        <v>224</v>
      </c>
      <c r="D19" s="5">
        <v>424</v>
      </c>
    </row>
    <row r="20" spans="1:4" ht="18" customHeight="1" x14ac:dyDescent="0.15">
      <c r="A20" s="8">
        <v>13</v>
      </c>
      <c r="B20" s="21">
        <v>194</v>
      </c>
      <c r="C20" s="6">
        <v>190</v>
      </c>
      <c r="D20" s="5">
        <v>384</v>
      </c>
    </row>
    <row r="21" spans="1:4" ht="18" customHeight="1" x14ac:dyDescent="0.15">
      <c r="A21" s="8">
        <v>14</v>
      </c>
      <c r="B21" s="21">
        <v>211</v>
      </c>
      <c r="C21" s="6">
        <v>210</v>
      </c>
      <c r="D21" s="5">
        <v>421</v>
      </c>
    </row>
    <row r="22" spans="1:4" ht="18" customHeight="1" x14ac:dyDescent="0.15">
      <c r="A22" s="8" t="s">
        <v>23</v>
      </c>
      <c r="B22" s="21">
        <v>997</v>
      </c>
      <c r="C22" s="6">
        <v>946</v>
      </c>
      <c r="D22" s="5">
        <v>1943</v>
      </c>
    </row>
    <row r="23" spans="1:4" ht="18" customHeight="1" x14ac:dyDescent="0.15">
      <c r="A23" s="8" t="s">
        <v>22</v>
      </c>
      <c r="B23" s="21">
        <v>2562</v>
      </c>
      <c r="C23" s="6">
        <v>2401</v>
      </c>
      <c r="D23" s="5">
        <v>4963</v>
      </c>
    </row>
    <row r="24" spans="1:4" ht="18" customHeight="1" x14ac:dyDescent="0.15">
      <c r="A24" s="8">
        <v>15</v>
      </c>
      <c r="B24" s="21">
        <v>210</v>
      </c>
      <c r="C24" s="6">
        <v>213</v>
      </c>
      <c r="D24" s="5">
        <v>423</v>
      </c>
    </row>
    <row r="25" spans="1:4" ht="18" customHeight="1" x14ac:dyDescent="0.15">
      <c r="A25" s="8">
        <v>16</v>
      </c>
      <c r="B25" s="21">
        <v>230</v>
      </c>
      <c r="C25" s="6">
        <v>213</v>
      </c>
      <c r="D25" s="5">
        <v>443</v>
      </c>
    </row>
    <row r="26" spans="1:4" ht="18" customHeight="1" x14ac:dyDescent="0.15">
      <c r="A26" s="8">
        <v>17</v>
      </c>
      <c r="B26" s="21">
        <v>252</v>
      </c>
      <c r="C26" s="6">
        <v>220</v>
      </c>
      <c r="D26" s="5">
        <v>472</v>
      </c>
    </row>
    <row r="27" spans="1:4" ht="18" customHeight="1" x14ac:dyDescent="0.15">
      <c r="A27" s="8">
        <v>18</v>
      </c>
      <c r="B27" s="21">
        <v>214</v>
      </c>
      <c r="C27" s="6">
        <v>223</v>
      </c>
      <c r="D27" s="5">
        <v>437</v>
      </c>
    </row>
    <row r="28" spans="1:4" ht="18" customHeight="1" x14ac:dyDescent="0.15">
      <c r="A28" s="8">
        <v>19</v>
      </c>
      <c r="B28" s="21">
        <v>235</v>
      </c>
      <c r="C28" s="6">
        <v>213</v>
      </c>
      <c r="D28" s="5">
        <v>448</v>
      </c>
    </row>
    <row r="29" spans="1:4" ht="18" customHeight="1" x14ac:dyDescent="0.15">
      <c r="A29" s="8" t="s">
        <v>21</v>
      </c>
      <c r="B29" s="21">
        <v>1141</v>
      </c>
      <c r="C29" s="6">
        <v>1082</v>
      </c>
      <c r="D29" s="5">
        <v>2223</v>
      </c>
    </row>
    <row r="30" spans="1:4" ht="18" customHeight="1" x14ac:dyDescent="0.15">
      <c r="A30" s="8">
        <v>20</v>
      </c>
      <c r="B30" s="21">
        <v>214</v>
      </c>
      <c r="C30" s="6">
        <v>197</v>
      </c>
      <c r="D30" s="5">
        <v>411</v>
      </c>
    </row>
    <row r="31" spans="1:4" ht="18" customHeight="1" x14ac:dyDescent="0.15">
      <c r="A31" s="8">
        <v>21</v>
      </c>
      <c r="B31" s="21">
        <v>244</v>
      </c>
      <c r="C31" s="6">
        <v>212</v>
      </c>
      <c r="D31" s="5">
        <v>456</v>
      </c>
    </row>
    <row r="32" spans="1:4" ht="18" customHeight="1" x14ac:dyDescent="0.15">
      <c r="A32" s="8">
        <v>22</v>
      </c>
      <c r="B32" s="21">
        <v>224</v>
      </c>
      <c r="C32" s="6">
        <v>188</v>
      </c>
      <c r="D32" s="5">
        <v>412</v>
      </c>
    </row>
    <row r="33" spans="1:4" ht="18" customHeight="1" x14ac:dyDescent="0.15">
      <c r="A33" s="8">
        <v>23</v>
      </c>
      <c r="B33" s="21">
        <v>211</v>
      </c>
      <c r="C33" s="6">
        <v>200</v>
      </c>
      <c r="D33" s="5">
        <v>411</v>
      </c>
    </row>
    <row r="34" spans="1:4" ht="18" customHeight="1" x14ac:dyDescent="0.15">
      <c r="A34" s="8">
        <v>24</v>
      </c>
      <c r="B34" s="21">
        <v>229</v>
      </c>
      <c r="C34" s="6">
        <v>193</v>
      </c>
      <c r="D34" s="5">
        <v>422</v>
      </c>
    </row>
    <row r="35" spans="1:4" ht="18" customHeight="1" x14ac:dyDescent="0.15">
      <c r="A35" s="8" t="s">
        <v>20</v>
      </c>
      <c r="B35" s="21">
        <v>1122</v>
      </c>
      <c r="C35" s="6">
        <v>990</v>
      </c>
      <c r="D35" s="5">
        <v>2112</v>
      </c>
    </row>
    <row r="36" spans="1:4" ht="18" customHeight="1" x14ac:dyDescent="0.15">
      <c r="A36" s="8">
        <v>25</v>
      </c>
      <c r="B36" s="21">
        <v>256</v>
      </c>
      <c r="C36" s="6">
        <v>178</v>
      </c>
      <c r="D36" s="5">
        <v>434</v>
      </c>
    </row>
    <row r="37" spans="1:4" ht="18" customHeight="1" x14ac:dyDescent="0.15">
      <c r="A37" s="8">
        <v>26</v>
      </c>
      <c r="B37" s="21">
        <v>212</v>
      </c>
      <c r="C37" s="6">
        <v>215</v>
      </c>
      <c r="D37" s="5">
        <v>427</v>
      </c>
    </row>
    <row r="38" spans="1:4" ht="18" customHeight="1" x14ac:dyDescent="0.15">
      <c r="A38" s="8">
        <v>27</v>
      </c>
      <c r="B38" s="21">
        <v>194</v>
      </c>
      <c r="C38" s="6">
        <v>202</v>
      </c>
      <c r="D38" s="5">
        <v>396</v>
      </c>
    </row>
    <row r="39" spans="1:4" ht="18" customHeight="1" x14ac:dyDescent="0.15">
      <c r="A39" s="8">
        <v>28</v>
      </c>
      <c r="B39" s="21">
        <v>228</v>
      </c>
      <c r="C39" s="6">
        <v>175</v>
      </c>
      <c r="D39" s="5">
        <v>403</v>
      </c>
    </row>
    <row r="40" spans="1:4" ht="18" customHeight="1" x14ac:dyDescent="0.15">
      <c r="A40" s="8">
        <v>29</v>
      </c>
      <c r="B40" s="21">
        <v>232</v>
      </c>
      <c r="C40" s="6">
        <v>205</v>
      </c>
      <c r="D40" s="5">
        <v>437</v>
      </c>
    </row>
    <row r="41" spans="1:4" ht="18" customHeight="1" x14ac:dyDescent="0.15">
      <c r="A41" s="8" t="s">
        <v>19</v>
      </c>
      <c r="B41" s="21">
        <v>1122</v>
      </c>
      <c r="C41" s="6">
        <v>975</v>
      </c>
      <c r="D41" s="5">
        <v>2097</v>
      </c>
    </row>
    <row r="42" spans="1:4" ht="18" customHeight="1" x14ac:dyDescent="0.15">
      <c r="A42" s="8">
        <v>30</v>
      </c>
      <c r="B42" s="21">
        <v>238</v>
      </c>
      <c r="C42" s="6">
        <v>186</v>
      </c>
      <c r="D42" s="5">
        <v>424</v>
      </c>
    </row>
    <row r="43" spans="1:4" ht="18" customHeight="1" x14ac:dyDescent="0.15">
      <c r="A43" s="8">
        <v>31</v>
      </c>
      <c r="B43" s="21">
        <v>210</v>
      </c>
      <c r="C43" s="6">
        <v>199</v>
      </c>
      <c r="D43" s="5">
        <v>409</v>
      </c>
    </row>
    <row r="44" spans="1:4" ht="18" customHeight="1" x14ac:dyDescent="0.15">
      <c r="A44" s="8">
        <v>32</v>
      </c>
      <c r="B44" s="21">
        <v>203</v>
      </c>
      <c r="C44" s="6">
        <v>205</v>
      </c>
      <c r="D44" s="5">
        <v>408</v>
      </c>
    </row>
    <row r="45" spans="1:4" ht="18" customHeight="1" x14ac:dyDescent="0.15">
      <c r="A45" s="8">
        <v>33</v>
      </c>
      <c r="B45" s="21">
        <v>214</v>
      </c>
      <c r="C45" s="6">
        <v>171</v>
      </c>
      <c r="D45" s="5">
        <v>385</v>
      </c>
    </row>
    <row r="46" spans="1:4" ht="18" customHeight="1" x14ac:dyDescent="0.15">
      <c r="A46" s="8">
        <v>34</v>
      </c>
      <c r="B46" s="21">
        <v>230</v>
      </c>
      <c r="C46" s="6">
        <v>174</v>
      </c>
      <c r="D46" s="5">
        <v>404</v>
      </c>
    </row>
    <row r="47" spans="1:4" ht="18" customHeight="1" x14ac:dyDescent="0.15">
      <c r="A47" s="8" t="s">
        <v>18</v>
      </c>
      <c r="B47" s="21">
        <v>1095</v>
      </c>
      <c r="C47" s="6">
        <v>935</v>
      </c>
      <c r="D47" s="5">
        <v>2030</v>
      </c>
    </row>
    <row r="48" spans="1:4" ht="18" customHeight="1" x14ac:dyDescent="0.15">
      <c r="A48" s="8">
        <v>35</v>
      </c>
      <c r="B48" s="21">
        <v>232</v>
      </c>
      <c r="C48" s="6">
        <v>204</v>
      </c>
      <c r="D48" s="5">
        <v>436</v>
      </c>
    </row>
    <row r="49" spans="1:4" ht="18" customHeight="1" x14ac:dyDescent="0.15">
      <c r="A49" s="8">
        <v>36</v>
      </c>
      <c r="B49" s="21">
        <v>225</v>
      </c>
      <c r="C49" s="6">
        <v>196</v>
      </c>
      <c r="D49" s="5">
        <v>421</v>
      </c>
    </row>
    <row r="50" spans="1:4" ht="18" customHeight="1" x14ac:dyDescent="0.15">
      <c r="A50" s="8">
        <v>37</v>
      </c>
      <c r="B50" s="21">
        <v>212</v>
      </c>
      <c r="C50" s="6">
        <v>196</v>
      </c>
      <c r="D50" s="5">
        <v>408</v>
      </c>
    </row>
    <row r="51" spans="1:4" ht="18" customHeight="1" x14ac:dyDescent="0.15">
      <c r="A51" s="8">
        <v>38</v>
      </c>
      <c r="B51" s="21">
        <v>217</v>
      </c>
      <c r="C51" s="6">
        <v>233</v>
      </c>
      <c r="D51" s="5">
        <v>450</v>
      </c>
    </row>
    <row r="52" spans="1:4" ht="18" customHeight="1" x14ac:dyDescent="0.15">
      <c r="A52" s="8">
        <v>39</v>
      </c>
      <c r="B52" s="21">
        <v>243</v>
      </c>
      <c r="C52" s="6">
        <v>234</v>
      </c>
      <c r="D52" s="5">
        <v>477</v>
      </c>
    </row>
    <row r="53" spans="1:4" ht="18" customHeight="1" x14ac:dyDescent="0.15">
      <c r="A53" s="8" t="s">
        <v>17</v>
      </c>
      <c r="B53" s="21">
        <v>1129</v>
      </c>
      <c r="C53" s="6">
        <v>1063</v>
      </c>
      <c r="D53" s="5">
        <v>2192</v>
      </c>
    </row>
    <row r="54" spans="1:4" ht="18" customHeight="1" x14ac:dyDescent="0.15">
      <c r="A54" s="8">
        <v>40</v>
      </c>
      <c r="B54" s="21">
        <v>247</v>
      </c>
      <c r="C54" s="6">
        <v>239</v>
      </c>
      <c r="D54" s="5">
        <v>486</v>
      </c>
    </row>
    <row r="55" spans="1:4" ht="18" customHeight="1" x14ac:dyDescent="0.15">
      <c r="A55" s="8">
        <v>41</v>
      </c>
      <c r="B55" s="21">
        <v>240</v>
      </c>
      <c r="C55" s="6">
        <v>263</v>
      </c>
      <c r="D55" s="5">
        <v>503</v>
      </c>
    </row>
    <row r="56" spans="1:4" ht="18" customHeight="1" x14ac:dyDescent="0.15">
      <c r="A56" s="8">
        <v>42</v>
      </c>
      <c r="B56" s="21">
        <v>258</v>
      </c>
      <c r="C56" s="6">
        <v>242</v>
      </c>
      <c r="D56" s="5">
        <v>500</v>
      </c>
    </row>
    <row r="57" spans="1:4" ht="18" customHeight="1" x14ac:dyDescent="0.15">
      <c r="A57" s="8">
        <v>43</v>
      </c>
      <c r="B57" s="21">
        <v>246</v>
      </c>
      <c r="C57" s="6">
        <v>245</v>
      </c>
      <c r="D57" s="5">
        <v>491</v>
      </c>
    </row>
    <row r="58" spans="1:4" ht="18" customHeight="1" x14ac:dyDescent="0.15">
      <c r="A58" s="8">
        <v>44</v>
      </c>
      <c r="B58" s="21">
        <v>265</v>
      </c>
      <c r="C58" s="6">
        <v>251</v>
      </c>
      <c r="D58" s="5">
        <v>516</v>
      </c>
    </row>
    <row r="59" spans="1:4" ht="18" customHeight="1" x14ac:dyDescent="0.15">
      <c r="A59" s="8" t="s">
        <v>16</v>
      </c>
      <c r="B59" s="21">
        <v>1256</v>
      </c>
      <c r="C59" s="6">
        <v>1240</v>
      </c>
      <c r="D59" s="5">
        <v>2496</v>
      </c>
    </row>
    <row r="60" spans="1:4" ht="18" customHeight="1" x14ac:dyDescent="0.15">
      <c r="A60" s="8">
        <v>45</v>
      </c>
      <c r="B60" s="21">
        <v>288</v>
      </c>
      <c r="C60" s="6">
        <v>272</v>
      </c>
      <c r="D60" s="5">
        <v>560</v>
      </c>
    </row>
    <row r="61" spans="1:4" ht="18" customHeight="1" x14ac:dyDescent="0.15">
      <c r="A61" s="8">
        <v>46</v>
      </c>
      <c r="B61" s="21">
        <v>268</v>
      </c>
      <c r="C61" s="6">
        <v>282</v>
      </c>
      <c r="D61" s="5">
        <v>550</v>
      </c>
    </row>
    <row r="62" spans="1:4" ht="18" customHeight="1" x14ac:dyDescent="0.15">
      <c r="A62" s="8">
        <v>47</v>
      </c>
      <c r="B62" s="21">
        <v>362</v>
      </c>
      <c r="C62" s="6">
        <v>299</v>
      </c>
      <c r="D62" s="5">
        <v>661</v>
      </c>
    </row>
    <row r="63" spans="1:4" ht="18" customHeight="1" x14ac:dyDescent="0.15">
      <c r="A63" s="8">
        <v>48</v>
      </c>
      <c r="B63" s="21">
        <v>337</v>
      </c>
      <c r="C63" s="6">
        <v>332</v>
      </c>
      <c r="D63" s="5">
        <v>669</v>
      </c>
    </row>
    <row r="64" spans="1:4" ht="18" customHeight="1" x14ac:dyDescent="0.15">
      <c r="A64" s="8">
        <v>49</v>
      </c>
      <c r="B64" s="21">
        <v>351</v>
      </c>
      <c r="C64" s="6">
        <v>338</v>
      </c>
      <c r="D64" s="5">
        <v>689</v>
      </c>
    </row>
    <row r="65" spans="1:4" ht="18" customHeight="1" x14ac:dyDescent="0.15">
      <c r="A65" s="8" t="s">
        <v>15</v>
      </c>
      <c r="B65" s="21">
        <v>1606</v>
      </c>
      <c r="C65" s="6">
        <v>1523</v>
      </c>
      <c r="D65" s="5">
        <v>3129</v>
      </c>
    </row>
    <row r="66" spans="1:4" ht="18" customHeight="1" x14ac:dyDescent="0.15">
      <c r="A66" s="8">
        <v>50</v>
      </c>
      <c r="B66" s="21">
        <v>343</v>
      </c>
      <c r="C66" s="6">
        <v>330</v>
      </c>
      <c r="D66" s="5">
        <v>673</v>
      </c>
    </row>
    <row r="67" spans="1:4" ht="18" customHeight="1" x14ac:dyDescent="0.15">
      <c r="A67" s="8">
        <v>51</v>
      </c>
      <c r="B67" s="21">
        <v>352</v>
      </c>
      <c r="C67" s="6">
        <v>358</v>
      </c>
      <c r="D67" s="5">
        <v>710</v>
      </c>
    </row>
    <row r="68" spans="1:4" ht="18" customHeight="1" x14ac:dyDescent="0.15">
      <c r="A68" s="8">
        <v>52</v>
      </c>
      <c r="B68" s="21">
        <v>377</v>
      </c>
      <c r="C68" s="6">
        <v>364</v>
      </c>
      <c r="D68" s="5">
        <v>741</v>
      </c>
    </row>
    <row r="69" spans="1:4" ht="18" customHeight="1" x14ac:dyDescent="0.15">
      <c r="A69" s="8">
        <v>53</v>
      </c>
      <c r="B69" s="21">
        <v>344</v>
      </c>
      <c r="C69" s="6">
        <v>332</v>
      </c>
      <c r="D69" s="5">
        <v>676</v>
      </c>
    </row>
    <row r="70" spans="1:4" ht="18" customHeight="1" x14ac:dyDescent="0.15">
      <c r="A70" s="8">
        <v>54</v>
      </c>
      <c r="B70" s="21">
        <v>311</v>
      </c>
      <c r="C70" s="6">
        <v>331</v>
      </c>
      <c r="D70" s="5">
        <v>642</v>
      </c>
    </row>
    <row r="71" spans="1:4" ht="18" customHeight="1" x14ac:dyDescent="0.15">
      <c r="A71" s="8" t="s">
        <v>14</v>
      </c>
      <c r="B71" s="21">
        <v>1727</v>
      </c>
      <c r="C71" s="6">
        <v>1715</v>
      </c>
      <c r="D71" s="5">
        <v>3442</v>
      </c>
    </row>
    <row r="72" spans="1:4" ht="18" customHeight="1" x14ac:dyDescent="0.15">
      <c r="A72" s="8">
        <v>55</v>
      </c>
      <c r="B72" s="21">
        <v>306</v>
      </c>
      <c r="C72" s="6">
        <v>293</v>
      </c>
      <c r="D72" s="5">
        <v>599</v>
      </c>
    </row>
    <row r="73" spans="1:4" ht="18" customHeight="1" x14ac:dyDescent="0.15">
      <c r="A73" s="8">
        <v>56</v>
      </c>
      <c r="B73" s="21">
        <v>310</v>
      </c>
      <c r="C73" s="6">
        <v>280</v>
      </c>
      <c r="D73" s="5">
        <v>590</v>
      </c>
    </row>
    <row r="74" spans="1:4" ht="18" customHeight="1" x14ac:dyDescent="0.15">
      <c r="A74" s="8">
        <v>57</v>
      </c>
      <c r="B74" s="21">
        <v>293</v>
      </c>
      <c r="C74" s="6">
        <v>312</v>
      </c>
      <c r="D74" s="5">
        <v>605</v>
      </c>
    </row>
    <row r="75" spans="1:4" ht="18" customHeight="1" x14ac:dyDescent="0.15">
      <c r="A75" s="8">
        <v>58</v>
      </c>
      <c r="B75" s="21">
        <v>262</v>
      </c>
      <c r="C75" s="6">
        <v>276</v>
      </c>
      <c r="D75" s="5">
        <v>538</v>
      </c>
    </row>
    <row r="76" spans="1:4" ht="18" customHeight="1" x14ac:dyDescent="0.15">
      <c r="A76" s="8">
        <v>59</v>
      </c>
      <c r="B76" s="21">
        <v>191</v>
      </c>
      <c r="C76" s="6">
        <v>189</v>
      </c>
      <c r="D76" s="5">
        <v>380</v>
      </c>
    </row>
    <row r="77" spans="1:4" ht="18" customHeight="1" x14ac:dyDescent="0.15">
      <c r="A77" s="8" t="s">
        <v>13</v>
      </c>
      <c r="B77" s="21">
        <v>1362</v>
      </c>
      <c r="C77" s="6">
        <v>1350</v>
      </c>
      <c r="D77" s="5">
        <v>2712</v>
      </c>
    </row>
    <row r="78" spans="1:4" ht="18" customHeight="1" x14ac:dyDescent="0.15">
      <c r="A78" s="8">
        <v>60</v>
      </c>
      <c r="B78" s="21">
        <v>247</v>
      </c>
      <c r="C78" s="6">
        <v>295</v>
      </c>
      <c r="D78" s="5">
        <v>542</v>
      </c>
    </row>
    <row r="79" spans="1:4" ht="18" customHeight="1" x14ac:dyDescent="0.15">
      <c r="A79" s="8">
        <v>61</v>
      </c>
      <c r="B79" s="21">
        <v>250</v>
      </c>
      <c r="C79" s="6">
        <v>244</v>
      </c>
      <c r="D79" s="5">
        <v>494</v>
      </c>
    </row>
    <row r="80" spans="1:4" ht="18" customHeight="1" x14ac:dyDescent="0.15">
      <c r="A80" s="8">
        <v>62</v>
      </c>
      <c r="B80" s="21">
        <v>239</v>
      </c>
      <c r="C80" s="6">
        <v>268</v>
      </c>
      <c r="D80" s="5">
        <v>507</v>
      </c>
    </row>
    <row r="81" spans="1:4" ht="18" customHeight="1" x14ac:dyDescent="0.15">
      <c r="A81" s="8">
        <v>63</v>
      </c>
      <c r="B81" s="21">
        <v>236</v>
      </c>
      <c r="C81" s="6">
        <v>227</v>
      </c>
      <c r="D81" s="5">
        <v>463</v>
      </c>
    </row>
    <row r="82" spans="1:4" ht="18" customHeight="1" x14ac:dyDescent="0.15">
      <c r="A82" s="8">
        <v>64</v>
      </c>
      <c r="B82" s="21">
        <v>207</v>
      </c>
      <c r="C82" s="6">
        <v>242</v>
      </c>
      <c r="D82" s="5">
        <v>449</v>
      </c>
    </row>
    <row r="83" spans="1:4" ht="18" customHeight="1" x14ac:dyDescent="0.15">
      <c r="A83" s="8" t="s">
        <v>12</v>
      </c>
      <c r="B83" s="21">
        <v>1179</v>
      </c>
      <c r="C83" s="6">
        <v>1276</v>
      </c>
      <c r="D83" s="5">
        <v>2455</v>
      </c>
    </row>
    <row r="84" spans="1:4" ht="18" customHeight="1" x14ac:dyDescent="0.15">
      <c r="A84" s="8" t="s">
        <v>11</v>
      </c>
      <c r="B84" s="21">
        <v>12739</v>
      </c>
      <c r="C84" s="6">
        <v>12149</v>
      </c>
      <c r="D84" s="5">
        <v>24888</v>
      </c>
    </row>
    <row r="85" spans="1:4" ht="18" customHeight="1" x14ac:dyDescent="0.15">
      <c r="A85" s="8">
        <v>65</v>
      </c>
      <c r="B85" s="21">
        <v>210</v>
      </c>
      <c r="C85" s="6">
        <v>241</v>
      </c>
      <c r="D85" s="5">
        <v>451</v>
      </c>
    </row>
    <row r="86" spans="1:4" ht="18" customHeight="1" x14ac:dyDescent="0.15">
      <c r="A86" s="8">
        <v>66</v>
      </c>
      <c r="B86" s="21">
        <v>250</v>
      </c>
      <c r="C86" s="6">
        <v>211</v>
      </c>
      <c r="D86" s="5">
        <v>461</v>
      </c>
    </row>
    <row r="87" spans="1:4" ht="18" customHeight="1" x14ac:dyDescent="0.15">
      <c r="A87" s="8">
        <v>67</v>
      </c>
      <c r="B87" s="21">
        <v>193</v>
      </c>
      <c r="C87" s="6">
        <v>230</v>
      </c>
      <c r="D87" s="5">
        <v>423</v>
      </c>
    </row>
    <row r="88" spans="1:4" ht="18" customHeight="1" x14ac:dyDescent="0.15">
      <c r="A88" s="8">
        <v>68</v>
      </c>
      <c r="B88" s="21">
        <v>181</v>
      </c>
      <c r="C88" s="6">
        <v>222</v>
      </c>
      <c r="D88" s="5">
        <v>403</v>
      </c>
    </row>
    <row r="89" spans="1:4" ht="18" customHeight="1" x14ac:dyDescent="0.15">
      <c r="A89" s="8">
        <v>69</v>
      </c>
      <c r="B89" s="21">
        <v>232</v>
      </c>
      <c r="C89" s="6">
        <v>226</v>
      </c>
      <c r="D89" s="5">
        <v>458</v>
      </c>
    </row>
    <row r="90" spans="1:4" ht="18" customHeight="1" x14ac:dyDescent="0.15">
      <c r="A90" s="8" t="s">
        <v>10</v>
      </c>
      <c r="B90" s="21">
        <v>1066</v>
      </c>
      <c r="C90" s="6">
        <v>1130</v>
      </c>
      <c r="D90" s="5">
        <v>2196</v>
      </c>
    </row>
    <row r="91" spans="1:4" ht="18" customHeight="1" x14ac:dyDescent="0.15">
      <c r="A91" s="8">
        <v>70</v>
      </c>
      <c r="B91" s="21">
        <v>217</v>
      </c>
      <c r="C91" s="6">
        <v>258</v>
      </c>
      <c r="D91" s="5">
        <v>475</v>
      </c>
    </row>
    <row r="92" spans="1:4" ht="18" customHeight="1" x14ac:dyDescent="0.15">
      <c r="A92" s="8">
        <v>71</v>
      </c>
      <c r="B92" s="21">
        <v>212</v>
      </c>
      <c r="C92" s="6">
        <v>240</v>
      </c>
      <c r="D92" s="5">
        <v>452</v>
      </c>
    </row>
    <row r="93" spans="1:4" ht="18" customHeight="1" x14ac:dyDescent="0.15">
      <c r="A93" s="8">
        <v>72</v>
      </c>
      <c r="B93" s="21">
        <v>243</v>
      </c>
      <c r="C93" s="6">
        <v>256</v>
      </c>
      <c r="D93" s="5">
        <v>499</v>
      </c>
    </row>
    <row r="94" spans="1:4" ht="18" customHeight="1" x14ac:dyDescent="0.15">
      <c r="A94" s="8">
        <v>73</v>
      </c>
      <c r="B94" s="21">
        <v>244</v>
      </c>
      <c r="C94" s="6">
        <v>260</v>
      </c>
      <c r="D94" s="5">
        <v>504</v>
      </c>
    </row>
    <row r="95" spans="1:4" ht="18" customHeight="1" x14ac:dyDescent="0.15">
      <c r="A95" s="8">
        <v>74</v>
      </c>
      <c r="B95" s="21">
        <v>212</v>
      </c>
      <c r="C95" s="6">
        <v>269</v>
      </c>
      <c r="D95" s="5">
        <v>481</v>
      </c>
    </row>
    <row r="96" spans="1:4" ht="18" customHeight="1" x14ac:dyDescent="0.15">
      <c r="A96" s="8" t="s">
        <v>9</v>
      </c>
      <c r="B96" s="21">
        <v>1128</v>
      </c>
      <c r="C96" s="6">
        <v>1283</v>
      </c>
      <c r="D96" s="5">
        <v>2411</v>
      </c>
    </row>
    <row r="97" spans="1:4" ht="18" customHeight="1" x14ac:dyDescent="0.15">
      <c r="A97" s="8">
        <v>75</v>
      </c>
      <c r="B97" s="21">
        <v>241</v>
      </c>
      <c r="C97" s="6">
        <v>272</v>
      </c>
      <c r="D97" s="5">
        <v>513</v>
      </c>
    </row>
    <row r="98" spans="1:4" ht="18" customHeight="1" x14ac:dyDescent="0.15">
      <c r="A98" s="8">
        <v>76</v>
      </c>
      <c r="B98" s="21">
        <v>274</v>
      </c>
      <c r="C98" s="6">
        <v>294</v>
      </c>
      <c r="D98" s="5">
        <v>568</v>
      </c>
    </row>
    <row r="99" spans="1:4" ht="18" customHeight="1" x14ac:dyDescent="0.15">
      <c r="A99" s="8">
        <v>77</v>
      </c>
      <c r="B99" s="21">
        <v>287</v>
      </c>
      <c r="C99" s="6">
        <v>304</v>
      </c>
      <c r="D99" s="5">
        <v>591</v>
      </c>
    </row>
    <row r="100" spans="1:4" ht="18" customHeight="1" x14ac:dyDescent="0.15">
      <c r="A100" s="8">
        <v>78</v>
      </c>
      <c r="B100" s="21">
        <v>265</v>
      </c>
      <c r="C100" s="6">
        <v>333</v>
      </c>
      <c r="D100" s="5">
        <v>598</v>
      </c>
    </row>
    <row r="101" spans="1:4" ht="18" customHeight="1" x14ac:dyDescent="0.15">
      <c r="A101" s="8">
        <v>79</v>
      </c>
      <c r="B101" s="21">
        <v>139</v>
      </c>
      <c r="C101" s="6">
        <v>165</v>
      </c>
      <c r="D101" s="5">
        <v>304</v>
      </c>
    </row>
    <row r="102" spans="1:4" ht="18" customHeight="1" x14ac:dyDescent="0.15">
      <c r="A102" s="8" t="s">
        <v>8</v>
      </c>
      <c r="B102" s="21">
        <v>1206</v>
      </c>
      <c r="C102" s="6">
        <v>1368</v>
      </c>
      <c r="D102" s="5">
        <v>2574</v>
      </c>
    </row>
    <row r="103" spans="1:4" ht="18" customHeight="1" x14ac:dyDescent="0.15">
      <c r="A103" s="8">
        <v>80</v>
      </c>
      <c r="B103" s="21">
        <v>120</v>
      </c>
      <c r="C103" s="6">
        <v>131</v>
      </c>
      <c r="D103" s="5">
        <v>251</v>
      </c>
    </row>
    <row r="104" spans="1:4" ht="18" customHeight="1" x14ac:dyDescent="0.15">
      <c r="A104" s="8">
        <v>81</v>
      </c>
      <c r="B104" s="21">
        <v>150</v>
      </c>
      <c r="C104" s="6">
        <v>205</v>
      </c>
      <c r="D104" s="5">
        <v>355</v>
      </c>
    </row>
    <row r="105" spans="1:4" ht="18" customHeight="1" x14ac:dyDescent="0.15">
      <c r="A105" s="8">
        <v>82</v>
      </c>
      <c r="B105" s="21">
        <v>129</v>
      </c>
      <c r="C105" s="6">
        <v>185</v>
      </c>
      <c r="D105" s="5">
        <v>314</v>
      </c>
    </row>
    <row r="106" spans="1:4" ht="18" customHeight="1" x14ac:dyDescent="0.15">
      <c r="A106" s="8">
        <v>83</v>
      </c>
      <c r="B106" s="21">
        <v>137</v>
      </c>
      <c r="C106" s="6">
        <v>194</v>
      </c>
      <c r="D106" s="5">
        <v>331</v>
      </c>
    </row>
    <row r="107" spans="1:4" ht="18" customHeight="1" x14ac:dyDescent="0.15">
      <c r="A107" s="8">
        <v>84</v>
      </c>
      <c r="B107" s="21">
        <v>117</v>
      </c>
      <c r="C107" s="6">
        <v>176</v>
      </c>
      <c r="D107" s="5">
        <v>293</v>
      </c>
    </row>
    <row r="108" spans="1:4" ht="18" customHeight="1" x14ac:dyDescent="0.15">
      <c r="A108" s="8" t="s">
        <v>7</v>
      </c>
      <c r="B108" s="21">
        <v>653</v>
      </c>
      <c r="C108" s="6">
        <v>891</v>
      </c>
      <c r="D108" s="5">
        <v>1544</v>
      </c>
    </row>
    <row r="109" spans="1:4" ht="18" customHeight="1" x14ac:dyDescent="0.15">
      <c r="A109" s="8">
        <v>85</v>
      </c>
      <c r="B109" s="21">
        <v>97</v>
      </c>
      <c r="C109" s="6">
        <v>155</v>
      </c>
      <c r="D109" s="5">
        <v>252</v>
      </c>
    </row>
    <row r="110" spans="1:4" ht="18" customHeight="1" x14ac:dyDescent="0.15">
      <c r="A110" s="8">
        <v>86</v>
      </c>
      <c r="B110" s="21">
        <v>84</v>
      </c>
      <c r="C110" s="6">
        <v>134</v>
      </c>
      <c r="D110" s="5">
        <v>218</v>
      </c>
    </row>
    <row r="111" spans="1:4" ht="18" customHeight="1" x14ac:dyDescent="0.15">
      <c r="A111" s="8">
        <v>87</v>
      </c>
      <c r="B111" s="21">
        <v>81</v>
      </c>
      <c r="C111" s="6">
        <v>103</v>
      </c>
      <c r="D111" s="5">
        <v>184</v>
      </c>
    </row>
    <row r="112" spans="1:4" ht="18" customHeight="1" x14ac:dyDescent="0.15">
      <c r="A112" s="8">
        <v>88</v>
      </c>
      <c r="B112" s="21">
        <v>59</v>
      </c>
      <c r="C112" s="6">
        <v>111</v>
      </c>
      <c r="D112" s="5">
        <v>170</v>
      </c>
    </row>
    <row r="113" spans="1:4" ht="18" customHeight="1" x14ac:dyDescent="0.15">
      <c r="A113" s="8">
        <v>89</v>
      </c>
      <c r="B113" s="21">
        <v>75</v>
      </c>
      <c r="C113" s="6">
        <v>118</v>
      </c>
      <c r="D113" s="5">
        <v>193</v>
      </c>
    </row>
    <row r="114" spans="1:4" ht="18" customHeight="1" x14ac:dyDescent="0.15">
      <c r="A114" s="8" t="s">
        <v>6</v>
      </c>
      <c r="B114" s="21">
        <v>396</v>
      </c>
      <c r="C114" s="6">
        <v>621</v>
      </c>
      <c r="D114" s="5">
        <v>1017</v>
      </c>
    </row>
    <row r="115" spans="1:4" ht="18" customHeight="1" x14ac:dyDescent="0.15">
      <c r="A115" s="8">
        <v>90</v>
      </c>
      <c r="B115" s="21">
        <v>51</v>
      </c>
      <c r="C115" s="6">
        <v>111</v>
      </c>
      <c r="D115" s="5">
        <v>162</v>
      </c>
    </row>
    <row r="116" spans="1:4" ht="18" customHeight="1" x14ac:dyDescent="0.15">
      <c r="A116" s="8">
        <v>91</v>
      </c>
      <c r="B116" s="21">
        <v>34</v>
      </c>
      <c r="C116" s="6">
        <v>92</v>
      </c>
      <c r="D116" s="5">
        <v>126</v>
      </c>
    </row>
    <row r="117" spans="1:4" ht="18" customHeight="1" x14ac:dyDescent="0.15">
      <c r="A117" s="8">
        <v>92</v>
      </c>
      <c r="B117" s="21">
        <v>29</v>
      </c>
      <c r="C117" s="6">
        <v>117</v>
      </c>
      <c r="D117" s="5">
        <v>146</v>
      </c>
    </row>
    <row r="118" spans="1:4" ht="18" customHeight="1" x14ac:dyDescent="0.15">
      <c r="A118" s="8">
        <v>93</v>
      </c>
      <c r="B118" s="21">
        <v>13</v>
      </c>
      <c r="C118" s="6">
        <v>98</v>
      </c>
      <c r="D118" s="5">
        <v>111</v>
      </c>
    </row>
    <row r="119" spans="1:4" ht="18" customHeight="1" x14ac:dyDescent="0.15">
      <c r="A119" s="8">
        <v>94</v>
      </c>
      <c r="B119" s="21">
        <v>20</v>
      </c>
      <c r="C119" s="6">
        <v>60</v>
      </c>
      <c r="D119" s="5">
        <v>80</v>
      </c>
    </row>
    <row r="120" spans="1:4" ht="18" customHeight="1" x14ac:dyDescent="0.15">
      <c r="A120" s="8" t="s">
        <v>5</v>
      </c>
      <c r="B120" s="21">
        <v>147</v>
      </c>
      <c r="C120" s="6">
        <v>478</v>
      </c>
      <c r="D120" s="5">
        <v>625</v>
      </c>
    </row>
    <row r="121" spans="1:4" ht="18" customHeight="1" x14ac:dyDescent="0.15">
      <c r="A121" s="8">
        <v>95</v>
      </c>
      <c r="B121" s="21">
        <v>16</v>
      </c>
      <c r="C121" s="6">
        <v>56</v>
      </c>
      <c r="D121" s="5">
        <v>72</v>
      </c>
    </row>
    <row r="122" spans="1:4" ht="18" customHeight="1" x14ac:dyDescent="0.15">
      <c r="A122" s="8">
        <v>96</v>
      </c>
      <c r="B122" s="21">
        <v>14</v>
      </c>
      <c r="C122" s="6">
        <v>36</v>
      </c>
      <c r="D122" s="5">
        <v>50</v>
      </c>
    </row>
    <row r="123" spans="1:4" ht="18" customHeight="1" x14ac:dyDescent="0.15">
      <c r="A123" s="8">
        <v>97</v>
      </c>
      <c r="B123" s="21">
        <v>8</v>
      </c>
      <c r="C123" s="6">
        <v>27</v>
      </c>
      <c r="D123" s="5">
        <v>35</v>
      </c>
    </row>
    <row r="124" spans="1:4" ht="18" customHeight="1" x14ac:dyDescent="0.15">
      <c r="A124" s="8">
        <v>98</v>
      </c>
      <c r="B124" s="21">
        <v>6</v>
      </c>
      <c r="C124" s="6">
        <v>21</v>
      </c>
      <c r="D124" s="5">
        <v>27</v>
      </c>
    </row>
    <row r="125" spans="1:4" ht="18" customHeight="1" x14ac:dyDescent="0.15">
      <c r="A125" s="8">
        <v>99</v>
      </c>
      <c r="B125" s="21">
        <v>5</v>
      </c>
      <c r="C125" s="6">
        <v>13</v>
      </c>
      <c r="D125" s="5">
        <v>18</v>
      </c>
    </row>
    <row r="126" spans="1:4" ht="18" customHeight="1" x14ac:dyDescent="0.15">
      <c r="A126" s="8" t="s">
        <v>4</v>
      </c>
      <c r="B126" s="21">
        <v>49</v>
      </c>
      <c r="C126" s="6">
        <v>153</v>
      </c>
      <c r="D126" s="5">
        <v>202</v>
      </c>
    </row>
    <row r="127" spans="1:4" ht="18" customHeight="1" x14ac:dyDescent="0.15">
      <c r="A127" s="8">
        <v>100</v>
      </c>
      <c r="B127" s="21">
        <v>3</v>
      </c>
      <c r="C127" s="6">
        <v>9</v>
      </c>
      <c r="D127" s="5">
        <v>12</v>
      </c>
    </row>
    <row r="128" spans="1:4" ht="18" customHeight="1" x14ac:dyDescent="0.15">
      <c r="A128" s="9" t="s">
        <v>3</v>
      </c>
      <c r="B128" s="21">
        <v>1</v>
      </c>
      <c r="C128" s="6">
        <v>17</v>
      </c>
      <c r="D128" s="5">
        <v>18</v>
      </c>
    </row>
    <row r="129" spans="1:4" ht="18" customHeight="1" x14ac:dyDescent="0.15">
      <c r="A129" s="8" t="s">
        <v>2</v>
      </c>
      <c r="B129" s="21">
        <v>4</v>
      </c>
      <c r="C129" s="6">
        <v>26</v>
      </c>
      <c r="D129" s="5">
        <v>30</v>
      </c>
    </row>
    <row r="130" spans="1:4" ht="18" customHeight="1" x14ac:dyDescent="0.15">
      <c r="A130" s="8" t="s">
        <v>1</v>
      </c>
      <c r="B130" s="21">
        <v>4649</v>
      </c>
      <c r="C130" s="6">
        <v>5950</v>
      </c>
      <c r="D130" s="5">
        <v>10599</v>
      </c>
    </row>
    <row r="131" spans="1:4" ht="18" customHeight="1" x14ac:dyDescent="0.15">
      <c r="A131" s="4" t="s">
        <v>0</v>
      </c>
      <c r="B131" s="20">
        <v>19950</v>
      </c>
      <c r="C131" s="2">
        <v>20500</v>
      </c>
      <c r="D131" s="1">
        <v>4045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AD645A-CAE8-4514-B73E-2F80789F7EF0}">
  <sheetPr codeName="Sheet9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2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 t="s">
        <v>220</v>
      </c>
      <c r="C5" s="31" t="s">
        <v>220</v>
      </c>
      <c r="D5" s="30" t="s">
        <v>220</v>
      </c>
    </row>
    <row r="6" spans="1:4" ht="18" customHeight="1" x14ac:dyDescent="0.15">
      <c r="A6" s="8">
        <v>1</v>
      </c>
      <c r="B6" s="26" t="s">
        <v>220</v>
      </c>
      <c r="C6" s="6" t="s">
        <v>220</v>
      </c>
      <c r="D6" s="5" t="s">
        <v>220</v>
      </c>
    </row>
    <row r="7" spans="1:4" ht="18" customHeight="1" x14ac:dyDescent="0.15">
      <c r="A7" s="8">
        <v>2</v>
      </c>
      <c r="B7" s="26" t="s">
        <v>220</v>
      </c>
      <c r="C7" s="6" t="s">
        <v>220</v>
      </c>
      <c r="D7" s="5" t="s">
        <v>220</v>
      </c>
    </row>
    <row r="8" spans="1:4" ht="18" customHeight="1" x14ac:dyDescent="0.15">
      <c r="A8" s="8">
        <v>3</v>
      </c>
      <c r="B8" s="26" t="s">
        <v>220</v>
      </c>
      <c r="C8" s="6" t="s">
        <v>220</v>
      </c>
      <c r="D8" s="5" t="s">
        <v>220</v>
      </c>
    </row>
    <row r="9" spans="1:4" ht="18" customHeight="1" x14ac:dyDescent="0.15">
      <c r="A9" s="8">
        <v>4</v>
      </c>
      <c r="B9" s="29" t="s">
        <v>220</v>
      </c>
      <c r="C9" s="28" t="s">
        <v>220</v>
      </c>
      <c r="D9" s="27" t="s">
        <v>220</v>
      </c>
    </row>
    <row r="10" spans="1:4" ht="18" customHeight="1" x14ac:dyDescent="0.15">
      <c r="A10" s="8" t="s">
        <v>25</v>
      </c>
      <c r="B10" s="21" t="s">
        <v>220</v>
      </c>
      <c r="C10" s="6" t="s">
        <v>220</v>
      </c>
      <c r="D10" s="5" t="s">
        <v>220</v>
      </c>
    </row>
    <row r="11" spans="1:4" ht="18" customHeight="1" x14ac:dyDescent="0.15">
      <c r="A11" s="8">
        <v>5</v>
      </c>
      <c r="B11" s="26" t="s">
        <v>220</v>
      </c>
      <c r="C11" s="6" t="s">
        <v>220</v>
      </c>
      <c r="D11" s="5" t="s">
        <v>220</v>
      </c>
    </row>
    <row r="12" spans="1:4" ht="18" customHeight="1" x14ac:dyDescent="0.15">
      <c r="A12" s="8">
        <v>6</v>
      </c>
      <c r="B12" s="26" t="s">
        <v>220</v>
      </c>
      <c r="C12" s="6" t="s">
        <v>220</v>
      </c>
      <c r="D12" s="5" t="s">
        <v>220</v>
      </c>
    </row>
    <row r="13" spans="1:4" ht="18" customHeight="1" x14ac:dyDescent="0.15">
      <c r="A13" s="8">
        <v>7</v>
      </c>
      <c r="B13" s="26" t="s">
        <v>220</v>
      </c>
      <c r="C13" s="6" t="s">
        <v>220</v>
      </c>
      <c r="D13" s="5" t="s">
        <v>220</v>
      </c>
    </row>
    <row r="14" spans="1:4" ht="18" customHeight="1" x14ac:dyDescent="0.15">
      <c r="A14" s="8">
        <v>8</v>
      </c>
      <c r="B14" s="26" t="s">
        <v>220</v>
      </c>
      <c r="C14" s="6" t="s">
        <v>220</v>
      </c>
      <c r="D14" s="5" t="s">
        <v>220</v>
      </c>
    </row>
    <row r="15" spans="1:4" ht="18" customHeight="1" x14ac:dyDescent="0.15">
      <c r="A15" s="8">
        <v>9</v>
      </c>
      <c r="B15" s="26" t="s">
        <v>220</v>
      </c>
      <c r="C15" s="6" t="s">
        <v>220</v>
      </c>
      <c r="D15" s="5" t="s">
        <v>220</v>
      </c>
    </row>
    <row r="16" spans="1:4" ht="18" customHeight="1" x14ac:dyDescent="0.15">
      <c r="A16" s="8" t="s">
        <v>24</v>
      </c>
      <c r="B16" s="21" t="s">
        <v>220</v>
      </c>
      <c r="C16" s="6" t="s">
        <v>220</v>
      </c>
      <c r="D16" s="5" t="s">
        <v>220</v>
      </c>
    </row>
    <row r="17" spans="1:4" ht="18" customHeight="1" x14ac:dyDescent="0.15">
      <c r="A17" s="8">
        <v>10</v>
      </c>
      <c r="B17" s="21" t="s">
        <v>220</v>
      </c>
      <c r="C17" s="6" t="s">
        <v>220</v>
      </c>
      <c r="D17" s="5" t="s">
        <v>220</v>
      </c>
    </row>
    <row r="18" spans="1:4" ht="18" customHeight="1" x14ac:dyDescent="0.15">
      <c r="A18" s="8">
        <v>11</v>
      </c>
      <c r="B18" s="21" t="s">
        <v>220</v>
      </c>
      <c r="C18" s="6" t="s">
        <v>220</v>
      </c>
      <c r="D18" s="5" t="s">
        <v>220</v>
      </c>
    </row>
    <row r="19" spans="1:4" ht="18" customHeight="1" x14ac:dyDescent="0.15">
      <c r="A19" s="8">
        <v>12</v>
      </c>
      <c r="B19" s="21" t="s">
        <v>220</v>
      </c>
      <c r="C19" s="6" t="s">
        <v>220</v>
      </c>
      <c r="D19" s="5" t="s">
        <v>220</v>
      </c>
    </row>
    <row r="20" spans="1:4" ht="18" customHeight="1" x14ac:dyDescent="0.15">
      <c r="A20" s="8">
        <v>13</v>
      </c>
      <c r="B20" s="21" t="s">
        <v>220</v>
      </c>
      <c r="C20" s="6" t="s">
        <v>220</v>
      </c>
      <c r="D20" s="5" t="s">
        <v>220</v>
      </c>
    </row>
    <row r="21" spans="1:4" ht="18" customHeight="1" x14ac:dyDescent="0.15">
      <c r="A21" s="8">
        <v>14</v>
      </c>
      <c r="B21" s="21" t="s">
        <v>220</v>
      </c>
      <c r="C21" s="6" t="s">
        <v>220</v>
      </c>
      <c r="D21" s="5" t="s">
        <v>220</v>
      </c>
    </row>
    <row r="22" spans="1:4" ht="18" customHeight="1" x14ac:dyDescent="0.15">
      <c r="A22" s="8" t="s">
        <v>23</v>
      </c>
      <c r="B22" s="21" t="s">
        <v>220</v>
      </c>
      <c r="C22" s="6" t="s">
        <v>220</v>
      </c>
      <c r="D22" s="5" t="s">
        <v>220</v>
      </c>
    </row>
    <row r="23" spans="1:4" ht="18" customHeight="1" x14ac:dyDescent="0.15">
      <c r="A23" s="8" t="s">
        <v>22</v>
      </c>
      <c r="B23" s="21">
        <v>0</v>
      </c>
      <c r="C23" s="6">
        <v>0</v>
      </c>
      <c r="D23" s="5">
        <v>0</v>
      </c>
    </row>
    <row r="24" spans="1:4" ht="18" customHeight="1" x14ac:dyDescent="0.15">
      <c r="A24" s="8">
        <v>15</v>
      </c>
      <c r="B24" s="21" t="s">
        <v>220</v>
      </c>
      <c r="C24" s="6" t="s">
        <v>220</v>
      </c>
      <c r="D24" s="5" t="s">
        <v>220</v>
      </c>
    </row>
    <row r="25" spans="1:4" ht="18" customHeight="1" x14ac:dyDescent="0.15">
      <c r="A25" s="8">
        <v>16</v>
      </c>
      <c r="B25" s="21" t="s">
        <v>220</v>
      </c>
      <c r="C25" s="6" t="s">
        <v>220</v>
      </c>
      <c r="D25" s="5" t="s">
        <v>220</v>
      </c>
    </row>
    <row r="26" spans="1:4" ht="18" customHeight="1" x14ac:dyDescent="0.15">
      <c r="A26" s="8">
        <v>17</v>
      </c>
      <c r="B26" s="21" t="s">
        <v>220</v>
      </c>
      <c r="C26" s="6" t="s">
        <v>220</v>
      </c>
      <c r="D26" s="5" t="s">
        <v>220</v>
      </c>
    </row>
    <row r="27" spans="1:4" ht="18" customHeight="1" x14ac:dyDescent="0.15">
      <c r="A27" s="8">
        <v>18</v>
      </c>
      <c r="B27" s="21" t="s">
        <v>220</v>
      </c>
      <c r="C27" s="6" t="s">
        <v>220</v>
      </c>
      <c r="D27" s="5" t="s">
        <v>220</v>
      </c>
    </row>
    <row r="28" spans="1:4" ht="18" customHeight="1" x14ac:dyDescent="0.15">
      <c r="A28" s="8">
        <v>19</v>
      </c>
      <c r="B28" s="21" t="s">
        <v>220</v>
      </c>
      <c r="C28" s="6" t="s">
        <v>220</v>
      </c>
      <c r="D28" s="5" t="s">
        <v>220</v>
      </c>
    </row>
    <row r="29" spans="1:4" ht="18" customHeight="1" x14ac:dyDescent="0.15">
      <c r="A29" s="8" t="s">
        <v>21</v>
      </c>
      <c r="B29" s="21" t="s">
        <v>220</v>
      </c>
      <c r="C29" s="6" t="s">
        <v>220</v>
      </c>
      <c r="D29" s="5" t="s">
        <v>220</v>
      </c>
    </row>
    <row r="30" spans="1:4" ht="18" customHeight="1" x14ac:dyDescent="0.15">
      <c r="A30" s="8">
        <v>20</v>
      </c>
      <c r="B30" s="21" t="s">
        <v>220</v>
      </c>
      <c r="C30" s="6" t="s">
        <v>220</v>
      </c>
      <c r="D30" s="5" t="s">
        <v>220</v>
      </c>
    </row>
    <row r="31" spans="1:4" ht="18" customHeight="1" x14ac:dyDescent="0.15">
      <c r="A31" s="8">
        <v>21</v>
      </c>
      <c r="B31" s="21" t="s">
        <v>220</v>
      </c>
      <c r="C31" s="6" t="s">
        <v>220</v>
      </c>
      <c r="D31" s="5" t="s">
        <v>220</v>
      </c>
    </row>
    <row r="32" spans="1:4" ht="18" customHeight="1" x14ac:dyDescent="0.15">
      <c r="A32" s="8">
        <v>22</v>
      </c>
      <c r="B32" s="21" t="s">
        <v>220</v>
      </c>
      <c r="C32" s="6" t="s">
        <v>220</v>
      </c>
      <c r="D32" s="5" t="s">
        <v>220</v>
      </c>
    </row>
    <row r="33" spans="1:4" ht="18" customHeight="1" x14ac:dyDescent="0.15">
      <c r="A33" s="8">
        <v>23</v>
      </c>
      <c r="B33" s="21" t="s">
        <v>220</v>
      </c>
      <c r="C33" s="6" t="s">
        <v>220</v>
      </c>
      <c r="D33" s="5" t="s">
        <v>220</v>
      </c>
    </row>
    <row r="34" spans="1:4" ht="18" customHeight="1" x14ac:dyDescent="0.15">
      <c r="A34" s="8">
        <v>24</v>
      </c>
      <c r="B34" s="21" t="s">
        <v>220</v>
      </c>
      <c r="C34" s="6" t="s">
        <v>220</v>
      </c>
      <c r="D34" s="5" t="s">
        <v>220</v>
      </c>
    </row>
    <row r="35" spans="1:4" ht="18" customHeight="1" x14ac:dyDescent="0.15">
      <c r="A35" s="8" t="s">
        <v>20</v>
      </c>
      <c r="B35" s="21" t="s">
        <v>220</v>
      </c>
      <c r="C35" s="6" t="s">
        <v>220</v>
      </c>
      <c r="D35" s="5" t="s">
        <v>220</v>
      </c>
    </row>
    <row r="36" spans="1:4" ht="18" customHeight="1" x14ac:dyDescent="0.15">
      <c r="A36" s="8">
        <v>25</v>
      </c>
      <c r="B36" s="21" t="s">
        <v>220</v>
      </c>
      <c r="C36" s="6" t="s">
        <v>220</v>
      </c>
      <c r="D36" s="5" t="s">
        <v>220</v>
      </c>
    </row>
    <row r="37" spans="1:4" ht="18" customHeight="1" x14ac:dyDescent="0.15">
      <c r="A37" s="8">
        <v>26</v>
      </c>
      <c r="B37" s="21" t="s">
        <v>220</v>
      </c>
      <c r="C37" s="6" t="s">
        <v>220</v>
      </c>
      <c r="D37" s="5" t="s">
        <v>220</v>
      </c>
    </row>
    <row r="38" spans="1:4" ht="18" customHeight="1" x14ac:dyDescent="0.15">
      <c r="A38" s="8">
        <v>27</v>
      </c>
      <c r="B38" s="21" t="s">
        <v>220</v>
      </c>
      <c r="C38" s="6" t="s">
        <v>220</v>
      </c>
      <c r="D38" s="5" t="s">
        <v>220</v>
      </c>
    </row>
    <row r="39" spans="1:4" ht="18" customHeight="1" x14ac:dyDescent="0.15">
      <c r="A39" s="8">
        <v>28</v>
      </c>
      <c r="B39" s="21" t="s">
        <v>220</v>
      </c>
      <c r="C39" s="6" t="s">
        <v>220</v>
      </c>
      <c r="D39" s="5" t="s">
        <v>220</v>
      </c>
    </row>
    <row r="40" spans="1:4" ht="18" customHeight="1" x14ac:dyDescent="0.15">
      <c r="A40" s="8">
        <v>29</v>
      </c>
      <c r="B40" s="21" t="s">
        <v>220</v>
      </c>
      <c r="C40" s="6" t="s">
        <v>220</v>
      </c>
      <c r="D40" s="5" t="s">
        <v>220</v>
      </c>
    </row>
    <row r="41" spans="1:4" ht="18" customHeight="1" x14ac:dyDescent="0.15">
      <c r="A41" s="8" t="s">
        <v>19</v>
      </c>
      <c r="B41" s="21" t="s">
        <v>220</v>
      </c>
      <c r="C41" s="6" t="s">
        <v>220</v>
      </c>
      <c r="D41" s="5" t="s">
        <v>220</v>
      </c>
    </row>
    <row r="42" spans="1:4" ht="18" customHeight="1" x14ac:dyDescent="0.15">
      <c r="A42" s="8">
        <v>30</v>
      </c>
      <c r="B42" s="21" t="s">
        <v>220</v>
      </c>
      <c r="C42" s="6" t="s">
        <v>220</v>
      </c>
      <c r="D42" s="5" t="s">
        <v>220</v>
      </c>
    </row>
    <row r="43" spans="1:4" ht="18" customHeight="1" x14ac:dyDescent="0.15">
      <c r="A43" s="8">
        <v>31</v>
      </c>
      <c r="B43" s="21" t="s">
        <v>220</v>
      </c>
      <c r="C43" s="6" t="s">
        <v>220</v>
      </c>
      <c r="D43" s="5" t="s">
        <v>220</v>
      </c>
    </row>
    <row r="44" spans="1:4" ht="18" customHeight="1" x14ac:dyDescent="0.15">
      <c r="A44" s="8">
        <v>32</v>
      </c>
      <c r="B44" s="21" t="s">
        <v>220</v>
      </c>
      <c r="C44" s="6" t="s">
        <v>220</v>
      </c>
      <c r="D44" s="5" t="s">
        <v>220</v>
      </c>
    </row>
    <row r="45" spans="1:4" ht="18" customHeight="1" x14ac:dyDescent="0.15">
      <c r="A45" s="8">
        <v>33</v>
      </c>
      <c r="B45" s="21" t="s">
        <v>220</v>
      </c>
      <c r="C45" s="6" t="s">
        <v>220</v>
      </c>
      <c r="D45" s="5" t="s">
        <v>220</v>
      </c>
    </row>
    <row r="46" spans="1:4" ht="18" customHeight="1" x14ac:dyDescent="0.15">
      <c r="A46" s="8">
        <v>34</v>
      </c>
      <c r="B46" s="21" t="s">
        <v>220</v>
      </c>
      <c r="C46" s="6" t="s">
        <v>220</v>
      </c>
      <c r="D46" s="5" t="s">
        <v>220</v>
      </c>
    </row>
    <row r="47" spans="1:4" ht="18" customHeight="1" x14ac:dyDescent="0.15">
      <c r="A47" s="8" t="s">
        <v>18</v>
      </c>
      <c r="B47" s="21" t="s">
        <v>220</v>
      </c>
      <c r="C47" s="6" t="s">
        <v>220</v>
      </c>
      <c r="D47" s="5" t="s">
        <v>220</v>
      </c>
    </row>
    <row r="48" spans="1:4" ht="18" customHeight="1" x14ac:dyDescent="0.15">
      <c r="A48" s="8">
        <v>35</v>
      </c>
      <c r="B48" s="21" t="s">
        <v>220</v>
      </c>
      <c r="C48" s="6" t="s">
        <v>220</v>
      </c>
      <c r="D48" s="5" t="s">
        <v>220</v>
      </c>
    </row>
    <row r="49" spans="1:4" ht="18" customHeight="1" x14ac:dyDescent="0.15">
      <c r="A49" s="8">
        <v>36</v>
      </c>
      <c r="B49" s="21" t="s">
        <v>220</v>
      </c>
      <c r="C49" s="6" t="s">
        <v>220</v>
      </c>
      <c r="D49" s="5" t="s">
        <v>220</v>
      </c>
    </row>
    <row r="50" spans="1:4" ht="18" customHeight="1" x14ac:dyDescent="0.15">
      <c r="A50" s="8">
        <v>37</v>
      </c>
      <c r="B50" s="21" t="s">
        <v>220</v>
      </c>
      <c r="C50" s="6" t="s">
        <v>220</v>
      </c>
      <c r="D50" s="5" t="s">
        <v>220</v>
      </c>
    </row>
    <row r="51" spans="1:4" ht="18" customHeight="1" x14ac:dyDescent="0.15">
      <c r="A51" s="8">
        <v>38</v>
      </c>
      <c r="B51" s="21" t="s">
        <v>220</v>
      </c>
      <c r="C51" s="6" t="s">
        <v>220</v>
      </c>
      <c r="D51" s="5" t="s">
        <v>220</v>
      </c>
    </row>
    <row r="52" spans="1:4" ht="18" customHeight="1" x14ac:dyDescent="0.15">
      <c r="A52" s="8">
        <v>39</v>
      </c>
      <c r="B52" s="21" t="s">
        <v>220</v>
      </c>
      <c r="C52" s="6" t="s">
        <v>220</v>
      </c>
      <c r="D52" s="5" t="s">
        <v>220</v>
      </c>
    </row>
    <row r="53" spans="1:4" ht="18" customHeight="1" x14ac:dyDescent="0.15">
      <c r="A53" s="8" t="s">
        <v>17</v>
      </c>
      <c r="B53" s="21" t="s">
        <v>220</v>
      </c>
      <c r="C53" s="6" t="s">
        <v>220</v>
      </c>
      <c r="D53" s="5" t="s">
        <v>220</v>
      </c>
    </row>
    <row r="54" spans="1:4" ht="18" customHeight="1" x14ac:dyDescent="0.15">
      <c r="A54" s="8">
        <v>40</v>
      </c>
      <c r="B54" s="21" t="s">
        <v>220</v>
      </c>
      <c r="C54" s="6" t="s">
        <v>220</v>
      </c>
      <c r="D54" s="5" t="s">
        <v>220</v>
      </c>
    </row>
    <row r="55" spans="1:4" ht="18" customHeight="1" x14ac:dyDescent="0.15">
      <c r="A55" s="8">
        <v>41</v>
      </c>
      <c r="B55" s="21" t="s">
        <v>220</v>
      </c>
      <c r="C55" s="6" t="s">
        <v>220</v>
      </c>
      <c r="D55" s="5" t="s">
        <v>220</v>
      </c>
    </row>
    <row r="56" spans="1:4" ht="18" customHeight="1" x14ac:dyDescent="0.15">
      <c r="A56" s="8">
        <v>42</v>
      </c>
      <c r="B56" s="21" t="s">
        <v>220</v>
      </c>
      <c r="C56" s="6" t="s">
        <v>220</v>
      </c>
      <c r="D56" s="5" t="s">
        <v>220</v>
      </c>
    </row>
    <row r="57" spans="1:4" ht="18" customHeight="1" x14ac:dyDescent="0.15">
      <c r="A57" s="8">
        <v>43</v>
      </c>
      <c r="B57" s="21" t="s">
        <v>220</v>
      </c>
      <c r="C57" s="6" t="s">
        <v>220</v>
      </c>
      <c r="D57" s="5" t="s">
        <v>220</v>
      </c>
    </row>
    <row r="58" spans="1:4" ht="18" customHeight="1" x14ac:dyDescent="0.15">
      <c r="A58" s="8">
        <v>44</v>
      </c>
      <c r="B58" s="21" t="s">
        <v>220</v>
      </c>
      <c r="C58" s="6" t="s">
        <v>220</v>
      </c>
      <c r="D58" s="5" t="s">
        <v>220</v>
      </c>
    </row>
    <row r="59" spans="1:4" ht="18" customHeight="1" x14ac:dyDescent="0.15">
      <c r="A59" s="8" t="s">
        <v>16</v>
      </c>
      <c r="B59" s="21" t="s">
        <v>220</v>
      </c>
      <c r="C59" s="6" t="s">
        <v>220</v>
      </c>
      <c r="D59" s="5" t="s">
        <v>220</v>
      </c>
    </row>
    <row r="60" spans="1:4" ht="18" customHeight="1" x14ac:dyDescent="0.15">
      <c r="A60" s="8">
        <v>45</v>
      </c>
      <c r="B60" s="21" t="s">
        <v>220</v>
      </c>
      <c r="C60" s="6" t="s">
        <v>220</v>
      </c>
      <c r="D60" s="5" t="s">
        <v>220</v>
      </c>
    </row>
    <row r="61" spans="1:4" ht="18" customHeight="1" x14ac:dyDescent="0.15">
      <c r="A61" s="8">
        <v>46</v>
      </c>
      <c r="B61" s="21" t="s">
        <v>220</v>
      </c>
      <c r="C61" s="6" t="s">
        <v>220</v>
      </c>
      <c r="D61" s="5" t="s">
        <v>220</v>
      </c>
    </row>
    <row r="62" spans="1:4" ht="18" customHeight="1" x14ac:dyDescent="0.15">
      <c r="A62" s="8">
        <v>47</v>
      </c>
      <c r="B62" s="21" t="s">
        <v>220</v>
      </c>
      <c r="C62" s="6" t="s">
        <v>220</v>
      </c>
      <c r="D62" s="5" t="s">
        <v>220</v>
      </c>
    </row>
    <row r="63" spans="1:4" ht="18" customHeight="1" x14ac:dyDescent="0.15">
      <c r="A63" s="8">
        <v>48</v>
      </c>
      <c r="B63" s="21" t="s">
        <v>220</v>
      </c>
      <c r="C63" s="6" t="s">
        <v>220</v>
      </c>
      <c r="D63" s="5" t="s">
        <v>220</v>
      </c>
    </row>
    <row r="64" spans="1:4" ht="18" customHeight="1" x14ac:dyDescent="0.15">
      <c r="A64" s="8">
        <v>49</v>
      </c>
      <c r="B64" s="21" t="s">
        <v>220</v>
      </c>
      <c r="C64" s="6" t="s">
        <v>220</v>
      </c>
      <c r="D64" s="5" t="s">
        <v>220</v>
      </c>
    </row>
    <row r="65" spans="1:4" ht="18" customHeight="1" x14ac:dyDescent="0.15">
      <c r="A65" s="8" t="s">
        <v>15</v>
      </c>
      <c r="B65" s="21" t="s">
        <v>220</v>
      </c>
      <c r="C65" s="6" t="s">
        <v>220</v>
      </c>
      <c r="D65" s="5" t="s">
        <v>220</v>
      </c>
    </row>
    <row r="66" spans="1:4" ht="18" customHeight="1" x14ac:dyDescent="0.15">
      <c r="A66" s="8">
        <v>50</v>
      </c>
      <c r="B66" s="21" t="s">
        <v>220</v>
      </c>
      <c r="C66" s="6" t="s">
        <v>220</v>
      </c>
      <c r="D66" s="5" t="s">
        <v>220</v>
      </c>
    </row>
    <row r="67" spans="1:4" ht="18" customHeight="1" x14ac:dyDescent="0.15">
      <c r="A67" s="8">
        <v>51</v>
      </c>
      <c r="B67" s="21" t="s">
        <v>220</v>
      </c>
      <c r="C67" s="6" t="s">
        <v>220</v>
      </c>
      <c r="D67" s="5" t="s">
        <v>220</v>
      </c>
    </row>
    <row r="68" spans="1:4" ht="18" customHeight="1" x14ac:dyDescent="0.15">
      <c r="A68" s="8">
        <v>52</v>
      </c>
      <c r="B68" s="21" t="s">
        <v>220</v>
      </c>
      <c r="C68" s="6" t="s">
        <v>220</v>
      </c>
      <c r="D68" s="5" t="s">
        <v>220</v>
      </c>
    </row>
    <row r="69" spans="1:4" ht="18" customHeight="1" x14ac:dyDescent="0.15">
      <c r="A69" s="8">
        <v>53</v>
      </c>
      <c r="B69" s="21" t="s">
        <v>220</v>
      </c>
      <c r="C69" s="6" t="s">
        <v>220</v>
      </c>
      <c r="D69" s="5" t="s">
        <v>220</v>
      </c>
    </row>
    <row r="70" spans="1:4" ht="18" customHeight="1" x14ac:dyDescent="0.15">
      <c r="A70" s="8">
        <v>54</v>
      </c>
      <c r="B70" s="21" t="s">
        <v>220</v>
      </c>
      <c r="C70" s="6" t="s">
        <v>220</v>
      </c>
      <c r="D70" s="5" t="s">
        <v>220</v>
      </c>
    </row>
    <row r="71" spans="1:4" ht="18" customHeight="1" x14ac:dyDescent="0.15">
      <c r="A71" s="8" t="s">
        <v>14</v>
      </c>
      <c r="B71" s="21" t="s">
        <v>220</v>
      </c>
      <c r="C71" s="6" t="s">
        <v>220</v>
      </c>
      <c r="D71" s="5" t="s">
        <v>220</v>
      </c>
    </row>
    <row r="72" spans="1:4" ht="18" customHeight="1" x14ac:dyDescent="0.15">
      <c r="A72" s="8">
        <v>55</v>
      </c>
      <c r="B72" s="21" t="s">
        <v>220</v>
      </c>
      <c r="C72" s="6" t="s">
        <v>220</v>
      </c>
      <c r="D72" s="5" t="s">
        <v>220</v>
      </c>
    </row>
    <row r="73" spans="1:4" ht="18" customHeight="1" x14ac:dyDescent="0.15">
      <c r="A73" s="8">
        <v>56</v>
      </c>
      <c r="B73" s="21" t="s">
        <v>220</v>
      </c>
      <c r="C73" s="6" t="s">
        <v>220</v>
      </c>
      <c r="D73" s="5" t="s">
        <v>220</v>
      </c>
    </row>
    <row r="74" spans="1:4" ht="18" customHeight="1" x14ac:dyDescent="0.15">
      <c r="A74" s="8">
        <v>57</v>
      </c>
      <c r="B74" s="21" t="s">
        <v>220</v>
      </c>
      <c r="C74" s="6" t="s">
        <v>220</v>
      </c>
      <c r="D74" s="5" t="s">
        <v>220</v>
      </c>
    </row>
    <row r="75" spans="1:4" ht="18" customHeight="1" x14ac:dyDescent="0.15">
      <c r="A75" s="8">
        <v>58</v>
      </c>
      <c r="B75" s="21" t="s">
        <v>220</v>
      </c>
      <c r="C75" s="6" t="s">
        <v>220</v>
      </c>
      <c r="D75" s="5" t="s">
        <v>220</v>
      </c>
    </row>
    <row r="76" spans="1:4" ht="18" customHeight="1" x14ac:dyDescent="0.15">
      <c r="A76" s="8">
        <v>59</v>
      </c>
      <c r="B76" s="21" t="s">
        <v>220</v>
      </c>
      <c r="C76" s="6" t="s">
        <v>220</v>
      </c>
      <c r="D76" s="5" t="s">
        <v>220</v>
      </c>
    </row>
    <row r="77" spans="1:4" ht="18" customHeight="1" x14ac:dyDescent="0.15">
      <c r="A77" s="8" t="s">
        <v>13</v>
      </c>
      <c r="B77" s="21" t="s">
        <v>220</v>
      </c>
      <c r="C77" s="6" t="s">
        <v>220</v>
      </c>
      <c r="D77" s="5" t="s">
        <v>220</v>
      </c>
    </row>
    <row r="78" spans="1:4" ht="18" customHeight="1" x14ac:dyDescent="0.15">
      <c r="A78" s="8">
        <v>60</v>
      </c>
      <c r="B78" s="21" t="s">
        <v>220</v>
      </c>
      <c r="C78" s="6" t="s">
        <v>220</v>
      </c>
      <c r="D78" s="5" t="s">
        <v>220</v>
      </c>
    </row>
    <row r="79" spans="1:4" ht="18" customHeight="1" x14ac:dyDescent="0.15">
      <c r="A79" s="8">
        <v>61</v>
      </c>
      <c r="B79" s="21" t="s">
        <v>220</v>
      </c>
      <c r="C79" s="6" t="s">
        <v>220</v>
      </c>
      <c r="D79" s="5" t="s">
        <v>220</v>
      </c>
    </row>
    <row r="80" spans="1:4" ht="18" customHeight="1" x14ac:dyDescent="0.15">
      <c r="A80" s="8">
        <v>62</v>
      </c>
      <c r="B80" s="21" t="s">
        <v>220</v>
      </c>
      <c r="C80" s="6" t="s">
        <v>220</v>
      </c>
      <c r="D80" s="5" t="s">
        <v>220</v>
      </c>
    </row>
    <row r="81" spans="1:4" ht="18" customHeight="1" x14ac:dyDescent="0.15">
      <c r="A81" s="8">
        <v>63</v>
      </c>
      <c r="B81" s="21" t="s">
        <v>220</v>
      </c>
      <c r="C81" s="6" t="s">
        <v>220</v>
      </c>
      <c r="D81" s="5" t="s">
        <v>220</v>
      </c>
    </row>
    <row r="82" spans="1:4" ht="18" customHeight="1" x14ac:dyDescent="0.15">
      <c r="A82" s="8">
        <v>64</v>
      </c>
      <c r="B82" s="21" t="s">
        <v>220</v>
      </c>
      <c r="C82" s="6" t="s">
        <v>220</v>
      </c>
      <c r="D82" s="5" t="s">
        <v>220</v>
      </c>
    </row>
    <row r="83" spans="1:4" ht="18" customHeight="1" x14ac:dyDescent="0.15">
      <c r="A83" s="8" t="s">
        <v>12</v>
      </c>
      <c r="B83" s="21" t="s">
        <v>220</v>
      </c>
      <c r="C83" s="6" t="s">
        <v>220</v>
      </c>
      <c r="D83" s="5" t="s">
        <v>220</v>
      </c>
    </row>
    <row r="84" spans="1:4" ht="18" customHeight="1" x14ac:dyDescent="0.15">
      <c r="A84" s="8" t="s">
        <v>11</v>
      </c>
      <c r="B84" s="21">
        <v>2</v>
      </c>
      <c r="C84" s="6">
        <v>3</v>
      </c>
      <c r="D84" s="5">
        <v>5</v>
      </c>
    </row>
    <row r="85" spans="1:4" ht="18" customHeight="1" x14ac:dyDescent="0.15">
      <c r="A85" s="8">
        <v>65</v>
      </c>
      <c r="B85" s="21" t="s">
        <v>220</v>
      </c>
      <c r="C85" s="6" t="s">
        <v>220</v>
      </c>
      <c r="D85" s="5" t="s">
        <v>220</v>
      </c>
    </row>
    <row r="86" spans="1:4" ht="18" customHeight="1" x14ac:dyDescent="0.15">
      <c r="A86" s="8">
        <v>66</v>
      </c>
      <c r="B86" s="21" t="s">
        <v>220</v>
      </c>
      <c r="C86" s="6" t="s">
        <v>220</v>
      </c>
      <c r="D86" s="5" t="s">
        <v>220</v>
      </c>
    </row>
    <row r="87" spans="1:4" ht="18" customHeight="1" x14ac:dyDescent="0.15">
      <c r="A87" s="8">
        <v>67</v>
      </c>
      <c r="B87" s="21" t="s">
        <v>220</v>
      </c>
      <c r="C87" s="6" t="s">
        <v>220</v>
      </c>
      <c r="D87" s="5" t="s">
        <v>220</v>
      </c>
    </row>
    <row r="88" spans="1:4" ht="18" customHeight="1" x14ac:dyDescent="0.15">
      <c r="A88" s="8">
        <v>68</v>
      </c>
      <c r="B88" s="21" t="s">
        <v>220</v>
      </c>
      <c r="C88" s="6" t="s">
        <v>220</v>
      </c>
      <c r="D88" s="5" t="s">
        <v>220</v>
      </c>
    </row>
    <row r="89" spans="1:4" ht="18" customHeight="1" x14ac:dyDescent="0.15">
      <c r="A89" s="8">
        <v>69</v>
      </c>
      <c r="B89" s="21" t="s">
        <v>220</v>
      </c>
      <c r="C89" s="6" t="s">
        <v>220</v>
      </c>
      <c r="D89" s="5" t="s">
        <v>220</v>
      </c>
    </row>
    <row r="90" spans="1:4" ht="18" customHeight="1" x14ac:dyDescent="0.15">
      <c r="A90" s="8" t="s">
        <v>10</v>
      </c>
      <c r="B90" s="21" t="s">
        <v>220</v>
      </c>
      <c r="C90" s="6" t="s">
        <v>220</v>
      </c>
      <c r="D90" s="5" t="s">
        <v>220</v>
      </c>
    </row>
    <row r="91" spans="1:4" ht="18" customHeight="1" x14ac:dyDescent="0.15">
      <c r="A91" s="8">
        <v>70</v>
      </c>
      <c r="B91" s="21" t="s">
        <v>220</v>
      </c>
      <c r="C91" s="6" t="s">
        <v>220</v>
      </c>
      <c r="D91" s="5" t="s">
        <v>220</v>
      </c>
    </row>
    <row r="92" spans="1:4" ht="18" customHeight="1" x14ac:dyDescent="0.15">
      <c r="A92" s="8">
        <v>71</v>
      </c>
      <c r="B92" s="21" t="s">
        <v>220</v>
      </c>
      <c r="C92" s="6" t="s">
        <v>220</v>
      </c>
      <c r="D92" s="5" t="s">
        <v>220</v>
      </c>
    </row>
    <row r="93" spans="1:4" ht="18" customHeight="1" x14ac:dyDescent="0.15">
      <c r="A93" s="8">
        <v>72</v>
      </c>
      <c r="B93" s="21" t="s">
        <v>220</v>
      </c>
      <c r="C93" s="6" t="s">
        <v>220</v>
      </c>
      <c r="D93" s="5" t="s">
        <v>220</v>
      </c>
    </row>
    <row r="94" spans="1:4" ht="18" customHeight="1" x14ac:dyDescent="0.15">
      <c r="A94" s="8">
        <v>73</v>
      </c>
      <c r="B94" s="21" t="s">
        <v>220</v>
      </c>
      <c r="C94" s="6" t="s">
        <v>220</v>
      </c>
      <c r="D94" s="5" t="s">
        <v>220</v>
      </c>
    </row>
    <row r="95" spans="1:4" ht="18" customHeight="1" x14ac:dyDescent="0.15">
      <c r="A95" s="8">
        <v>74</v>
      </c>
      <c r="B95" s="21" t="s">
        <v>220</v>
      </c>
      <c r="C95" s="6" t="s">
        <v>220</v>
      </c>
      <c r="D95" s="5" t="s">
        <v>220</v>
      </c>
    </row>
    <row r="96" spans="1:4" ht="18" customHeight="1" x14ac:dyDescent="0.15">
      <c r="A96" s="8" t="s">
        <v>9</v>
      </c>
      <c r="B96" s="21" t="s">
        <v>220</v>
      </c>
      <c r="C96" s="6" t="s">
        <v>220</v>
      </c>
      <c r="D96" s="5" t="s">
        <v>220</v>
      </c>
    </row>
    <row r="97" spans="1:4" ht="18" customHeight="1" x14ac:dyDescent="0.15">
      <c r="A97" s="8">
        <v>75</v>
      </c>
      <c r="B97" s="21" t="s">
        <v>220</v>
      </c>
      <c r="C97" s="6" t="s">
        <v>220</v>
      </c>
      <c r="D97" s="5" t="s">
        <v>220</v>
      </c>
    </row>
    <row r="98" spans="1:4" ht="18" customHeight="1" x14ac:dyDescent="0.15">
      <c r="A98" s="8">
        <v>76</v>
      </c>
      <c r="B98" s="21" t="s">
        <v>220</v>
      </c>
      <c r="C98" s="6" t="s">
        <v>220</v>
      </c>
      <c r="D98" s="5" t="s">
        <v>220</v>
      </c>
    </row>
    <row r="99" spans="1:4" ht="18" customHeight="1" x14ac:dyDescent="0.15">
      <c r="A99" s="8">
        <v>77</v>
      </c>
      <c r="B99" s="21" t="s">
        <v>220</v>
      </c>
      <c r="C99" s="6" t="s">
        <v>220</v>
      </c>
      <c r="D99" s="5" t="s">
        <v>220</v>
      </c>
    </row>
    <row r="100" spans="1:4" ht="18" customHeight="1" x14ac:dyDescent="0.15">
      <c r="A100" s="8">
        <v>78</v>
      </c>
      <c r="B100" s="21" t="s">
        <v>220</v>
      </c>
      <c r="C100" s="6" t="s">
        <v>220</v>
      </c>
      <c r="D100" s="5" t="s">
        <v>220</v>
      </c>
    </row>
    <row r="101" spans="1:4" ht="18" customHeight="1" x14ac:dyDescent="0.15">
      <c r="A101" s="8">
        <v>79</v>
      </c>
      <c r="B101" s="21" t="s">
        <v>220</v>
      </c>
      <c r="C101" s="6" t="s">
        <v>220</v>
      </c>
      <c r="D101" s="5" t="s">
        <v>220</v>
      </c>
    </row>
    <row r="102" spans="1:4" ht="18" customHeight="1" x14ac:dyDescent="0.15">
      <c r="A102" s="8" t="s">
        <v>8</v>
      </c>
      <c r="B102" s="21" t="s">
        <v>220</v>
      </c>
      <c r="C102" s="6" t="s">
        <v>220</v>
      </c>
      <c r="D102" s="5" t="s">
        <v>220</v>
      </c>
    </row>
    <row r="103" spans="1:4" ht="18" customHeight="1" x14ac:dyDescent="0.15">
      <c r="A103" s="8">
        <v>80</v>
      </c>
      <c r="B103" s="21" t="s">
        <v>220</v>
      </c>
      <c r="C103" s="6" t="s">
        <v>220</v>
      </c>
      <c r="D103" s="5" t="s">
        <v>220</v>
      </c>
    </row>
    <row r="104" spans="1:4" ht="18" customHeight="1" x14ac:dyDescent="0.15">
      <c r="A104" s="8">
        <v>81</v>
      </c>
      <c r="B104" s="21" t="s">
        <v>220</v>
      </c>
      <c r="C104" s="6" t="s">
        <v>220</v>
      </c>
      <c r="D104" s="5" t="s">
        <v>220</v>
      </c>
    </row>
    <row r="105" spans="1:4" ht="18" customHeight="1" x14ac:dyDescent="0.15">
      <c r="A105" s="8">
        <v>82</v>
      </c>
      <c r="B105" s="21" t="s">
        <v>220</v>
      </c>
      <c r="C105" s="6" t="s">
        <v>220</v>
      </c>
      <c r="D105" s="5" t="s">
        <v>220</v>
      </c>
    </row>
    <row r="106" spans="1:4" ht="18" customHeight="1" x14ac:dyDescent="0.15">
      <c r="A106" s="8">
        <v>83</v>
      </c>
      <c r="B106" s="21" t="s">
        <v>220</v>
      </c>
      <c r="C106" s="6" t="s">
        <v>220</v>
      </c>
      <c r="D106" s="5" t="s">
        <v>220</v>
      </c>
    </row>
    <row r="107" spans="1:4" ht="18" customHeight="1" x14ac:dyDescent="0.15">
      <c r="A107" s="8">
        <v>84</v>
      </c>
      <c r="B107" s="21" t="s">
        <v>220</v>
      </c>
      <c r="C107" s="6" t="s">
        <v>220</v>
      </c>
      <c r="D107" s="5" t="s">
        <v>220</v>
      </c>
    </row>
    <row r="108" spans="1:4" ht="18" customHeight="1" x14ac:dyDescent="0.15">
      <c r="A108" s="8" t="s">
        <v>7</v>
      </c>
      <c r="B108" s="21" t="s">
        <v>220</v>
      </c>
      <c r="C108" s="6" t="s">
        <v>220</v>
      </c>
      <c r="D108" s="5" t="s">
        <v>220</v>
      </c>
    </row>
    <row r="109" spans="1:4" ht="18" customHeight="1" x14ac:dyDescent="0.15">
      <c r="A109" s="8">
        <v>85</v>
      </c>
      <c r="B109" s="21" t="s">
        <v>220</v>
      </c>
      <c r="C109" s="6" t="s">
        <v>220</v>
      </c>
      <c r="D109" s="5" t="s">
        <v>220</v>
      </c>
    </row>
    <row r="110" spans="1:4" ht="18" customHeight="1" x14ac:dyDescent="0.15">
      <c r="A110" s="8">
        <v>86</v>
      </c>
      <c r="B110" s="21" t="s">
        <v>220</v>
      </c>
      <c r="C110" s="6" t="s">
        <v>220</v>
      </c>
      <c r="D110" s="5" t="s">
        <v>220</v>
      </c>
    </row>
    <row r="111" spans="1:4" ht="18" customHeight="1" x14ac:dyDescent="0.15">
      <c r="A111" s="8">
        <v>87</v>
      </c>
      <c r="B111" s="21" t="s">
        <v>220</v>
      </c>
      <c r="C111" s="6" t="s">
        <v>220</v>
      </c>
      <c r="D111" s="5" t="s">
        <v>220</v>
      </c>
    </row>
    <row r="112" spans="1:4" ht="18" customHeight="1" x14ac:dyDescent="0.15">
      <c r="A112" s="8">
        <v>88</v>
      </c>
      <c r="B112" s="21" t="s">
        <v>220</v>
      </c>
      <c r="C112" s="6" t="s">
        <v>220</v>
      </c>
      <c r="D112" s="5" t="s">
        <v>220</v>
      </c>
    </row>
    <row r="113" spans="1:4" ht="18" customHeight="1" x14ac:dyDescent="0.15">
      <c r="A113" s="8">
        <v>89</v>
      </c>
      <c r="B113" s="21" t="s">
        <v>220</v>
      </c>
      <c r="C113" s="6" t="s">
        <v>220</v>
      </c>
      <c r="D113" s="5" t="s">
        <v>220</v>
      </c>
    </row>
    <row r="114" spans="1:4" ht="18" customHeight="1" x14ac:dyDescent="0.15">
      <c r="A114" s="8" t="s">
        <v>6</v>
      </c>
      <c r="B114" s="21" t="s">
        <v>220</v>
      </c>
      <c r="C114" s="6" t="s">
        <v>220</v>
      </c>
      <c r="D114" s="5" t="s">
        <v>220</v>
      </c>
    </row>
    <row r="115" spans="1:4" ht="18" customHeight="1" x14ac:dyDescent="0.15">
      <c r="A115" s="8">
        <v>90</v>
      </c>
      <c r="B115" s="21" t="s">
        <v>220</v>
      </c>
      <c r="C115" s="6" t="s">
        <v>220</v>
      </c>
      <c r="D115" s="5" t="s">
        <v>220</v>
      </c>
    </row>
    <row r="116" spans="1:4" ht="18" customHeight="1" x14ac:dyDescent="0.15">
      <c r="A116" s="8">
        <v>91</v>
      </c>
      <c r="B116" s="21" t="s">
        <v>220</v>
      </c>
      <c r="C116" s="6" t="s">
        <v>220</v>
      </c>
      <c r="D116" s="5" t="s">
        <v>220</v>
      </c>
    </row>
    <row r="117" spans="1:4" ht="18" customHeight="1" x14ac:dyDescent="0.15">
      <c r="A117" s="8">
        <v>92</v>
      </c>
      <c r="B117" s="21" t="s">
        <v>220</v>
      </c>
      <c r="C117" s="6" t="s">
        <v>220</v>
      </c>
      <c r="D117" s="5" t="s">
        <v>220</v>
      </c>
    </row>
    <row r="118" spans="1:4" ht="18" customHeight="1" x14ac:dyDescent="0.15">
      <c r="A118" s="8">
        <v>93</v>
      </c>
      <c r="B118" s="21" t="s">
        <v>220</v>
      </c>
      <c r="C118" s="6" t="s">
        <v>220</v>
      </c>
      <c r="D118" s="5" t="s">
        <v>220</v>
      </c>
    </row>
    <row r="119" spans="1:4" ht="18" customHeight="1" x14ac:dyDescent="0.15">
      <c r="A119" s="8">
        <v>94</v>
      </c>
      <c r="B119" s="21" t="s">
        <v>220</v>
      </c>
      <c r="C119" s="6" t="s">
        <v>220</v>
      </c>
      <c r="D119" s="5" t="s">
        <v>220</v>
      </c>
    </row>
    <row r="120" spans="1:4" ht="18" customHeight="1" x14ac:dyDescent="0.15">
      <c r="A120" s="8" t="s">
        <v>5</v>
      </c>
      <c r="B120" s="21" t="s">
        <v>220</v>
      </c>
      <c r="C120" s="6" t="s">
        <v>220</v>
      </c>
      <c r="D120" s="5" t="s">
        <v>220</v>
      </c>
    </row>
    <row r="121" spans="1:4" ht="18" customHeight="1" x14ac:dyDescent="0.15">
      <c r="A121" s="8">
        <v>95</v>
      </c>
      <c r="B121" s="21" t="s">
        <v>220</v>
      </c>
      <c r="C121" s="6" t="s">
        <v>220</v>
      </c>
      <c r="D121" s="5" t="s">
        <v>220</v>
      </c>
    </row>
    <row r="122" spans="1:4" ht="18" customHeight="1" x14ac:dyDescent="0.15">
      <c r="A122" s="8">
        <v>96</v>
      </c>
      <c r="B122" s="21" t="s">
        <v>220</v>
      </c>
      <c r="C122" s="6" t="s">
        <v>220</v>
      </c>
      <c r="D122" s="5" t="s">
        <v>220</v>
      </c>
    </row>
    <row r="123" spans="1:4" ht="18" customHeight="1" x14ac:dyDescent="0.15">
      <c r="A123" s="8">
        <v>97</v>
      </c>
      <c r="B123" s="21" t="s">
        <v>220</v>
      </c>
      <c r="C123" s="6" t="s">
        <v>220</v>
      </c>
      <c r="D123" s="5" t="s">
        <v>220</v>
      </c>
    </row>
    <row r="124" spans="1:4" ht="18" customHeight="1" x14ac:dyDescent="0.15">
      <c r="A124" s="8">
        <v>98</v>
      </c>
      <c r="B124" s="21" t="s">
        <v>220</v>
      </c>
      <c r="C124" s="6" t="s">
        <v>220</v>
      </c>
      <c r="D124" s="5" t="s">
        <v>220</v>
      </c>
    </row>
    <row r="125" spans="1:4" ht="18" customHeight="1" x14ac:dyDescent="0.15">
      <c r="A125" s="8">
        <v>99</v>
      </c>
      <c r="B125" s="21" t="s">
        <v>220</v>
      </c>
      <c r="C125" s="6" t="s">
        <v>220</v>
      </c>
      <c r="D125" s="5" t="s">
        <v>220</v>
      </c>
    </row>
    <row r="126" spans="1:4" ht="18" customHeight="1" x14ac:dyDescent="0.15">
      <c r="A126" s="8" t="s">
        <v>4</v>
      </c>
      <c r="B126" s="21" t="s">
        <v>220</v>
      </c>
      <c r="C126" s="6" t="s">
        <v>220</v>
      </c>
      <c r="D126" s="5" t="s">
        <v>220</v>
      </c>
    </row>
    <row r="127" spans="1:4" ht="18" customHeight="1" x14ac:dyDescent="0.15">
      <c r="A127" s="8">
        <v>100</v>
      </c>
      <c r="B127" s="21" t="s">
        <v>220</v>
      </c>
      <c r="C127" s="6" t="s">
        <v>220</v>
      </c>
      <c r="D127" s="5" t="s">
        <v>220</v>
      </c>
    </row>
    <row r="128" spans="1:4" ht="18" customHeight="1" x14ac:dyDescent="0.15">
      <c r="A128" s="9" t="s">
        <v>3</v>
      </c>
      <c r="B128" s="21" t="s">
        <v>220</v>
      </c>
      <c r="C128" s="6" t="s">
        <v>220</v>
      </c>
      <c r="D128" s="5" t="s">
        <v>220</v>
      </c>
    </row>
    <row r="129" spans="1:4" ht="18" customHeight="1" x14ac:dyDescent="0.15">
      <c r="A129" s="8" t="s">
        <v>2</v>
      </c>
      <c r="B129" s="21" t="s">
        <v>220</v>
      </c>
      <c r="C129" s="6" t="s">
        <v>220</v>
      </c>
      <c r="D129" s="5" t="s">
        <v>220</v>
      </c>
    </row>
    <row r="130" spans="1:4" ht="18" customHeight="1" x14ac:dyDescent="0.15">
      <c r="A130" s="8" t="s">
        <v>1</v>
      </c>
      <c r="B130" s="21">
        <v>1</v>
      </c>
      <c r="C130" s="6">
        <v>4</v>
      </c>
      <c r="D130" s="5">
        <v>5</v>
      </c>
    </row>
    <row r="131" spans="1:4" ht="18" customHeight="1" x14ac:dyDescent="0.15">
      <c r="A131" s="4" t="s">
        <v>0</v>
      </c>
      <c r="B131" s="20">
        <v>3</v>
      </c>
      <c r="C131" s="2">
        <v>7</v>
      </c>
      <c r="D131" s="1">
        <v>10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96B5D0-C31F-4E76-8290-AB9E2D9D5265}">
  <sheetPr codeName="Sheet9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3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0</v>
      </c>
      <c r="D5" s="30">
        <v>1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1</v>
      </c>
      <c r="D7" s="5">
        <v>1</v>
      </c>
    </row>
    <row r="8" spans="1:4" ht="18" customHeight="1" x14ac:dyDescent="0.15">
      <c r="A8" s="8">
        <v>3</v>
      </c>
      <c r="B8" s="26">
        <v>2</v>
      </c>
      <c r="C8" s="6">
        <v>0</v>
      </c>
      <c r="D8" s="5">
        <v>2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3</v>
      </c>
      <c r="C10" s="6">
        <v>1</v>
      </c>
      <c r="D10" s="5">
        <v>4</v>
      </c>
    </row>
    <row r="11" spans="1:4" ht="18" customHeight="1" x14ac:dyDescent="0.15">
      <c r="A11" s="8">
        <v>5</v>
      </c>
      <c r="B11" s="26">
        <v>2</v>
      </c>
      <c r="C11" s="6">
        <v>2</v>
      </c>
      <c r="D11" s="5">
        <v>4</v>
      </c>
    </row>
    <row r="12" spans="1:4" ht="18" customHeight="1" x14ac:dyDescent="0.15">
      <c r="A12" s="8">
        <v>6</v>
      </c>
      <c r="B12" s="26">
        <v>0</v>
      </c>
      <c r="C12" s="6">
        <v>2</v>
      </c>
      <c r="D12" s="5">
        <v>2</v>
      </c>
    </row>
    <row r="13" spans="1:4" ht="18" customHeight="1" x14ac:dyDescent="0.15">
      <c r="A13" s="8">
        <v>7</v>
      </c>
      <c r="B13" s="26">
        <v>2</v>
      </c>
      <c r="C13" s="6">
        <v>3</v>
      </c>
      <c r="D13" s="5">
        <v>5</v>
      </c>
    </row>
    <row r="14" spans="1:4" ht="18" customHeight="1" x14ac:dyDescent="0.15">
      <c r="A14" s="8">
        <v>8</v>
      </c>
      <c r="B14" s="26">
        <v>5</v>
      </c>
      <c r="C14" s="6">
        <v>1</v>
      </c>
      <c r="D14" s="5">
        <v>6</v>
      </c>
    </row>
    <row r="15" spans="1:4" ht="18" customHeight="1" x14ac:dyDescent="0.15">
      <c r="A15" s="8">
        <v>9</v>
      </c>
      <c r="B15" s="26">
        <v>3</v>
      </c>
      <c r="C15" s="6">
        <v>2</v>
      </c>
      <c r="D15" s="5">
        <v>5</v>
      </c>
    </row>
    <row r="16" spans="1:4" ht="18" customHeight="1" x14ac:dyDescent="0.15">
      <c r="A16" s="8" t="s">
        <v>24</v>
      </c>
      <c r="B16" s="21">
        <v>12</v>
      </c>
      <c r="C16" s="6">
        <v>10</v>
      </c>
      <c r="D16" s="5">
        <v>22</v>
      </c>
    </row>
    <row r="17" spans="1:4" ht="18" customHeight="1" x14ac:dyDescent="0.15">
      <c r="A17" s="8">
        <v>10</v>
      </c>
      <c r="B17" s="21">
        <v>3</v>
      </c>
      <c r="C17" s="6">
        <v>4</v>
      </c>
      <c r="D17" s="5">
        <v>7</v>
      </c>
    </row>
    <row r="18" spans="1:4" ht="18" customHeight="1" x14ac:dyDescent="0.15">
      <c r="A18" s="8">
        <v>11</v>
      </c>
      <c r="B18" s="21">
        <v>6</v>
      </c>
      <c r="C18" s="6">
        <v>1</v>
      </c>
      <c r="D18" s="5">
        <v>7</v>
      </c>
    </row>
    <row r="19" spans="1:4" ht="18" customHeight="1" x14ac:dyDescent="0.15">
      <c r="A19" s="8">
        <v>12</v>
      </c>
      <c r="B19" s="21">
        <v>0</v>
      </c>
      <c r="C19" s="6">
        <v>2</v>
      </c>
      <c r="D19" s="5">
        <v>2</v>
      </c>
    </row>
    <row r="20" spans="1:4" ht="18" customHeight="1" x14ac:dyDescent="0.15">
      <c r="A20" s="8">
        <v>13</v>
      </c>
      <c r="B20" s="21">
        <v>3</v>
      </c>
      <c r="C20" s="6">
        <v>3</v>
      </c>
      <c r="D20" s="5">
        <v>6</v>
      </c>
    </row>
    <row r="21" spans="1:4" ht="18" customHeight="1" x14ac:dyDescent="0.15">
      <c r="A21" s="8">
        <v>14</v>
      </c>
      <c r="B21" s="21">
        <v>5</v>
      </c>
      <c r="C21" s="6">
        <v>2</v>
      </c>
      <c r="D21" s="5">
        <v>7</v>
      </c>
    </row>
    <row r="22" spans="1:4" ht="18" customHeight="1" x14ac:dyDescent="0.15">
      <c r="A22" s="8" t="s">
        <v>23</v>
      </c>
      <c r="B22" s="21">
        <v>17</v>
      </c>
      <c r="C22" s="6">
        <v>12</v>
      </c>
      <c r="D22" s="5">
        <v>29</v>
      </c>
    </row>
    <row r="23" spans="1:4" ht="18" customHeight="1" x14ac:dyDescent="0.15">
      <c r="A23" s="8" t="s">
        <v>22</v>
      </c>
      <c r="B23" s="21">
        <v>32</v>
      </c>
      <c r="C23" s="6">
        <v>23</v>
      </c>
      <c r="D23" s="5">
        <v>55</v>
      </c>
    </row>
    <row r="24" spans="1:4" ht="18" customHeight="1" x14ac:dyDescent="0.15">
      <c r="A24" s="8">
        <v>15</v>
      </c>
      <c r="B24" s="21">
        <v>6</v>
      </c>
      <c r="C24" s="6">
        <v>2</v>
      </c>
      <c r="D24" s="5">
        <v>8</v>
      </c>
    </row>
    <row r="25" spans="1:4" ht="18" customHeight="1" x14ac:dyDescent="0.15">
      <c r="A25" s="8">
        <v>16</v>
      </c>
      <c r="B25" s="21">
        <v>4</v>
      </c>
      <c r="C25" s="6">
        <v>2</v>
      </c>
      <c r="D25" s="5">
        <v>6</v>
      </c>
    </row>
    <row r="26" spans="1:4" ht="18" customHeight="1" x14ac:dyDescent="0.15">
      <c r="A26" s="8">
        <v>17</v>
      </c>
      <c r="B26" s="21">
        <v>3</v>
      </c>
      <c r="C26" s="6">
        <v>4</v>
      </c>
      <c r="D26" s="5">
        <v>7</v>
      </c>
    </row>
    <row r="27" spans="1:4" ht="18" customHeight="1" x14ac:dyDescent="0.15">
      <c r="A27" s="8">
        <v>18</v>
      </c>
      <c r="B27" s="21">
        <v>3</v>
      </c>
      <c r="C27" s="6">
        <v>0</v>
      </c>
      <c r="D27" s="5">
        <v>3</v>
      </c>
    </row>
    <row r="28" spans="1:4" ht="18" customHeight="1" x14ac:dyDescent="0.15">
      <c r="A28" s="8">
        <v>19</v>
      </c>
      <c r="B28" s="21">
        <v>6</v>
      </c>
      <c r="C28" s="6">
        <v>5</v>
      </c>
      <c r="D28" s="5">
        <v>11</v>
      </c>
    </row>
    <row r="29" spans="1:4" ht="18" customHeight="1" x14ac:dyDescent="0.15">
      <c r="A29" s="8" t="s">
        <v>21</v>
      </c>
      <c r="B29" s="21">
        <v>22</v>
      </c>
      <c r="C29" s="6">
        <v>13</v>
      </c>
      <c r="D29" s="5">
        <v>35</v>
      </c>
    </row>
    <row r="30" spans="1:4" ht="18" customHeight="1" x14ac:dyDescent="0.15">
      <c r="A30" s="8">
        <v>20</v>
      </c>
      <c r="B30" s="21">
        <v>5</v>
      </c>
      <c r="C30" s="6">
        <v>5</v>
      </c>
      <c r="D30" s="5">
        <v>10</v>
      </c>
    </row>
    <row r="31" spans="1:4" ht="18" customHeight="1" x14ac:dyDescent="0.15">
      <c r="A31" s="8">
        <v>21</v>
      </c>
      <c r="B31" s="21">
        <v>5</v>
      </c>
      <c r="C31" s="6">
        <v>2</v>
      </c>
      <c r="D31" s="5">
        <v>7</v>
      </c>
    </row>
    <row r="32" spans="1:4" ht="18" customHeight="1" x14ac:dyDescent="0.15">
      <c r="A32" s="8">
        <v>22</v>
      </c>
      <c r="B32" s="21">
        <v>4</v>
      </c>
      <c r="C32" s="6">
        <v>2</v>
      </c>
      <c r="D32" s="5">
        <v>6</v>
      </c>
    </row>
    <row r="33" spans="1:4" ht="18" customHeight="1" x14ac:dyDescent="0.15">
      <c r="A33" s="8">
        <v>23</v>
      </c>
      <c r="B33" s="21">
        <v>3</v>
      </c>
      <c r="C33" s="6">
        <v>4</v>
      </c>
      <c r="D33" s="5">
        <v>7</v>
      </c>
    </row>
    <row r="34" spans="1:4" ht="18" customHeight="1" x14ac:dyDescent="0.15">
      <c r="A34" s="8">
        <v>24</v>
      </c>
      <c r="B34" s="21">
        <v>4</v>
      </c>
      <c r="C34" s="6">
        <v>3</v>
      </c>
      <c r="D34" s="5">
        <v>7</v>
      </c>
    </row>
    <row r="35" spans="1:4" ht="18" customHeight="1" x14ac:dyDescent="0.15">
      <c r="A35" s="8" t="s">
        <v>20</v>
      </c>
      <c r="B35" s="21">
        <v>21</v>
      </c>
      <c r="C35" s="6">
        <v>16</v>
      </c>
      <c r="D35" s="5">
        <v>37</v>
      </c>
    </row>
    <row r="36" spans="1:4" ht="18" customHeight="1" x14ac:dyDescent="0.15">
      <c r="A36" s="8">
        <v>25</v>
      </c>
      <c r="B36" s="21">
        <v>1</v>
      </c>
      <c r="C36" s="6">
        <v>1</v>
      </c>
      <c r="D36" s="5">
        <v>2</v>
      </c>
    </row>
    <row r="37" spans="1:4" ht="18" customHeight="1" x14ac:dyDescent="0.15">
      <c r="A37" s="8">
        <v>26</v>
      </c>
      <c r="B37" s="21">
        <v>1</v>
      </c>
      <c r="C37" s="6">
        <v>1</v>
      </c>
      <c r="D37" s="5">
        <v>2</v>
      </c>
    </row>
    <row r="38" spans="1:4" ht="18" customHeight="1" x14ac:dyDescent="0.15">
      <c r="A38" s="8">
        <v>27</v>
      </c>
      <c r="B38" s="21">
        <v>3</v>
      </c>
      <c r="C38" s="6">
        <v>2</v>
      </c>
      <c r="D38" s="5">
        <v>5</v>
      </c>
    </row>
    <row r="39" spans="1:4" ht="18" customHeight="1" x14ac:dyDescent="0.15">
      <c r="A39" s="8">
        <v>28</v>
      </c>
      <c r="B39" s="21">
        <v>4</v>
      </c>
      <c r="C39" s="6">
        <v>1</v>
      </c>
      <c r="D39" s="5">
        <v>5</v>
      </c>
    </row>
    <row r="40" spans="1:4" ht="18" customHeight="1" x14ac:dyDescent="0.15">
      <c r="A40" s="8">
        <v>29</v>
      </c>
      <c r="B40" s="21">
        <v>5</v>
      </c>
      <c r="C40" s="6">
        <v>1</v>
      </c>
      <c r="D40" s="5">
        <v>6</v>
      </c>
    </row>
    <row r="41" spans="1:4" ht="18" customHeight="1" x14ac:dyDescent="0.15">
      <c r="A41" s="8" t="s">
        <v>19</v>
      </c>
      <c r="B41" s="21">
        <v>14</v>
      </c>
      <c r="C41" s="6">
        <v>6</v>
      </c>
      <c r="D41" s="5">
        <v>20</v>
      </c>
    </row>
    <row r="42" spans="1:4" ht="18" customHeight="1" x14ac:dyDescent="0.15">
      <c r="A42" s="8">
        <v>30</v>
      </c>
      <c r="B42" s="21">
        <v>2</v>
      </c>
      <c r="C42" s="6">
        <v>0</v>
      </c>
      <c r="D42" s="5">
        <v>2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2</v>
      </c>
      <c r="C44" s="6">
        <v>2</v>
      </c>
      <c r="D44" s="5">
        <v>4</v>
      </c>
    </row>
    <row r="45" spans="1:4" ht="18" customHeight="1" x14ac:dyDescent="0.15">
      <c r="A45" s="8">
        <v>33</v>
      </c>
      <c r="B45" s="21">
        <v>1</v>
      </c>
      <c r="C45" s="6">
        <v>2</v>
      </c>
      <c r="D45" s="5">
        <v>3</v>
      </c>
    </row>
    <row r="46" spans="1:4" ht="18" customHeight="1" x14ac:dyDescent="0.15">
      <c r="A46" s="8">
        <v>34</v>
      </c>
      <c r="B46" s="21">
        <v>1</v>
      </c>
      <c r="C46" s="6">
        <v>2</v>
      </c>
      <c r="D46" s="5">
        <v>3</v>
      </c>
    </row>
    <row r="47" spans="1:4" ht="18" customHeight="1" x14ac:dyDescent="0.15">
      <c r="A47" s="8" t="s">
        <v>18</v>
      </c>
      <c r="B47" s="21">
        <v>7</v>
      </c>
      <c r="C47" s="6">
        <v>6</v>
      </c>
      <c r="D47" s="5">
        <v>13</v>
      </c>
    </row>
    <row r="48" spans="1:4" ht="18" customHeight="1" x14ac:dyDescent="0.15">
      <c r="A48" s="8">
        <v>35</v>
      </c>
      <c r="B48" s="21">
        <v>3</v>
      </c>
      <c r="C48" s="6">
        <v>1</v>
      </c>
      <c r="D48" s="5">
        <v>4</v>
      </c>
    </row>
    <row r="49" spans="1:4" ht="18" customHeight="1" x14ac:dyDescent="0.15">
      <c r="A49" s="8">
        <v>36</v>
      </c>
      <c r="B49" s="21">
        <v>2</v>
      </c>
      <c r="C49" s="6">
        <v>4</v>
      </c>
      <c r="D49" s="5">
        <v>6</v>
      </c>
    </row>
    <row r="50" spans="1:4" ht="18" customHeight="1" x14ac:dyDescent="0.15">
      <c r="A50" s="8">
        <v>37</v>
      </c>
      <c r="B50" s="21">
        <v>4</v>
      </c>
      <c r="C50" s="6">
        <v>6</v>
      </c>
      <c r="D50" s="5">
        <v>10</v>
      </c>
    </row>
    <row r="51" spans="1:4" ht="18" customHeight="1" x14ac:dyDescent="0.15">
      <c r="A51" s="8">
        <v>38</v>
      </c>
      <c r="B51" s="21">
        <v>4</v>
      </c>
      <c r="C51" s="6">
        <v>4</v>
      </c>
      <c r="D51" s="5">
        <v>8</v>
      </c>
    </row>
    <row r="52" spans="1:4" ht="18" customHeight="1" x14ac:dyDescent="0.15">
      <c r="A52" s="8">
        <v>39</v>
      </c>
      <c r="B52" s="21">
        <v>3</v>
      </c>
      <c r="C52" s="6">
        <v>4</v>
      </c>
      <c r="D52" s="5">
        <v>7</v>
      </c>
    </row>
    <row r="53" spans="1:4" ht="18" customHeight="1" x14ac:dyDescent="0.15">
      <c r="A53" s="8" t="s">
        <v>17</v>
      </c>
      <c r="B53" s="21">
        <v>16</v>
      </c>
      <c r="C53" s="6">
        <v>19</v>
      </c>
      <c r="D53" s="5">
        <v>35</v>
      </c>
    </row>
    <row r="54" spans="1:4" ht="18" customHeight="1" x14ac:dyDescent="0.15">
      <c r="A54" s="8">
        <v>40</v>
      </c>
      <c r="B54" s="21">
        <v>5</v>
      </c>
      <c r="C54" s="6">
        <v>4</v>
      </c>
      <c r="D54" s="5">
        <v>9</v>
      </c>
    </row>
    <row r="55" spans="1:4" ht="18" customHeight="1" x14ac:dyDescent="0.15">
      <c r="A55" s="8">
        <v>41</v>
      </c>
      <c r="B55" s="21">
        <v>2</v>
      </c>
      <c r="C55" s="6">
        <v>3</v>
      </c>
      <c r="D55" s="5">
        <v>5</v>
      </c>
    </row>
    <row r="56" spans="1:4" ht="18" customHeight="1" x14ac:dyDescent="0.15">
      <c r="A56" s="8">
        <v>42</v>
      </c>
      <c r="B56" s="21">
        <v>3</v>
      </c>
      <c r="C56" s="6">
        <v>3</v>
      </c>
      <c r="D56" s="5">
        <v>6</v>
      </c>
    </row>
    <row r="57" spans="1:4" ht="18" customHeight="1" x14ac:dyDescent="0.15">
      <c r="A57" s="8">
        <v>43</v>
      </c>
      <c r="B57" s="21">
        <v>8</v>
      </c>
      <c r="C57" s="6">
        <v>3</v>
      </c>
      <c r="D57" s="5">
        <v>11</v>
      </c>
    </row>
    <row r="58" spans="1:4" ht="18" customHeight="1" x14ac:dyDescent="0.15">
      <c r="A58" s="8">
        <v>44</v>
      </c>
      <c r="B58" s="21">
        <v>4</v>
      </c>
      <c r="C58" s="6">
        <v>6</v>
      </c>
      <c r="D58" s="5">
        <v>10</v>
      </c>
    </row>
    <row r="59" spans="1:4" ht="18" customHeight="1" x14ac:dyDescent="0.15">
      <c r="A59" s="8" t="s">
        <v>16</v>
      </c>
      <c r="B59" s="21">
        <v>22</v>
      </c>
      <c r="C59" s="6">
        <v>19</v>
      </c>
      <c r="D59" s="5">
        <v>41</v>
      </c>
    </row>
    <row r="60" spans="1:4" ht="18" customHeight="1" x14ac:dyDescent="0.15">
      <c r="A60" s="8">
        <v>45</v>
      </c>
      <c r="B60" s="21">
        <v>5</v>
      </c>
      <c r="C60" s="6">
        <v>6</v>
      </c>
      <c r="D60" s="5">
        <v>11</v>
      </c>
    </row>
    <row r="61" spans="1:4" ht="18" customHeight="1" x14ac:dyDescent="0.15">
      <c r="A61" s="8">
        <v>46</v>
      </c>
      <c r="B61" s="21">
        <v>2</v>
      </c>
      <c r="C61" s="6">
        <v>2</v>
      </c>
      <c r="D61" s="5">
        <v>4</v>
      </c>
    </row>
    <row r="62" spans="1:4" ht="18" customHeight="1" x14ac:dyDescent="0.15">
      <c r="A62" s="8">
        <v>47</v>
      </c>
      <c r="B62" s="21">
        <v>4</v>
      </c>
      <c r="C62" s="6">
        <v>5</v>
      </c>
      <c r="D62" s="5">
        <v>9</v>
      </c>
    </row>
    <row r="63" spans="1:4" ht="18" customHeight="1" x14ac:dyDescent="0.15">
      <c r="A63" s="8">
        <v>48</v>
      </c>
      <c r="B63" s="21">
        <v>2</v>
      </c>
      <c r="C63" s="6">
        <v>2</v>
      </c>
      <c r="D63" s="5">
        <v>4</v>
      </c>
    </row>
    <row r="64" spans="1:4" ht="18" customHeight="1" x14ac:dyDescent="0.15">
      <c r="A64" s="8">
        <v>49</v>
      </c>
      <c r="B64" s="21">
        <v>5</v>
      </c>
      <c r="C64" s="6">
        <v>5</v>
      </c>
      <c r="D64" s="5">
        <v>10</v>
      </c>
    </row>
    <row r="65" spans="1:4" ht="18" customHeight="1" x14ac:dyDescent="0.15">
      <c r="A65" s="8" t="s">
        <v>15</v>
      </c>
      <c r="B65" s="21">
        <v>18</v>
      </c>
      <c r="C65" s="6">
        <v>20</v>
      </c>
      <c r="D65" s="5">
        <v>38</v>
      </c>
    </row>
    <row r="66" spans="1:4" ht="18" customHeight="1" x14ac:dyDescent="0.15">
      <c r="A66" s="8">
        <v>50</v>
      </c>
      <c r="B66" s="21">
        <v>2</v>
      </c>
      <c r="C66" s="6">
        <v>7</v>
      </c>
      <c r="D66" s="5">
        <v>9</v>
      </c>
    </row>
    <row r="67" spans="1:4" ht="18" customHeight="1" x14ac:dyDescent="0.15">
      <c r="A67" s="8">
        <v>51</v>
      </c>
      <c r="B67" s="21">
        <v>9</v>
      </c>
      <c r="C67" s="6">
        <v>4</v>
      </c>
      <c r="D67" s="5">
        <v>13</v>
      </c>
    </row>
    <row r="68" spans="1:4" ht="18" customHeight="1" x14ac:dyDescent="0.15">
      <c r="A68" s="8">
        <v>52</v>
      </c>
      <c r="B68" s="21">
        <v>7</v>
      </c>
      <c r="C68" s="6">
        <v>7</v>
      </c>
      <c r="D68" s="5">
        <v>14</v>
      </c>
    </row>
    <row r="69" spans="1:4" ht="18" customHeight="1" x14ac:dyDescent="0.15">
      <c r="A69" s="8">
        <v>53</v>
      </c>
      <c r="B69" s="21">
        <v>5</v>
      </c>
      <c r="C69" s="6">
        <v>4</v>
      </c>
      <c r="D69" s="5">
        <v>9</v>
      </c>
    </row>
    <row r="70" spans="1:4" ht="18" customHeight="1" x14ac:dyDescent="0.15">
      <c r="A70" s="8">
        <v>54</v>
      </c>
      <c r="B70" s="21">
        <v>5</v>
      </c>
      <c r="C70" s="6">
        <v>4</v>
      </c>
      <c r="D70" s="5">
        <v>9</v>
      </c>
    </row>
    <row r="71" spans="1:4" ht="18" customHeight="1" x14ac:dyDescent="0.15">
      <c r="A71" s="8" t="s">
        <v>14</v>
      </c>
      <c r="B71" s="21">
        <v>28</v>
      </c>
      <c r="C71" s="6">
        <v>26</v>
      </c>
      <c r="D71" s="5">
        <v>54</v>
      </c>
    </row>
    <row r="72" spans="1:4" ht="18" customHeight="1" x14ac:dyDescent="0.15">
      <c r="A72" s="8">
        <v>55</v>
      </c>
      <c r="B72" s="21">
        <v>4</v>
      </c>
      <c r="C72" s="6">
        <v>5</v>
      </c>
      <c r="D72" s="5">
        <v>9</v>
      </c>
    </row>
    <row r="73" spans="1:4" ht="18" customHeight="1" x14ac:dyDescent="0.15">
      <c r="A73" s="8">
        <v>56</v>
      </c>
      <c r="B73" s="21">
        <v>4</v>
      </c>
      <c r="C73" s="6">
        <v>6</v>
      </c>
      <c r="D73" s="5">
        <v>10</v>
      </c>
    </row>
    <row r="74" spans="1:4" ht="18" customHeight="1" x14ac:dyDescent="0.15">
      <c r="A74" s="8">
        <v>57</v>
      </c>
      <c r="B74" s="21">
        <v>1</v>
      </c>
      <c r="C74" s="6">
        <v>6</v>
      </c>
      <c r="D74" s="5">
        <v>7</v>
      </c>
    </row>
    <row r="75" spans="1:4" ht="18" customHeight="1" x14ac:dyDescent="0.15">
      <c r="A75" s="8">
        <v>58</v>
      </c>
      <c r="B75" s="21">
        <v>3</v>
      </c>
      <c r="C75" s="6">
        <v>10</v>
      </c>
      <c r="D75" s="5">
        <v>13</v>
      </c>
    </row>
    <row r="76" spans="1:4" ht="18" customHeight="1" x14ac:dyDescent="0.15">
      <c r="A76" s="8">
        <v>59</v>
      </c>
      <c r="B76" s="21">
        <v>5</v>
      </c>
      <c r="C76" s="6">
        <v>3</v>
      </c>
      <c r="D76" s="5">
        <v>8</v>
      </c>
    </row>
    <row r="77" spans="1:4" ht="18" customHeight="1" x14ac:dyDescent="0.15">
      <c r="A77" s="8" t="s">
        <v>13</v>
      </c>
      <c r="B77" s="21">
        <v>17</v>
      </c>
      <c r="C77" s="6">
        <v>30</v>
      </c>
      <c r="D77" s="5">
        <v>47</v>
      </c>
    </row>
    <row r="78" spans="1:4" ht="18" customHeight="1" x14ac:dyDescent="0.15">
      <c r="A78" s="8">
        <v>60</v>
      </c>
      <c r="B78" s="21">
        <v>4</v>
      </c>
      <c r="C78" s="6">
        <v>5</v>
      </c>
      <c r="D78" s="5">
        <v>9</v>
      </c>
    </row>
    <row r="79" spans="1:4" ht="18" customHeight="1" x14ac:dyDescent="0.15">
      <c r="A79" s="8">
        <v>61</v>
      </c>
      <c r="B79" s="21">
        <v>6</v>
      </c>
      <c r="C79" s="6">
        <v>4</v>
      </c>
      <c r="D79" s="5">
        <v>10</v>
      </c>
    </row>
    <row r="80" spans="1:4" ht="18" customHeight="1" x14ac:dyDescent="0.15">
      <c r="A80" s="8">
        <v>62</v>
      </c>
      <c r="B80" s="21">
        <v>8</v>
      </c>
      <c r="C80" s="6">
        <v>7</v>
      </c>
      <c r="D80" s="5">
        <v>15</v>
      </c>
    </row>
    <row r="81" spans="1:4" ht="18" customHeight="1" x14ac:dyDescent="0.15">
      <c r="A81" s="8">
        <v>63</v>
      </c>
      <c r="B81" s="21">
        <v>2</v>
      </c>
      <c r="C81" s="6">
        <v>4</v>
      </c>
      <c r="D81" s="5">
        <v>6</v>
      </c>
    </row>
    <row r="82" spans="1:4" ht="18" customHeight="1" x14ac:dyDescent="0.15">
      <c r="A82" s="8">
        <v>64</v>
      </c>
      <c r="B82" s="21">
        <v>3</v>
      </c>
      <c r="C82" s="6">
        <v>4</v>
      </c>
      <c r="D82" s="5">
        <v>7</v>
      </c>
    </row>
    <row r="83" spans="1:4" ht="18" customHeight="1" x14ac:dyDescent="0.15">
      <c r="A83" s="8" t="s">
        <v>12</v>
      </c>
      <c r="B83" s="21">
        <v>23</v>
      </c>
      <c r="C83" s="6">
        <v>24</v>
      </c>
      <c r="D83" s="5">
        <v>47</v>
      </c>
    </row>
    <row r="84" spans="1:4" ht="18" customHeight="1" x14ac:dyDescent="0.15">
      <c r="A84" s="8" t="s">
        <v>11</v>
      </c>
      <c r="B84" s="21">
        <v>188</v>
      </c>
      <c r="C84" s="6">
        <v>179</v>
      </c>
      <c r="D84" s="5">
        <v>367</v>
      </c>
    </row>
    <row r="85" spans="1:4" ht="18" customHeight="1" x14ac:dyDescent="0.15">
      <c r="A85" s="8">
        <v>65</v>
      </c>
      <c r="B85" s="21">
        <v>4</v>
      </c>
      <c r="C85" s="6">
        <v>5</v>
      </c>
      <c r="D85" s="5">
        <v>9</v>
      </c>
    </row>
    <row r="86" spans="1:4" ht="18" customHeight="1" x14ac:dyDescent="0.15">
      <c r="A86" s="8">
        <v>66</v>
      </c>
      <c r="B86" s="21">
        <v>4</v>
      </c>
      <c r="C86" s="6">
        <v>7</v>
      </c>
      <c r="D86" s="5">
        <v>11</v>
      </c>
    </row>
    <row r="87" spans="1:4" ht="18" customHeight="1" x14ac:dyDescent="0.15">
      <c r="A87" s="8">
        <v>67</v>
      </c>
      <c r="B87" s="21">
        <v>1</v>
      </c>
      <c r="C87" s="6">
        <v>13</v>
      </c>
      <c r="D87" s="5">
        <v>14</v>
      </c>
    </row>
    <row r="88" spans="1:4" ht="18" customHeight="1" x14ac:dyDescent="0.15">
      <c r="A88" s="8">
        <v>68</v>
      </c>
      <c r="B88" s="21">
        <v>7</v>
      </c>
      <c r="C88" s="6">
        <v>6</v>
      </c>
      <c r="D88" s="5">
        <v>13</v>
      </c>
    </row>
    <row r="89" spans="1:4" ht="18" customHeight="1" x14ac:dyDescent="0.15">
      <c r="A89" s="8">
        <v>69</v>
      </c>
      <c r="B89" s="21">
        <v>11</v>
      </c>
      <c r="C89" s="6">
        <v>8</v>
      </c>
      <c r="D89" s="5">
        <v>19</v>
      </c>
    </row>
    <row r="90" spans="1:4" ht="18" customHeight="1" x14ac:dyDescent="0.15">
      <c r="A90" s="8" t="s">
        <v>10</v>
      </c>
      <c r="B90" s="21">
        <v>27</v>
      </c>
      <c r="C90" s="6">
        <v>39</v>
      </c>
      <c r="D90" s="5">
        <v>66</v>
      </c>
    </row>
    <row r="91" spans="1:4" ht="18" customHeight="1" x14ac:dyDescent="0.15">
      <c r="A91" s="8">
        <v>70</v>
      </c>
      <c r="B91" s="21">
        <v>5</v>
      </c>
      <c r="C91" s="6">
        <v>5</v>
      </c>
      <c r="D91" s="5">
        <v>10</v>
      </c>
    </row>
    <row r="92" spans="1:4" ht="18" customHeight="1" x14ac:dyDescent="0.15">
      <c r="A92" s="8">
        <v>71</v>
      </c>
      <c r="B92" s="21">
        <v>6</v>
      </c>
      <c r="C92" s="6">
        <v>9</v>
      </c>
      <c r="D92" s="5">
        <v>15</v>
      </c>
    </row>
    <row r="93" spans="1:4" ht="18" customHeight="1" x14ac:dyDescent="0.15">
      <c r="A93" s="8">
        <v>72</v>
      </c>
      <c r="B93" s="21">
        <v>16</v>
      </c>
      <c r="C93" s="6">
        <v>9</v>
      </c>
      <c r="D93" s="5">
        <v>25</v>
      </c>
    </row>
    <row r="94" spans="1:4" ht="18" customHeight="1" x14ac:dyDescent="0.15">
      <c r="A94" s="8">
        <v>73</v>
      </c>
      <c r="B94" s="21">
        <v>13</v>
      </c>
      <c r="C94" s="6">
        <v>11</v>
      </c>
      <c r="D94" s="5">
        <v>24</v>
      </c>
    </row>
    <row r="95" spans="1:4" ht="18" customHeight="1" x14ac:dyDescent="0.15">
      <c r="A95" s="8">
        <v>74</v>
      </c>
      <c r="B95" s="21">
        <v>8</v>
      </c>
      <c r="C95" s="6">
        <v>11</v>
      </c>
      <c r="D95" s="5">
        <v>19</v>
      </c>
    </row>
    <row r="96" spans="1:4" ht="18" customHeight="1" x14ac:dyDescent="0.15">
      <c r="A96" s="8" t="s">
        <v>9</v>
      </c>
      <c r="B96" s="21">
        <v>48</v>
      </c>
      <c r="C96" s="6">
        <v>45</v>
      </c>
      <c r="D96" s="5">
        <v>93</v>
      </c>
    </row>
    <row r="97" spans="1:4" ht="18" customHeight="1" x14ac:dyDescent="0.15">
      <c r="A97" s="8">
        <v>75</v>
      </c>
      <c r="B97" s="21">
        <v>4</v>
      </c>
      <c r="C97" s="6">
        <v>9</v>
      </c>
      <c r="D97" s="5">
        <v>13</v>
      </c>
    </row>
    <row r="98" spans="1:4" ht="18" customHeight="1" x14ac:dyDescent="0.15">
      <c r="A98" s="8">
        <v>76</v>
      </c>
      <c r="B98" s="21">
        <v>12</v>
      </c>
      <c r="C98" s="6">
        <v>5</v>
      </c>
      <c r="D98" s="5">
        <v>17</v>
      </c>
    </row>
    <row r="99" spans="1:4" ht="18" customHeight="1" x14ac:dyDescent="0.15">
      <c r="A99" s="8">
        <v>77</v>
      </c>
      <c r="B99" s="21">
        <v>8</v>
      </c>
      <c r="C99" s="6">
        <v>13</v>
      </c>
      <c r="D99" s="5">
        <v>21</v>
      </c>
    </row>
    <row r="100" spans="1:4" ht="18" customHeight="1" x14ac:dyDescent="0.15">
      <c r="A100" s="8">
        <v>78</v>
      </c>
      <c r="B100" s="21">
        <v>8</v>
      </c>
      <c r="C100" s="6">
        <v>4</v>
      </c>
      <c r="D100" s="5">
        <v>12</v>
      </c>
    </row>
    <row r="101" spans="1:4" ht="18" customHeight="1" x14ac:dyDescent="0.15">
      <c r="A101" s="8">
        <v>79</v>
      </c>
      <c r="B101" s="21">
        <v>7</v>
      </c>
      <c r="C101" s="6">
        <v>8</v>
      </c>
      <c r="D101" s="5">
        <v>15</v>
      </c>
    </row>
    <row r="102" spans="1:4" ht="18" customHeight="1" x14ac:dyDescent="0.15">
      <c r="A102" s="8" t="s">
        <v>8</v>
      </c>
      <c r="B102" s="21">
        <v>39</v>
      </c>
      <c r="C102" s="6">
        <v>39</v>
      </c>
      <c r="D102" s="5">
        <v>78</v>
      </c>
    </row>
    <row r="103" spans="1:4" ht="18" customHeight="1" x14ac:dyDescent="0.15">
      <c r="A103" s="8">
        <v>80</v>
      </c>
      <c r="B103" s="21">
        <v>2</v>
      </c>
      <c r="C103" s="6">
        <v>1</v>
      </c>
      <c r="D103" s="5">
        <v>3</v>
      </c>
    </row>
    <row r="104" spans="1:4" ht="18" customHeight="1" x14ac:dyDescent="0.15">
      <c r="A104" s="8">
        <v>81</v>
      </c>
      <c r="B104" s="21">
        <v>4</v>
      </c>
      <c r="C104" s="6">
        <v>6</v>
      </c>
      <c r="D104" s="5">
        <v>10</v>
      </c>
    </row>
    <row r="105" spans="1:4" ht="18" customHeight="1" x14ac:dyDescent="0.15">
      <c r="A105" s="8">
        <v>82</v>
      </c>
      <c r="B105" s="21">
        <v>5</v>
      </c>
      <c r="C105" s="6">
        <v>6</v>
      </c>
      <c r="D105" s="5">
        <v>11</v>
      </c>
    </row>
    <row r="106" spans="1:4" ht="18" customHeight="1" x14ac:dyDescent="0.15">
      <c r="A106" s="8">
        <v>83</v>
      </c>
      <c r="B106" s="21">
        <v>4</v>
      </c>
      <c r="C106" s="6">
        <v>6</v>
      </c>
      <c r="D106" s="5">
        <v>10</v>
      </c>
    </row>
    <row r="107" spans="1:4" ht="18" customHeight="1" x14ac:dyDescent="0.15">
      <c r="A107" s="8">
        <v>84</v>
      </c>
      <c r="B107" s="21">
        <v>3</v>
      </c>
      <c r="C107" s="6">
        <v>9</v>
      </c>
      <c r="D107" s="5">
        <v>12</v>
      </c>
    </row>
    <row r="108" spans="1:4" ht="18" customHeight="1" x14ac:dyDescent="0.15">
      <c r="A108" s="8" t="s">
        <v>7</v>
      </c>
      <c r="B108" s="21">
        <v>18</v>
      </c>
      <c r="C108" s="6">
        <v>28</v>
      </c>
      <c r="D108" s="5">
        <v>46</v>
      </c>
    </row>
    <row r="109" spans="1:4" ht="18" customHeight="1" x14ac:dyDescent="0.15">
      <c r="A109" s="8">
        <v>85</v>
      </c>
      <c r="B109" s="21">
        <v>2</v>
      </c>
      <c r="C109" s="6">
        <v>5</v>
      </c>
      <c r="D109" s="5">
        <v>7</v>
      </c>
    </row>
    <row r="110" spans="1:4" ht="18" customHeight="1" x14ac:dyDescent="0.15">
      <c r="A110" s="8">
        <v>86</v>
      </c>
      <c r="B110" s="21">
        <v>4</v>
      </c>
      <c r="C110" s="6">
        <v>1</v>
      </c>
      <c r="D110" s="5">
        <v>5</v>
      </c>
    </row>
    <row r="111" spans="1:4" ht="18" customHeight="1" x14ac:dyDescent="0.15">
      <c r="A111" s="8">
        <v>87</v>
      </c>
      <c r="B111" s="21">
        <v>2</v>
      </c>
      <c r="C111" s="6">
        <v>1</v>
      </c>
      <c r="D111" s="5">
        <v>3</v>
      </c>
    </row>
    <row r="112" spans="1:4" ht="18" customHeight="1" x14ac:dyDescent="0.15">
      <c r="A112" s="8">
        <v>88</v>
      </c>
      <c r="B112" s="21">
        <v>2</v>
      </c>
      <c r="C112" s="6">
        <v>4</v>
      </c>
      <c r="D112" s="5">
        <v>6</v>
      </c>
    </row>
    <row r="113" spans="1:4" ht="18" customHeight="1" x14ac:dyDescent="0.15">
      <c r="A113" s="8">
        <v>89</v>
      </c>
      <c r="B113" s="21">
        <v>3</v>
      </c>
      <c r="C113" s="6">
        <v>4</v>
      </c>
      <c r="D113" s="5">
        <v>7</v>
      </c>
    </row>
    <row r="114" spans="1:4" ht="18" customHeight="1" x14ac:dyDescent="0.15">
      <c r="A114" s="8" t="s">
        <v>6</v>
      </c>
      <c r="B114" s="21">
        <v>13</v>
      </c>
      <c r="C114" s="6">
        <v>15</v>
      </c>
      <c r="D114" s="5">
        <v>28</v>
      </c>
    </row>
    <row r="115" spans="1:4" ht="18" customHeight="1" x14ac:dyDescent="0.15">
      <c r="A115" s="8">
        <v>90</v>
      </c>
      <c r="B115" s="21">
        <v>1</v>
      </c>
      <c r="C115" s="6">
        <v>6</v>
      </c>
      <c r="D115" s="5">
        <v>7</v>
      </c>
    </row>
    <row r="116" spans="1:4" ht="18" customHeight="1" x14ac:dyDescent="0.15">
      <c r="A116" s="8">
        <v>91</v>
      </c>
      <c r="B116" s="21">
        <v>2</v>
      </c>
      <c r="C116" s="6">
        <v>4</v>
      </c>
      <c r="D116" s="5">
        <v>6</v>
      </c>
    </row>
    <row r="117" spans="1:4" ht="18" customHeight="1" x14ac:dyDescent="0.15">
      <c r="A117" s="8">
        <v>92</v>
      </c>
      <c r="B117" s="21">
        <v>1</v>
      </c>
      <c r="C117" s="6">
        <v>3</v>
      </c>
      <c r="D117" s="5">
        <v>4</v>
      </c>
    </row>
    <row r="118" spans="1:4" ht="18" customHeight="1" x14ac:dyDescent="0.15">
      <c r="A118" s="8">
        <v>93</v>
      </c>
      <c r="B118" s="21">
        <v>0</v>
      </c>
      <c r="C118" s="6">
        <v>5</v>
      </c>
      <c r="D118" s="5">
        <v>5</v>
      </c>
    </row>
    <row r="119" spans="1:4" ht="18" customHeight="1" x14ac:dyDescent="0.15">
      <c r="A119" s="8">
        <v>94</v>
      </c>
      <c r="B119" s="21">
        <v>1</v>
      </c>
      <c r="C119" s="6">
        <v>2</v>
      </c>
      <c r="D119" s="5">
        <v>3</v>
      </c>
    </row>
    <row r="120" spans="1:4" ht="18" customHeight="1" x14ac:dyDescent="0.15">
      <c r="A120" s="8" t="s">
        <v>5</v>
      </c>
      <c r="B120" s="21">
        <v>5</v>
      </c>
      <c r="C120" s="6">
        <v>20</v>
      </c>
      <c r="D120" s="5">
        <v>25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0</v>
      </c>
      <c r="C122" s="6">
        <v>1</v>
      </c>
      <c r="D122" s="5">
        <v>1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3</v>
      </c>
      <c r="D124" s="5">
        <v>3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0</v>
      </c>
      <c r="C126" s="6">
        <v>6</v>
      </c>
      <c r="D126" s="5">
        <v>6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0</v>
      </c>
      <c r="D129" s="5">
        <v>0</v>
      </c>
    </row>
    <row r="130" spans="1:4" ht="18" customHeight="1" x14ac:dyDescent="0.15">
      <c r="A130" s="8" t="s">
        <v>1</v>
      </c>
      <c r="B130" s="21">
        <v>150</v>
      </c>
      <c r="C130" s="6">
        <v>192</v>
      </c>
      <c r="D130" s="5">
        <v>342</v>
      </c>
    </row>
    <row r="131" spans="1:4" ht="18" customHeight="1" x14ac:dyDescent="0.15">
      <c r="A131" s="4" t="s">
        <v>0</v>
      </c>
      <c r="B131" s="20">
        <v>370</v>
      </c>
      <c r="C131" s="2">
        <v>394</v>
      </c>
      <c r="D131" s="1">
        <v>764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93C9D3-2BC3-4ED9-BF02-6BEBAE5C5DCB}">
  <sheetPr codeName="Sheet9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4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 t="s">
        <v>220</v>
      </c>
      <c r="C5" s="31" t="s">
        <v>220</v>
      </c>
      <c r="D5" s="30" t="s">
        <v>220</v>
      </c>
    </row>
    <row r="6" spans="1:4" ht="18" customHeight="1" x14ac:dyDescent="0.15">
      <c r="A6" s="8">
        <v>1</v>
      </c>
      <c r="B6" s="26" t="s">
        <v>220</v>
      </c>
      <c r="C6" s="6" t="s">
        <v>220</v>
      </c>
      <c r="D6" s="5" t="s">
        <v>220</v>
      </c>
    </row>
    <row r="7" spans="1:4" ht="18" customHeight="1" x14ac:dyDescent="0.15">
      <c r="A7" s="8">
        <v>2</v>
      </c>
      <c r="B7" s="26" t="s">
        <v>220</v>
      </c>
      <c r="C7" s="6" t="s">
        <v>220</v>
      </c>
      <c r="D7" s="5" t="s">
        <v>220</v>
      </c>
    </row>
    <row r="8" spans="1:4" ht="18" customHeight="1" x14ac:dyDescent="0.15">
      <c r="A8" s="8">
        <v>3</v>
      </c>
      <c r="B8" s="26" t="s">
        <v>220</v>
      </c>
      <c r="C8" s="6" t="s">
        <v>220</v>
      </c>
      <c r="D8" s="5" t="s">
        <v>220</v>
      </c>
    </row>
    <row r="9" spans="1:4" ht="18" customHeight="1" x14ac:dyDescent="0.15">
      <c r="A9" s="8">
        <v>4</v>
      </c>
      <c r="B9" s="29" t="s">
        <v>220</v>
      </c>
      <c r="C9" s="28" t="s">
        <v>220</v>
      </c>
      <c r="D9" s="27" t="s">
        <v>220</v>
      </c>
    </row>
    <row r="10" spans="1:4" ht="18" customHeight="1" x14ac:dyDescent="0.15">
      <c r="A10" s="8" t="s">
        <v>25</v>
      </c>
      <c r="B10" s="21" t="s">
        <v>220</v>
      </c>
      <c r="C10" s="6" t="s">
        <v>220</v>
      </c>
      <c r="D10" s="5" t="s">
        <v>220</v>
      </c>
    </row>
    <row r="11" spans="1:4" ht="18" customHeight="1" x14ac:dyDescent="0.15">
      <c r="A11" s="8">
        <v>5</v>
      </c>
      <c r="B11" s="26" t="s">
        <v>220</v>
      </c>
      <c r="C11" s="6" t="s">
        <v>220</v>
      </c>
      <c r="D11" s="5" t="s">
        <v>220</v>
      </c>
    </row>
    <row r="12" spans="1:4" ht="18" customHeight="1" x14ac:dyDescent="0.15">
      <c r="A12" s="8">
        <v>6</v>
      </c>
      <c r="B12" s="26" t="s">
        <v>220</v>
      </c>
      <c r="C12" s="6" t="s">
        <v>220</v>
      </c>
      <c r="D12" s="5" t="s">
        <v>220</v>
      </c>
    </row>
    <row r="13" spans="1:4" ht="18" customHeight="1" x14ac:dyDescent="0.15">
      <c r="A13" s="8">
        <v>7</v>
      </c>
      <c r="B13" s="26" t="s">
        <v>220</v>
      </c>
      <c r="C13" s="6" t="s">
        <v>220</v>
      </c>
      <c r="D13" s="5" t="s">
        <v>220</v>
      </c>
    </row>
    <row r="14" spans="1:4" ht="18" customHeight="1" x14ac:dyDescent="0.15">
      <c r="A14" s="8">
        <v>8</v>
      </c>
      <c r="B14" s="26" t="s">
        <v>220</v>
      </c>
      <c r="C14" s="6" t="s">
        <v>220</v>
      </c>
      <c r="D14" s="5" t="s">
        <v>220</v>
      </c>
    </row>
    <row r="15" spans="1:4" ht="18" customHeight="1" x14ac:dyDescent="0.15">
      <c r="A15" s="8">
        <v>9</v>
      </c>
      <c r="B15" s="26" t="s">
        <v>220</v>
      </c>
      <c r="C15" s="6" t="s">
        <v>220</v>
      </c>
      <c r="D15" s="5" t="s">
        <v>220</v>
      </c>
    </row>
    <row r="16" spans="1:4" ht="18" customHeight="1" x14ac:dyDescent="0.15">
      <c r="A16" s="8" t="s">
        <v>24</v>
      </c>
      <c r="B16" s="21" t="s">
        <v>220</v>
      </c>
      <c r="C16" s="6" t="s">
        <v>220</v>
      </c>
      <c r="D16" s="5" t="s">
        <v>220</v>
      </c>
    </row>
    <row r="17" spans="1:4" ht="18" customHeight="1" x14ac:dyDescent="0.15">
      <c r="A17" s="8">
        <v>10</v>
      </c>
      <c r="B17" s="21" t="s">
        <v>220</v>
      </c>
      <c r="C17" s="6" t="s">
        <v>220</v>
      </c>
      <c r="D17" s="5" t="s">
        <v>220</v>
      </c>
    </row>
    <row r="18" spans="1:4" ht="18" customHeight="1" x14ac:dyDescent="0.15">
      <c r="A18" s="8">
        <v>11</v>
      </c>
      <c r="B18" s="21" t="s">
        <v>220</v>
      </c>
      <c r="C18" s="6" t="s">
        <v>220</v>
      </c>
      <c r="D18" s="5" t="s">
        <v>220</v>
      </c>
    </row>
    <row r="19" spans="1:4" ht="18" customHeight="1" x14ac:dyDescent="0.15">
      <c r="A19" s="8">
        <v>12</v>
      </c>
      <c r="B19" s="21" t="s">
        <v>220</v>
      </c>
      <c r="C19" s="6" t="s">
        <v>220</v>
      </c>
      <c r="D19" s="5" t="s">
        <v>220</v>
      </c>
    </row>
    <row r="20" spans="1:4" ht="18" customHeight="1" x14ac:dyDescent="0.15">
      <c r="A20" s="8">
        <v>13</v>
      </c>
      <c r="B20" s="21" t="s">
        <v>220</v>
      </c>
      <c r="C20" s="6" t="s">
        <v>220</v>
      </c>
      <c r="D20" s="5" t="s">
        <v>220</v>
      </c>
    </row>
    <row r="21" spans="1:4" ht="18" customHeight="1" x14ac:dyDescent="0.15">
      <c r="A21" s="8">
        <v>14</v>
      </c>
      <c r="B21" s="21" t="s">
        <v>220</v>
      </c>
      <c r="C21" s="6" t="s">
        <v>220</v>
      </c>
      <c r="D21" s="5" t="s">
        <v>220</v>
      </c>
    </row>
    <row r="22" spans="1:4" ht="18" customHeight="1" x14ac:dyDescent="0.15">
      <c r="A22" s="8" t="s">
        <v>23</v>
      </c>
      <c r="B22" s="21" t="s">
        <v>220</v>
      </c>
      <c r="C22" s="6" t="s">
        <v>220</v>
      </c>
      <c r="D22" s="5" t="s">
        <v>220</v>
      </c>
    </row>
    <row r="23" spans="1:4" ht="18" customHeight="1" x14ac:dyDescent="0.15">
      <c r="A23" s="8" t="s">
        <v>22</v>
      </c>
      <c r="B23" s="21">
        <v>4</v>
      </c>
      <c r="C23" s="6">
        <v>5</v>
      </c>
      <c r="D23" s="5">
        <v>9</v>
      </c>
    </row>
    <row r="24" spans="1:4" ht="18" customHeight="1" x14ac:dyDescent="0.15">
      <c r="A24" s="8">
        <v>15</v>
      </c>
      <c r="B24" s="21" t="s">
        <v>220</v>
      </c>
      <c r="C24" s="6" t="s">
        <v>220</v>
      </c>
      <c r="D24" s="5" t="s">
        <v>220</v>
      </c>
    </row>
    <row r="25" spans="1:4" ht="18" customHeight="1" x14ac:dyDescent="0.15">
      <c r="A25" s="8">
        <v>16</v>
      </c>
      <c r="B25" s="21" t="s">
        <v>220</v>
      </c>
      <c r="C25" s="6" t="s">
        <v>220</v>
      </c>
      <c r="D25" s="5" t="s">
        <v>220</v>
      </c>
    </row>
    <row r="26" spans="1:4" ht="18" customHeight="1" x14ac:dyDescent="0.15">
      <c r="A26" s="8">
        <v>17</v>
      </c>
      <c r="B26" s="21" t="s">
        <v>220</v>
      </c>
      <c r="C26" s="6" t="s">
        <v>220</v>
      </c>
      <c r="D26" s="5" t="s">
        <v>220</v>
      </c>
    </row>
    <row r="27" spans="1:4" ht="18" customHeight="1" x14ac:dyDescent="0.15">
      <c r="A27" s="8">
        <v>18</v>
      </c>
      <c r="B27" s="21" t="s">
        <v>220</v>
      </c>
      <c r="C27" s="6" t="s">
        <v>220</v>
      </c>
      <c r="D27" s="5" t="s">
        <v>220</v>
      </c>
    </row>
    <row r="28" spans="1:4" ht="18" customHeight="1" x14ac:dyDescent="0.15">
      <c r="A28" s="8">
        <v>19</v>
      </c>
      <c r="B28" s="21" t="s">
        <v>220</v>
      </c>
      <c r="C28" s="6" t="s">
        <v>220</v>
      </c>
      <c r="D28" s="5" t="s">
        <v>220</v>
      </c>
    </row>
    <row r="29" spans="1:4" ht="18" customHeight="1" x14ac:dyDescent="0.15">
      <c r="A29" s="8" t="s">
        <v>21</v>
      </c>
      <c r="B29" s="21" t="s">
        <v>220</v>
      </c>
      <c r="C29" s="6" t="s">
        <v>220</v>
      </c>
      <c r="D29" s="5" t="s">
        <v>220</v>
      </c>
    </row>
    <row r="30" spans="1:4" ht="18" customHeight="1" x14ac:dyDescent="0.15">
      <c r="A30" s="8">
        <v>20</v>
      </c>
      <c r="B30" s="21" t="s">
        <v>220</v>
      </c>
      <c r="C30" s="6" t="s">
        <v>220</v>
      </c>
      <c r="D30" s="5" t="s">
        <v>220</v>
      </c>
    </row>
    <row r="31" spans="1:4" ht="18" customHeight="1" x14ac:dyDescent="0.15">
      <c r="A31" s="8">
        <v>21</v>
      </c>
      <c r="B31" s="21" t="s">
        <v>220</v>
      </c>
      <c r="C31" s="6" t="s">
        <v>220</v>
      </c>
      <c r="D31" s="5" t="s">
        <v>220</v>
      </c>
    </row>
    <row r="32" spans="1:4" ht="18" customHeight="1" x14ac:dyDescent="0.15">
      <c r="A32" s="8">
        <v>22</v>
      </c>
      <c r="B32" s="21" t="s">
        <v>220</v>
      </c>
      <c r="C32" s="6" t="s">
        <v>220</v>
      </c>
      <c r="D32" s="5" t="s">
        <v>220</v>
      </c>
    </row>
    <row r="33" spans="1:4" ht="18" customHeight="1" x14ac:dyDescent="0.15">
      <c r="A33" s="8">
        <v>23</v>
      </c>
      <c r="B33" s="21" t="s">
        <v>220</v>
      </c>
      <c r="C33" s="6" t="s">
        <v>220</v>
      </c>
      <c r="D33" s="5" t="s">
        <v>220</v>
      </c>
    </row>
    <row r="34" spans="1:4" ht="18" customHeight="1" x14ac:dyDescent="0.15">
      <c r="A34" s="8">
        <v>24</v>
      </c>
      <c r="B34" s="21" t="s">
        <v>220</v>
      </c>
      <c r="C34" s="6" t="s">
        <v>220</v>
      </c>
      <c r="D34" s="5" t="s">
        <v>220</v>
      </c>
    </row>
    <row r="35" spans="1:4" ht="18" customHeight="1" x14ac:dyDescent="0.15">
      <c r="A35" s="8" t="s">
        <v>20</v>
      </c>
      <c r="B35" s="21" t="s">
        <v>220</v>
      </c>
      <c r="C35" s="6" t="s">
        <v>220</v>
      </c>
      <c r="D35" s="5" t="s">
        <v>220</v>
      </c>
    </row>
    <row r="36" spans="1:4" ht="18" customHeight="1" x14ac:dyDescent="0.15">
      <c r="A36" s="8">
        <v>25</v>
      </c>
      <c r="B36" s="21" t="s">
        <v>220</v>
      </c>
      <c r="C36" s="6" t="s">
        <v>220</v>
      </c>
      <c r="D36" s="5" t="s">
        <v>220</v>
      </c>
    </row>
    <row r="37" spans="1:4" ht="18" customHeight="1" x14ac:dyDescent="0.15">
      <c r="A37" s="8">
        <v>26</v>
      </c>
      <c r="B37" s="21" t="s">
        <v>220</v>
      </c>
      <c r="C37" s="6" t="s">
        <v>220</v>
      </c>
      <c r="D37" s="5" t="s">
        <v>220</v>
      </c>
    </row>
    <row r="38" spans="1:4" ht="18" customHeight="1" x14ac:dyDescent="0.15">
      <c r="A38" s="8">
        <v>27</v>
      </c>
      <c r="B38" s="21" t="s">
        <v>220</v>
      </c>
      <c r="C38" s="6" t="s">
        <v>220</v>
      </c>
      <c r="D38" s="5" t="s">
        <v>220</v>
      </c>
    </row>
    <row r="39" spans="1:4" ht="18" customHeight="1" x14ac:dyDescent="0.15">
      <c r="A39" s="8">
        <v>28</v>
      </c>
      <c r="B39" s="21" t="s">
        <v>220</v>
      </c>
      <c r="C39" s="6" t="s">
        <v>220</v>
      </c>
      <c r="D39" s="5" t="s">
        <v>220</v>
      </c>
    </row>
    <row r="40" spans="1:4" ht="18" customHeight="1" x14ac:dyDescent="0.15">
      <c r="A40" s="8">
        <v>29</v>
      </c>
      <c r="B40" s="21" t="s">
        <v>220</v>
      </c>
      <c r="C40" s="6" t="s">
        <v>220</v>
      </c>
      <c r="D40" s="5" t="s">
        <v>220</v>
      </c>
    </row>
    <row r="41" spans="1:4" ht="18" customHeight="1" x14ac:dyDescent="0.15">
      <c r="A41" s="8" t="s">
        <v>19</v>
      </c>
      <c r="B41" s="21" t="s">
        <v>220</v>
      </c>
      <c r="C41" s="6" t="s">
        <v>220</v>
      </c>
      <c r="D41" s="5" t="s">
        <v>220</v>
      </c>
    </row>
    <row r="42" spans="1:4" ht="18" customHeight="1" x14ac:dyDescent="0.15">
      <c r="A42" s="8">
        <v>30</v>
      </c>
      <c r="B42" s="21" t="s">
        <v>220</v>
      </c>
      <c r="C42" s="6" t="s">
        <v>220</v>
      </c>
      <c r="D42" s="5" t="s">
        <v>220</v>
      </c>
    </row>
    <row r="43" spans="1:4" ht="18" customHeight="1" x14ac:dyDescent="0.15">
      <c r="A43" s="8">
        <v>31</v>
      </c>
      <c r="B43" s="21" t="s">
        <v>220</v>
      </c>
      <c r="C43" s="6" t="s">
        <v>220</v>
      </c>
      <c r="D43" s="5" t="s">
        <v>220</v>
      </c>
    </row>
    <row r="44" spans="1:4" ht="18" customHeight="1" x14ac:dyDescent="0.15">
      <c r="A44" s="8">
        <v>32</v>
      </c>
      <c r="B44" s="21" t="s">
        <v>220</v>
      </c>
      <c r="C44" s="6" t="s">
        <v>220</v>
      </c>
      <c r="D44" s="5" t="s">
        <v>220</v>
      </c>
    </row>
    <row r="45" spans="1:4" ht="18" customHeight="1" x14ac:dyDescent="0.15">
      <c r="A45" s="8">
        <v>33</v>
      </c>
      <c r="B45" s="21" t="s">
        <v>220</v>
      </c>
      <c r="C45" s="6" t="s">
        <v>220</v>
      </c>
      <c r="D45" s="5" t="s">
        <v>220</v>
      </c>
    </row>
    <row r="46" spans="1:4" ht="18" customHeight="1" x14ac:dyDescent="0.15">
      <c r="A46" s="8">
        <v>34</v>
      </c>
      <c r="B46" s="21" t="s">
        <v>220</v>
      </c>
      <c r="C46" s="6" t="s">
        <v>220</v>
      </c>
      <c r="D46" s="5" t="s">
        <v>220</v>
      </c>
    </row>
    <row r="47" spans="1:4" ht="18" customHeight="1" x14ac:dyDescent="0.15">
      <c r="A47" s="8" t="s">
        <v>18</v>
      </c>
      <c r="B47" s="21" t="s">
        <v>220</v>
      </c>
      <c r="C47" s="6" t="s">
        <v>220</v>
      </c>
      <c r="D47" s="5" t="s">
        <v>220</v>
      </c>
    </row>
    <row r="48" spans="1:4" ht="18" customHeight="1" x14ac:dyDescent="0.15">
      <c r="A48" s="8">
        <v>35</v>
      </c>
      <c r="B48" s="21" t="s">
        <v>220</v>
      </c>
      <c r="C48" s="6" t="s">
        <v>220</v>
      </c>
      <c r="D48" s="5" t="s">
        <v>220</v>
      </c>
    </row>
    <row r="49" spans="1:4" ht="18" customHeight="1" x14ac:dyDescent="0.15">
      <c r="A49" s="8">
        <v>36</v>
      </c>
      <c r="B49" s="21" t="s">
        <v>220</v>
      </c>
      <c r="C49" s="6" t="s">
        <v>220</v>
      </c>
      <c r="D49" s="5" t="s">
        <v>220</v>
      </c>
    </row>
    <row r="50" spans="1:4" ht="18" customHeight="1" x14ac:dyDescent="0.15">
      <c r="A50" s="8">
        <v>37</v>
      </c>
      <c r="B50" s="21" t="s">
        <v>220</v>
      </c>
      <c r="C50" s="6" t="s">
        <v>220</v>
      </c>
      <c r="D50" s="5" t="s">
        <v>220</v>
      </c>
    </row>
    <row r="51" spans="1:4" ht="18" customHeight="1" x14ac:dyDescent="0.15">
      <c r="A51" s="8">
        <v>38</v>
      </c>
      <c r="B51" s="21" t="s">
        <v>220</v>
      </c>
      <c r="C51" s="6" t="s">
        <v>220</v>
      </c>
      <c r="D51" s="5" t="s">
        <v>220</v>
      </c>
    </row>
    <row r="52" spans="1:4" ht="18" customHeight="1" x14ac:dyDescent="0.15">
      <c r="A52" s="8">
        <v>39</v>
      </c>
      <c r="B52" s="21" t="s">
        <v>220</v>
      </c>
      <c r="C52" s="6" t="s">
        <v>220</v>
      </c>
      <c r="D52" s="5" t="s">
        <v>220</v>
      </c>
    </row>
    <row r="53" spans="1:4" ht="18" customHeight="1" x14ac:dyDescent="0.15">
      <c r="A53" s="8" t="s">
        <v>17</v>
      </c>
      <c r="B53" s="21" t="s">
        <v>220</v>
      </c>
      <c r="C53" s="6" t="s">
        <v>220</v>
      </c>
      <c r="D53" s="5" t="s">
        <v>220</v>
      </c>
    </row>
    <row r="54" spans="1:4" ht="18" customHeight="1" x14ac:dyDescent="0.15">
      <c r="A54" s="8">
        <v>40</v>
      </c>
      <c r="B54" s="21" t="s">
        <v>220</v>
      </c>
      <c r="C54" s="6" t="s">
        <v>220</v>
      </c>
      <c r="D54" s="5" t="s">
        <v>220</v>
      </c>
    </row>
    <row r="55" spans="1:4" ht="18" customHeight="1" x14ac:dyDescent="0.15">
      <c r="A55" s="8">
        <v>41</v>
      </c>
      <c r="B55" s="21" t="s">
        <v>220</v>
      </c>
      <c r="C55" s="6" t="s">
        <v>220</v>
      </c>
      <c r="D55" s="5" t="s">
        <v>220</v>
      </c>
    </row>
    <row r="56" spans="1:4" ht="18" customHeight="1" x14ac:dyDescent="0.15">
      <c r="A56" s="8">
        <v>42</v>
      </c>
      <c r="B56" s="21" t="s">
        <v>220</v>
      </c>
      <c r="C56" s="6" t="s">
        <v>220</v>
      </c>
      <c r="D56" s="5" t="s">
        <v>220</v>
      </c>
    </row>
    <row r="57" spans="1:4" ht="18" customHeight="1" x14ac:dyDescent="0.15">
      <c r="A57" s="8">
        <v>43</v>
      </c>
      <c r="B57" s="21" t="s">
        <v>220</v>
      </c>
      <c r="C57" s="6" t="s">
        <v>220</v>
      </c>
      <c r="D57" s="5" t="s">
        <v>220</v>
      </c>
    </row>
    <row r="58" spans="1:4" ht="18" customHeight="1" x14ac:dyDescent="0.15">
      <c r="A58" s="8">
        <v>44</v>
      </c>
      <c r="B58" s="21" t="s">
        <v>220</v>
      </c>
      <c r="C58" s="6" t="s">
        <v>220</v>
      </c>
      <c r="D58" s="5" t="s">
        <v>220</v>
      </c>
    </row>
    <row r="59" spans="1:4" ht="18" customHeight="1" x14ac:dyDescent="0.15">
      <c r="A59" s="8" t="s">
        <v>16</v>
      </c>
      <c r="B59" s="21" t="s">
        <v>220</v>
      </c>
      <c r="C59" s="6" t="s">
        <v>220</v>
      </c>
      <c r="D59" s="5" t="s">
        <v>220</v>
      </c>
    </row>
    <row r="60" spans="1:4" ht="18" customHeight="1" x14ac:dyDescent="0.15">
      <c r="A60" s="8">
        <v>45</v>
      </c>
      <c r="B60" s="21" t="s">
        <v>220</v>
      </c>
      <c r="C60" s="6" t="s">
        <v>220</v>
      </c>
      <c r="D60" s="5" t="s">
        <v>220</v>
      </c>
    </row>
    <row r="61" spans="1:4" ht="18" customHeight="1" x14ac:dyDescent="0.15">
      <c r="A61" s="8">
        <v>46</v>
      </c>
      <c r="B61" s="21" t="s">
        <v>220</v>
      </c>
      <c r="C61" s="6" t="s">
        <v>220</v>
      </c>
      <c r="D61" s="5" t="s">
        <v>220</v>
      </c>
    </row>
    <row r="62" spans="1:4" ht="18" customHeight="1" x14ac:dyDescent="0.15">
      <c r="A62" s="8">
        <v>47</v>
      </c>
      <c r="B62" s="21" t="s">
        <v>220</v>
      </c>
      <c r="C62" s="6" t="s">
        <v>220</v>
      </c>
      <c r="D62" s="5" t="s">
        <v>220</v>
      </c>
    </row>
    <row r="63" spans="1:4" ht="18" customHeight="1" x14ac:dyDescent="0.15">
      <c r="A63" s="8">
        <v>48</v>
      </c>
      <c r="B63" s="21" t="s">
        <v>220</v>
      </c>
      <c r="C63" s="6" t="s">
        <v>220</v>
      </c>
      <c r="D63" s="5" t="s">
        <v>220</v>
      </c>
    </row>
    <row r="64" spans="1:4" ht="18" customHeight="1" x14ac:dyDescent="0.15">
      <c r="A64" s="8">
        <v>49</v>
      </c>
      <c r="B64" s="21" t="s">
        <v>220</v>
      </c>
      <c r="C64" s="6" t="s">
        <v>220</v>
      </c>
      <c r="D64" s="5" t="s">
        <v>220</v>
      </c>
    </row>
    <row r="65" spans="1:4" ht="18" customHeight="1" x14ac:dyDescent="0.15">
      <c r="A65" s="8" t="s">
        <v>15</v>
      </c>
      <c r="B65" s="21" t="s">
        <v>220</v>
      </c>
      <c r="C65" s="6" t="s">
        <v>220</v>
      </c>
      <c r="D65" s="5" t="s">
        <v>220</v>
      </c>
    </row>
    <row r="66" spans="1:4" ht="18" customHeight="1" x14ac:dyDescent="0.15">
      <c r="A66" s="8">
        <v>50</v>
      </c>
      <c r="B66" s="21" t="s">
        <v>220</v>
      </c>
      <c r="C66" s="6" t="s">
        <v>220</v>
      </c>
      <c r="D66" s="5" t="s">
        <v>220</v>
      </c>
    </row>
    <row r="67" spans="1:4" ht="18" customHeight="1" x14ac:dyDescent="0.15">
      <c r="A67" s="8">
        <v>51</v>
      </c>
      <c r="B67" s="21" t="s">
        <v>220</v>
      </c>
      <c r="C67" s="6" t="s">
        <v>220</v>
      </c>
      <c r="D67" s="5" t="s">
        <v>220</v>
      </c>
    </row>
    <row r="68" spans="1:4" ht="18" customHeight="1" x14ac:dyDescent="0.15">
      <c r="A68" s="8">
        <v>52</v>
      </c>
      <c r="B68" s="21" t="s">
        <v>220</v>
      </c>
      <c r="C68" s="6" t="s">
        <v>220</v>
      </c>
      <c r="D68" s="5" t="s">
        <v>220</v>
      </c>
    </row>
    <row r="69" spans="1:4" ht="18" customHeight="1" x14ac:dyDescent="0.15">
      <c r="A69" s="8">
        <v>53</v>
      </c>
      <c r="B69" s="21" t="s">
        <v>220</v>
      </c>
      <c r="C69" s="6" t="s">
        <v>220</v>
      </c>
      <c r="D69" s="5" t="s">
        <v>220</v>
      </c>
    </row>
    <row r="70" spans="1:4" ht="18" customHeight="1" x14ac:dyDescent="0.15">
      <c r="A70" s="8">
        <v>54</v>
      </c>
      <c r="B70" s="21" t="s">
        <v>220</v>
      </c>
      <c r="C70" s="6" t="s">
        <v>220</v>
      </c>
      <c r="D70" s="5" t="s">
        <v>220</v>
      </c>
    </row>
    <row r="71" spans="1:4" ht="18" customHeight="1" x14ac:dyDescent="0.15">
      <c r="A71" s="8" t="s">
        <v>14</v>
      </c>
      <c r="B71" s="21" t="s">
        <v>220</v>
      </c>
      <c r="C71" s="6" t="s">
        <v>220</v>
      </c>
      <c r="D71" s="5" t="s">
        <v>220</v>
      </c>
    </row>
    <row r="72" spans="1:4" ht="18" customHeight="1" x14ac:dyDescent="0.15">
      <c r="A72" s="8">
        <v>55</v>
      </c>
      <c r="B72" s="21" t="s">
        <v>220</v>
      </c>
      <c r="C72" s="6" t="s">
        <v>220</v>
      </c>
      <c r="D72" s="5" t="s">
        <v>220</v>
      </c>
    </row>
    <row r="73" spans="1:4" ht="18" customHeight="1" x14ac:dyDescent="0.15">
      <c r="A73" s="8">
        <v>56</v>
      </c>
      <c r="B73" s="21" t="s">
        <v>220</v>
      </c>
      <c r="C73" s="6" t="s">
        <v>220</v>
      </c>
      <c r="D73" s="5" t="s">
        <v>220</v>
      </c>
    </row>
    <row r="74" spans="1:4" ht="18" customHeight="1" x14ac:dyDescent="0.15">
      <c r="A74" s="8">
        <v>57</v>
      </c>
      <c r="B74" s="21" t="s">
        <v>220</v>
      </c>
      <c r="C74" s="6" t="s">
        <v>220</v>
      </c>
      <c r="D74" s="5" t="s">
        <v>220</v>
      </c>
    </row>
    <row r="75" spans="1:4" ht="18" customHeight="1" x14ac:dyDescent="0.15">
      <c r="A75" s="8">
        <v>58</v>
      </c>
      <c r="B75" s="21" t="s">
        <v>220</v>
      </c>
      <c r="C75" s="6" t="s">
        <v>220</v>
      </c>
      <c r="D75" s="5" t="s">
        <v>220</v>
      </c>
    </row>
    <row r="76" spans="1:4" ht="18" customHeight="1" x14ac:dyDescent="0.15">
      <c r="A76" s="8">
        <v>59</v>
      </c>
      <c r="B76" s="21" t="s">
        <v>220</v>
      </c>
      <c r="C76" s="6" t="s">
        <v>220</v>
      </c>
      <c r="D76" s="5" t="s">
        <v>220</v>
      </c>
    </row>
    <row r="77" spans="1:4" ht="18" customHeight="1" x14ac:dyDescent="0.15">
      <c r="A77" s="8" t="s">
        <v>13</v>
      </c>
      <c r="B77" s="21" t="s">
        <v>220</v>
      </c>
      <c r="C77" s="6" t="s">
        <v>220</v>
      </c>
      <c r="D77" s="5" t="s">
        <v>220</v>
      </c>
    </row>
    <row r="78" spans="1:4" ht="18" customHeight="1" x14ac:dyDescent="0.15">
      <c r="A78" s="8">
        <v>60</v>
      </c>
      <c r="B78" s="21" t="s">
        <v>220</v>
      </c>
      <c r="C78" s="6" t="s">
        <v>220</v>
      </c>
      <c r="D78" s="5" t="s">
        <v>220</v>
      </c>
    </row>
    <row r="79" spans="1:4" ht="18" customHeight="1" x14ac:dyDescent="0.15">
      <c r="A79" s="8">
        <v>61</v>
      </c>
      <c r="B79" s="21" t="s">
        <v>220</v>
      </c>
      <c r="C79" s="6" t="s">
        <v>220</v>
      </c>
      <c r="D79" s="5" t="s">
        <v>220</v>
      </c>
    </row>
    <row r="80" spans="1:4" ht="18" customHeight="1" x14ac:dyDescent="0.15">
      <c r="A80" s="8">
        <v>62</v>
      </c>
      <c r="B80" s="21" t="s">
        <v>220</v>
      </c>
      <c r="C80" s="6" t="s">
        <v>220</v>
      </c>
      <c r="D80" s="5" t="s">
        <v>220</v>
      </c>
    </row>
    <row r="81" spans="1:4" ht="18" customHeight="1" x14ac:dyDescent="0.15">
      <c r="A81" s="8">
        <v>63</v>
      </c>
      <c r="B81" s="21" t="s">
        <v>220</v>
      </c>
      <c r="C81" s="6" t="s">
        <v>220</v>
      </c>
      <c r="D81" s="5" t="s">
        <v>220</v>
      </c>
    </row>
    <row r="82" spans="1:4" ht="18" customHeight="1" x14ac:dyDescent="0.15">
      <c r="A82" s="8">
        <v>64</v>
      </c>
      <c r="B82" s="21" t="s">
        <v>220</v>
      </c>
      <c r="C82" s="6" t="s">
        <v>220</v>
      </c>
      <c r="D82" s="5" t="s">
        <v>220</v>
      </c>
    </row>
    <row r="83" spans="1:4" ht="18" customHeight="1" x14ac:dyDescent="0.15">
      <c r="A83" s="8" t="s">
        <v>12</v>
      </c>
      <c r="B83" s="21" t="s">
        <v>220</v>
      </c>
      <c r="C83" s="6" t="s">
        <v>220</v>
      </c>
      <c r="D83" s="5" t="s">
        <v>220</v>
      </c>
    </row>
    <row r="84" spans="1:4" ht="18" customHeight="1" x14ac:dyDescent="0.15">
      <c r="A84" s="8" t="s">
        <v>11</v>
      </c>
      <c r="B84" s="21">
        <v>35</v>
      </c>
      <c r="C84" s="6">
        <v>30</v>
      </c>
      <c r="D84" s="5">
        <v>65</v>
      </c>
    </row>
    <row r="85" spans="1:4" ht="18" customHeight="1" x14ac:dyDescent="0.15">
      <c r="A85" s="8">
        <v>65</v>
      </c>
      <c r="B85" s="21" t="s">
        <v>220</v>
      </c>
      <c r="C85" s="6" t="s">
        <v>220</v>
      </c>
      <c r="D85" s="5" t="s">
        <v>220</v>
      </c>
    </row>
    <row r="86" spans="1:4" ht="18" customHeight="1" x14ac:dyDescent="0.15">
      <c r="A86" s="8">
        <v>66</v>
      </c>
      <c r="B86" s="21" t="s">
        <v>220</v>
      </c>
      <c r="C86" s="6" t="s">
        <v>220</v>
      </c>
      <c r="D86" s="5" t="s">
        <v>220</v>
      </c>
    </row>
    <row r="87" spans="1:4" ht="18" customHeight="1" x14ac:dyDescent="0.15">
      <c r="A87" s="8">
        <v>67</v>
      </c>
      <c r="B87" s="21" t="s">
        <v>220</v>
      </c>
      <c r="C87" s="6" t="s">
        <v>220</v>
      </c>
      <c r="D87" s="5" t="s">
        <v>220</v>
      </c>
    </row>
    <row r="88" spans="1:4" ht="18" customHeight="1" x14ac:dyDescent="0.15">
      <c r="A88" s="8">
        <v>68</v>
      </c>
      <c r="B88" s="21" t="s">
        <v>220</v>
      </c>
      <c r="C88" s="6" t="s">
        <v>220</v>
      </c>
      <c r="D88" s="5" t="s">
        <v>220</v>
      </c>
    </row>
    <row r="89" spans="1:4" ht="18" customHeight="1" x14ac:dyDescent="0.15">
      <c r="A89" s="8">
        <v>69</v>
      </c>
      <c r="B89" s="21" t="s">
        <v>220</v>
      </c>
      <c r="C89" s="6" t="s">
        <v>220</v>
      </c>
      <c r="D89" s="5" t="s">
        <v>220</v>
      </c>
    </row>
    <row r="90" spans="1:4" ht="18" customHeight="1" x14ac:dyDescent="0.15">
      <c r="A90" s="8" t="s">
        <v>10</v>
      </c>
      <c r="B90" s="21" t="s">
        <v>220</v>
      </c>
      <c r="C90" s="6" t="s">
        <v>220</v>
      </c>
      <c r="D90" s="5" t="s">
        <v>220</v>
      </c>
    </row>
    <row r="91" spans="1:4" ht="18" customHeight="1" x14ac:dyDescent="0.15">
      <c r="A91" s="8">
        <v>70</v>
      </c>
      <c r="B91" s="21" t="s">
        <v>220</v>
      </c>
      <c r="C91" s="6" t="s">
        <v>220</v>
      </c>
      <c r="D91" s="5" t="s">
        <v>220</v>
      </c>
    </row>
    <row r="92" spans="1:4" ht="18" customHeight="1" x14ac:dyDescent="0.15">
      <c r="A92" s="8">
        <v>71</v>
      </c>
      <c r="B92" s="21" t="s">
        <v>220</v>
      </c>
      <c r="C92" s="6" t="s">
        <v>220</v>
      </c>
      <c r="D92" s="5" t="s">
        <v>220</v>
      </c>
    </row>
    <row r="93" spans="1:4" ht="18" customHeight="1" x14ac:dyDescent="0.15">
      <c r="A93" s="8">
        <v>72</v>
      </c>
      <c r="B93" s="21" t="s">
        <v>220</v>
      </c>
      <c r="C93" s="6" t="s">
        <v>220</v>
      </c>
      <c r="D93" s="5" t="s">
        <v>220</v>
      </c>
    </row>
    <row r="94" spans="1:4" ht="18" customHeight="1" x14ac:dyDescent="0.15">
      <c r="A94" s="8">
        <v>73</v>
      </c>
      <c r="B94" s="21" t="s">
        <v>220</v>
      </c>
      <c r="C94" s="6" t="s">
        <v>220</v>
      </c>
      <c r="D94" s="5" t="s">
        <v>220</v>
      </c>
    </row>
    <row r="95" spans="1:4" ht="18" customHeight="1" x14ac:dyDescent="0.15">
      <c r="A95" s="8">
        <v>74</v>
      </c>
      <c r="B95" s="21" t="s">
        <v>220</v>
      </c>
      <c r="C95" s="6" t="s">
        <v>220</v>
      </c>
      <c r="D95" s="5" t="s">
        <v>220</v>
      </c>
    </row>
    <row r="96" spans="1:4" ht="18" customHeight="1" x14ac:dyDescent="0.15">
      <c r="A96" s="8" t="s">
        <v>9</v>
      </c>
      <c r="B96" s="21" t="s">
        <v>220</v>
      </c>
      <c r="C96" s="6" t="s">
        <v>220</v>
      </c>
      <c r="D96" s="5" t="s">
        <v>220</v>
      </c>
    </row>
    <row r="97" spans="1:4" ht="18" customHeight="1" x14ac:dyDescent="0.15">
      <c r="A97" s="8">
        <v>75</v>
      </c>
      <c r="B97" s="21" t="s">
        <v>220</v>
      </c>
      <c r="C97" s="6" t="s">
        <v>220</v>
      </c>
      <c r="D97" s="5" t="s">
        <v>220</v>
      </c>
    </row>
    <row r="98" spans="1:4" ht="18" customHeight="1" x14ac:dyDescent="0.15">
      <c r="A98" s="8">
        <v>76</v>
      </c>
      <c r="B98" s="21" t="s">
        <v>220</v>
      </c>
      <c r="C98" s="6" t="s">
        <v>220</v>
      </c>
      <c r="D98" s="5" t="s">
        <v>220</v>
      </c>
    </row>
    <row r="99" spans="1:4" ht="18" customHeight="1" x14ac:dyDescent="0.15">
      <c r="A99" s="8">
        <v>77</v>
      </c>
      <c r="B99" s="21" t="s">
        <v>220</v>
      </c>
      <c r="C99" s="6" t="s">
        <v>220</v>
      </c>
      <c r="D99" s="5" t="s">
        <v>220</v>
      </c>
    </row>
    <row r="100" spans="1:4" ht="18" customHeight="1" x14ac:dyDescent="0.15">
      <c r="A100" s="8">
        <v>78</v>
      </c>
      <c r="B100" s="21" t="s">
        <v>220</v>
      </c>
      <c r="C100" s="6" t="s">
        <v>220</v>
      </c>
      <c r="D100" s="5" t="s">
        <v>220</v>
      </c>
    </row>
    <row r="101" spans="1:4" ht="18" customHeight="1" x14ac:dyDescent="0.15">
      <c r="A101" s="8">
        <v>79</v>
      </c>
      <c r="B101" s="21" t="s">
        <v>220</v>
      </c>
      <c r="C101" s="6" t="s">
        <v>220</v>
      </c>
      <c r="D101" s="5" t="s">
        <v>220</v>
      </c>
    </row>
    <row r="102" spans="1:4" ht="18" customHeight="1" x14ac:dyDescent="0.15">
      <c r="A102" s="8" t="s">
        <v>8</v>
      </c>
      <c r="B102" s="21" t="s">
        <v>220</v>
      </c>
      <c r="C102" s="6" t="s">
        <v>220</v>
      </c>
      <c r="D102" s="5" t="s">
        <v>220</v>
      </c>
    </row>
    <row r="103" spans="1:4" ht="18" customHeight="1" x14ac:dyDescent="0.15">
      <c r="A103" s="8">
        <v>80</v>
      </c>
      <c r="B103" s="21" t="s">
        <v>220</v>
      </c>
      <c r="C103" s="6" t="s">
        <v>220</v>
      </c>
      <c r="D103" s="5" t="s">
        <v>220</v>
      </c>
    </row>
    <row r="104" spans="1:4" ht="18" customHeight="1" x14ac:dyDescent="0.15">
      <c r="A104" s="8">
        <v>81</v>
      </c>
      <c r="B104" s="21" t="s">
        <v>220</v>
      </c>
      <c r="C104" s="6" t="s">
        <v>220</v>
      </c>
      <c r="D104" s="5" t="s">
        <v>220</v>
      </c>
    </row>
    <row r="105" spans="1:4" ht="18" customHeight="1" x14ac:dyDescent="0.15">
      <c r="A105" s="8">
        <v>82</v>
      </c>
      <c r="B105" s="21" t="s">
        <v>220</v>
      </c>
      <c r="C105" s="6" t="s">
        <v>220</v>
      </c>
      <c r="D105" s="5" t="s">
        <v>220</v>
      </c>
    </row>
    <row r="106" spans="1:4" ht="18" customHeight="1" x14ac:dyDescent="0.15">
      <c r="A106" s="8">
        <v>83</v>
      </c>
      <c r="B106" s="21" t="s">
        <v>220</v>
      </c>
      <c r="C106" s="6" t="s">
        <v>220</v>
      </c>
      <c r="D106" s="5" t="s">
        <v>220</v>
      </c>
    </row>
    <row r="107" spans="1:4" ht="18" customHeight="1" x14ac:dyDescent="0.15">
      <c r="A107" s="8">
        <v>84</v>
      </c>
      <c r="B107" s="21" t="s">
        <v>220</v>
      </c>
      <c r="C107" s="6" t="s">
        <v>220</v>
      </c>
      <c r="D107" s="5" t="s">
        <v>220</v>
      </c>
    </row>
    <row r="108" spans="1:4" ht="18" customHeight="1" x14ac:dyDescent="0.15">
      <c r="A108" s="8" t="s">
        <v>7</v>
      </c>
      <c r="B108" s="21" t="s">
        <v>220</v>
      </c>
      <c r="C108" s="6" t="s">
        <v>220</v>
      </c>
      <c r="D108" s="5" t="s">
        <v>220</v>
      </c>
    </row>
    <row r="109" spans="1:4" ht="18" customHeight="1" x14ac:dyDescent="0.15">
      <c r="A109" s="8">
        <v>85</v>
      </c>
      <c r="B109" s="21" t="s">
        <v>220</v>
      </c>
      <c r="C109" s="6" t="s">
        <v>220</v>
      </c>
      <c r="D109" s="5" t="s">
        <v>220</v>
      </c>
    </row>
    <row r="110" spans="1:4" ht="18" customHeight="1" x14ac:dyDescent="0.15">
      <c r="A110" s="8">
        <v>86</v>
      </c>
      <c r="B110" s="21" t="s">
        <v>220</v>
      </c>
      <c r="C110" s="6" t="s">
        <v>220</v>
      </c>
      <c r="D110" s="5" t="s">
        <v>220</v>
      </c>
    </row>
    <row r="111" spans="1:4" ht="18" customHeight="1" x14ac:dyDescent="0.15">
      <c r="A111" s="8">
        <v>87</v>
      </c>
      <c r="B111" s="21" t="s">
        <v>220</v>
      </c>
      <c r="C111" s="6" t="s">
        <v>220</v>
      </c>
      <c r="D111" s="5" t="s">
        <v>220</v>
      </c>
    </row>
    <row r="112" spans="1:4" ht="18" customHeight="1" x14ac:dyDescent="0.15">
      <c r="A112" s="8">
        <v>88</v>
      </c>
      <c r="B112" s="21" t="s">
        <v>220</v>
      </c>
      <c r="C112" s="6" t="s">
        <v>220</v>
      </c>
      <c r="D112" s="5" t="s">
        <v>220</v>
      </c>
    </row>
    <row r="113" spans="1:4" ht="18" customHeight="1" x14ac:dyDescent="0.15">
      <c r="A113" s="8">
        <v>89</v>
      </c>
      <c r="B113" s="21" t="s">
        <v>220</v>
      </c>
      <c r="C113" s="6" t="s">
        <v>220</v>
      </c>
      <c r="D113" s="5" t="s">
        <v>220</v>
      </c>
    </row>
    <row r="114" spans="1:4" ht="18" customHeight="1" x14ac:dyDescent="0.15">
      <c r="A114" s="8" t="s">
        <v>6</v>
      </c>
      <c r="B114" s="21" t="s">
        <v>220</v>
      </c>
      <c r="C114" s="6" t="s">
        <v>220</v>
      </c>
      <c r="D114" s="5" t="s">
        <v>220</v>
      </c>
    </row>
    <row r="115" spans="1:4" ht="18" customHeight="1" x14ac:dyDescent="0.15">
      <c r="A115" s="8">
        <v>90</v>
      </c>
      <c r="B115" s="21" t="s">
        <v>220</v>
      </c>
      <c r="C115" s="6" t="s">
        <v>220</v>
      </c>
      <c r="D115" s="5" t="s">
        <v>220</v>
      </c>
    </row>
    <row r="116" spans="1:4" ht="18" customHeight="1" x14ac:dyDescent="0.15">
      <c r="A116" s="8">
        <v>91</v>
      </c>
      <c r="B116" s="21" t="s">
        <v>220</v>
      </c>
      <c r="C116" s="6" t="s">
        <v>220</v>
      </c>
      <c r="D116" s="5" t="s">
        <v>220</v>
      </c>
    </row>
    <row r="117" spans="1:4" ht="18" customHeight="1" x14ac:dyDescent="0.15">
      <c r="A117" s="8">
        <v>92</v>
      </c>
      <c r="B117" s="21" t="s">
        <v>220</v>
      </c>
      <c r="C117" s="6" t="s">
        <v>220</v>
      </c>
      <c r="D117" s="5" t="s">
        <v>220</v>
      </c>
    </row>
    <row r="118" spans="1:4" ht="18" customHeight="1" x14ac:dyDescent="0.15">
      <c r="A118" s="8">
        <v>93</v>
      </c>
      <c r="B118" s="21" t="s">
        <v>220</v>
      </c>
      <c r="C118" s="6" t="s">
        <v>220</v>
      </c>
      <c r="D118" s="5" t="s">
        <v>220</v>
      </c>
    </row>
    <row r="119" spans="1:4" ht="18" customHeight="1" x14ac:dyDescent="0.15">
      <c r="A119" s="8">
        <v>94</v>
      </c>
      <c r="B119" s="21" t="s">
        <v>220</v>
      </c>
      <c r="C119" s="6" t="s">
        <v>220</v>
      </c>
      <c r="D119" s="5" t="s">
        <v>220</v>
      </c>
    </row>
    <row r="120" spans="1:4" ht="18" customHeight="1" x14ac:dyDescent="0.15">
      <c r="A120" s="8" t="s">
        <v>5</v>
      </c>
      <c r="B120" s="21" t="s">
        <v>220</v>
      </c>
      <c r="C120" s="6" t="s">
        <v>220</v>
      </c>
      <c r="D120" s="5" t="s">
        <v>220</v>
      </c>
    </row>
    <row r="121" spans="1:4" ht="18" customHeight="1" x14ac:dyDescent="0.15">
      <c r="A121" s="8">
        <v>95</v>
      </c>
      <c r="B121" s="21" t="s">
        <v>220</v>
      </c>
      <c r="C121" s="6" t="s">
        <v>220</v>
      </c>
      <c r="D121" s="5" t="s">
        <v>220</v>
      </c>
    </row>
    <row r="122" spans="1:4" ht="18" customHeight="1" x14ac:dyDescent="0.15">
      <c r="A122" s="8">
        <v>96</v>
      </c>
      <c r="B122" s="21" t="s">
        <v>220</v>
      </c>
      <c r="C122" s="6" t="s">
        <v>220</v>
      </c>
      <c r="D122" s="5" t="s">
        <v>220</v>
      </c>
    </row>
    <row r="123" spans="1:4" ht="18" customHeight="1" x14ac:dyDescent="0.15">
      <c r="A123" s="8">
        <v>97</v>
      </c>
      <c r="B123" s="21" t="s">
        <v>220</v>
      </c>
      <c r="C123" s="6" t="s">
        <v>220</v>
      </c>
      <c r="D123" s="5" t="s">
        <v>220</v>
      </c>
    </row>
    <row r="124" spans="1:4" ht="18" customHeight="1" x14ac:dyDescent="0.15">
      <c r="A124" s="8">
        <v>98</v>
      </c>
      <c r="B124" s="21" t="s">
        <v>220</v>
      </c>
      <c r="C124" s="6" t="s">
        <v>220</v>
      </c>
      <c r="D124" s="5" t="s">
        <v>220</v>
      </c>
    </row>
    <row r="125" spans="1:4" ht="18" customHeight="1" x14ac:dyDescent="0.15">
      <c r="A125" s="8">
        <v>99</v>
      </c>
      <c r="B125" s="21" t="s">
        <v>220</v>
      </c>
      <c r="C125" s="6" t="s">
        <v>220</v>
      </c>
      <c r="D125" s="5" t="s">
        <v>220</v>
      </c>
    </row>
    <row r="126" spans="1:4" ht="18" customHeight="1" x14ac:dyDescent="0.15">
      <c r="A126" s="8" t="s">
        <v>4</v>
      </c>
      <c r="B126" s="21" t="s">
        <v>220</v>
      </c>
      <c r="C126" s="6" t="s">
        <v>220</v>
      </c>
      <c r="D126" s="5" t="s">
        <v>220</v>
      </c>
    </row>
    <row r="127" spans="1:4" ht="18" customHeight="1" x14ac:dyDescent="0.15">
      <c r="A127" s="8">
        <v>100</v>
      </c>
      <c r="B127" s="21" t="s">
        <v>220</v>
      </c>
      <c r="C127" s="6" t="s">
        <v>220</v>
      </c>
      <c r="D127" s="5" t="s">
        <v>220</v>
      </c>
    </row>
    <row r="128" spans="1:4" ht="18" customHeight="1" x14ac:dyDescent="0.15">
      <c r="A128" s="9" t="s">
        <v>3</v>
      </c>
      <c r="B128" s="21" t="s">
        <v>220</v>
      </c>
      <c r="C128" s="6" t="s">
        <v>220</v>
      </c>
      <c r="D128" s="5" t="s">
        <v>220</v>
      </c>
    </row>
    <row r="129" spans="1:4" ht="18" customHeight="1" x14ac:dyDescent="0.15">
      <c r="A129" s="8" t="s">
        <v>2</v>
      </c>
      <c r="B129" s="21" t="s">
        <v>220</v>
      </c>
      <c r="C129" s="6" t="s">
        <v>220</v>
      </c>
      <c r="D129" s="5" t="s">
        <v>220</v>
      </c>
    </row>
    <row r="130" spans="1:4" ht="18" customHeight="1" x14ac:dyDescent="0.15">
      <c r="A130" s="8" t="s">
        <v>1</v>
      </c>
      <c r="B130" s="21">
        <v>38</v>
      </c>
      <c r="C130" s="6">
        <v>35</v>
      </c>
      <c r="D130" s="5">
        <v>73</v>
      </c>
    </row>
    <row r="131" spans="1:4" ht="18" customHeight="1" x14ac:dyDescent="0.15">
      <c r="A131" s="4" t="s">
        <v>0</v>
      </c>
      <c r="B131" s="20">
        <v>77</v>
      </c>
      <c r="C131" s="2">
        <v>70</v>
      </c>
      <c r="D131" s="1">
        <v>14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CA927F-A773-4C58-A1B2-D152F7AB34E9}">
  <sheetPr codeName="Sheet9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5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0</v>
      </c>
      <c r="D5" s="30">
        <v>0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1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0</v>
      </c>
      <c r="C10" s="6">
        <v>1</v>
      </c>
      <c r="D10" s="5">
        <v>1</v>
      </c>
    </row>
    <row r="11" spans="1:4" ht="18" customHeight="1" x14ac:dyDescent="0.15">
      <c r="A11" s="8">
        <v>5</v>
      </c>
      <c r="B11" s="26">
        <v>1</v>
      </c>
      <c r="C11" s="6">
        <v>0</v>
      </c>
      <c r="D11" s="5">
        <v>1</v>
      </c>
    </row>
    <row r="12" spans="1:4" ht="18" customHeight="1" x14ac:dyDescent="0.15">
      <c r="A12" s="8">
        <v>6</v>
      </c>
      <c r="B12" s="26">
        <v>0</v>
      </c>
      <c r="C12" s="6">
        <v>1</v>
      </c>
      <c r="D12" s="5">
        <v>1</v>
      </c>
    </row>
    <row r="13" spans="1:4" ht="18" customHeight="1" x14ac:dyDescent="0.15">
      <c r="A13" s="8">
        <v>7</v>
      </c>
      <c r="B13" s="26">
        <v>0</v>
      </c>
      <c r="C13" s="6">
        <v>1</v>
      </c>
      <c r="D13" s="5">
        <v>1</v>
      </c>
    </row>
    <row r="14" spans="1:4" ht="18" customHeight="1" x14ac:dyDescent="0.15">
      <c r="A14" s="8">
        <v>8</v>
      </c>
      <c r="B14" s="26">
        <v>2</v>
      </c>
      <c r="C14" s="6">
        <v>0</v>
      </c>
      <c r="D14" s="5">
        <v>2</v>
      </c>
    </row>
    <row r="15" spans="1:4" ht="18" customHeight="1" x14ac:dyDescent="0.15">
      <c r="A15" s="8">
        <v>9</v>
      </c>
      <c r="B15" s="26">
        <v>0</v>
      </c>
      <c r="C15" s="6">
        <v>0</v>
      </c>
      <c r="D15" s="5">
        <v>0</v>
      </c>
    </row>
    <row r="16" spans="1:4" ht="18" customHeight="1" x14ac:dyDescent="0.15">
      <c r="A16" s="8" t="s">
        <v>24</v>
      </c>
      <c r="B16" s="21">
        <v>3</v>
      </c>
      <c r="C16" s="6">
        <v>2</v>
      </c>
      <c r="D16" s="5">
        <v>5</v>
      </c>
    </row>
    <row r="17" spans="1:4" ht="18" customHeight="1" x14ac:dyDescent="0.15">
      <c r="A17" s="8">
        <v>10</v>
      </c>
      <c r="B17" s="21">
        <v>2</v>
      </c>
      <c r="C17" s="6">
        <v>0</v>
      </c>
      <c r="D17" s="5">
        <v>2</v>
      </c>
    </row>
    <row r="18" spans="1:4" ht="18" customHeight="1" x14ac:dyDescent="0.15">
      <c r="A18" s="8">
        <v>11</v>
      </c>
      <c r="B18" s="21">
        <v>0</v>
      </c>
      <c r="C18" s="6">
        <v>1</v>
      </c>
      <c r="D18" s="5">
        <v>1</v>
      </c>
    </row>
    <row r="19" spans="1:4" ht="18" customHeight="1" x14ac:dyDescent="0.15">
      <c r="A19" s="8">
        <v>12</v>
      </c>
      <c r="B19" s="21">
        <v>1</v>
      </c>
      <c r="C19" s="6">
        <v>0</v>
      </c>
      <c r="D19" s="5">
        <v>1</v>
      </c>
    </row>
    <row r="20" spans="1:4" ht="18" customHeight="1" x14ac:dyDescent="0.15">
      <c r="A20" s="8">
        <v>13</v>
      </c>
      <c r="B20" s="21">
        <v>2</v>
      </c>
      <c r="C20" s="6">
        <v>1</v>
      </c>
      <c r="D20" s="5">
        <v>3</v>
      </c>
    </row>
    <row r="21" spans="1:4" ht="18" customHeight="1" x14ac:dyDescent="0.15">
      <c r="A21" s="8">
        <v>14</v>
      </c>
      <c r="B21" s="21">
        <v>0</v>
      </c>
      <c r="C21" s="6">
        <v>0</v>
      </c>
      <c r="D21" s="5">
        <v>0</v>
      </c>
    </row>
    <row r="22" spans="1:4" ht="18" customHeight="1" x14ac:dyDescent="0.15">
      <c r="A22" s="8" t="s">
        <v>23</v>
      </c>
      <c r="B22" s="21">
        <v>5</v>
      </c>
      <c r="C22" s="6">
        <v>2</v>
      </c>
      <c r="D22" s="5">
        <v>7</v>
      </c>
    </row>
    <row r="23" spans="1:4" ht="18" customHeight="1" x14ac:dyDescent="0.15">
      <c r="A23" s="8" t="s">
        <v>22</v>
      </c>
      <c r="B23" s="21">
        <v>8</v>
      </c>
      <c r="C23" s="6">
        <v>5</v>
      </c>
      <c r="D23" s="5">
        <v>13</v>
      </c>
    </row>
    <row r="24" spans="1:4" ht="18" customHeight="1" x14ac:dyDescent="0.15">
      <c r="A24" s="8">
        <v>15</v>
      </c>
      <c r="B24" s="21">
        <v>2</v>
      </c>
      <c r="C24" s="6">
        <v>0</v>
      </c>
      <c r="D24" s="5">
        <v>2</v>
      </c>
    </row>
    <row r="25" spans="1:4" ht="18" customHeight="1" x14ac:dyDescent="0.15">
      <c r="A25" s="8">
        <v>16</v>
      </c>
      <c r="B25" s="21">
        <v>0</v>
      </c>
      <c r="C25" s="6">
        <v>1</v>
      </c>
      <c r="D25" s="5">
        <v>1</v>
      </c>
    </row>
    <row r="26" spans="1:4" ht="18" customHeight="1" x14ac:dyDescent="0.15">
      <c r="A26" s="8">
        <v>17</v>
      </c>
      <c r="B26" s="21">
        <v>1</v>
      </c>
      <c r="C26" s="6">
        <v>1</v>
      </c>
      <c r="D26" s="5">
        <v>2</v>
      </c>
    </row>
    <row r="27" spans="1:4" ht="18" customHeight="1" x14ac:dyDescent="0.15">
      <c r="A27" s="8">
        <v>18</v>
      </c>
      <c r="B27" s="21">
        <v>3</v>
      </c>
      <c r="C27" s="6">
        <v>1</v>
      </c>
      <c r="D27" s="5">
        <v>4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6</v>
      </c>
      <c r="C29" s="6">
        <v>4</v>
      </c>
      <c r="D29" s="5">
        <v>10</v>
      </c>
    </row>
    <row r="30" spans="1:4" ht="18" customHeight="1" x14ac:dyDescent="0.15">
      <c r="A30" s="8">
        <v>20</v>
      </c>
      <c r="B30" s="21">
        <v>1</v>
      </c>
      <c r="C30" s="6">
        <v>1</v>
      </c>
      <c r="D30" s="5">
        <v>2</v>
      </c>
    </row>
    <row r="31" spans="1:4" ht="18" customHeight="1" x14ac:dyDescent="0.15">
      <c r="A31" s="8">
        <v>21</v>
      </c>
      <c r="B31" s="21">
        <v>1</v>
      </c>
      <c r="C31" s="6">
        <v>1</v>
      </c>
      <c r="D31" s="5">
        <v>2</v>
      </c>
    </row>
    <row r="32" spans="1:4" ht="18" customHeight="1" x14ac:dyDescent="0.15">
      <c r="A32" s="8">
        <v>22</v>
      </c>
      <c r="B32" s="21">
        <v>1</v>
      </c>
      <c r="C32" s="6">
        <v>1</v>
      </c>
      <c r="D32" s="5">
        <v>2</v>
      </c>
    </row>
    <row r="33" spans="1:4" ht="18" customHeight="1" x14ac:dyDescent="0.15">
      <c r="A33" s="8">
        <v>23</v>
      </c>
      <c r="B33" s="21">
        <v>1</v>
      </c>
      <c r="C33" s="6">
        <v>1</v>
      </c>
      <c r="D33" s="5">
        <v>2</v>
      </c>
    </row>
    <row r="34" spans="1:4" ht="18" customHeight="1" x14ac:dyDescent="0.15">
      <c r="A34" s="8">
        <v>24</v>
      </c>
      <c r="B34" s="21">
        <v>3</v>
      </c>
      <c r="C34" s="6">
        <v>0</v>
      </c>
      <c r="D34" s="5">
        <v>3</v>
      </c>
    </row>
    <row r="35" spans="1:4" ht="18" customHeight="1" x14ac:dyDescent="0.15">
      <c r="A35" s="8" t="s">
        <v>20</v>
      </c>
      <c r="B35" s="21">
        <v>7</v>
      </c>
      <c r="C35" s="6">
        <v>4</v>
      </c>
      <c r="D35" s="5">
        <v>11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1</v>
      </c>
      <c r="C37" s="6">
        <v>1</v>
      </c>
      <c r="D37" s="5">
        <v>2</v>
      </c>
    </row>
    <row r="38" spans="1:4" ht="18" customHeight="1" x14ac:dyDescent="0.15">
      <c r="A38" s="8">
        <v>27</v>
      </c>
      <c r="B38" s="21">
        <v>1</v>
      </c>
      <c r="C38" s="6">
        <v>0</v>
      </c>
      <c r="D38" s="5">
        <v>1</v>
      </c>
    </row>
    <row r="39" spans="1:4" ht="18" customHeight="1" x14ac:dyDescent="0.15">
      <c r="A39" s="8">
        <v>28</v>
      </c>
      <c r="B39" s="21">
        <v>0</v>
      </c>
      <c r="C39" s="6">
        <v>0</v>
      </c>
      <c r="D39" s="5">
        <v>0</v>
      </c>
    </row>
    <row r="40" spans="1:4" ht="18" customHeight="1" x14ac:dyDescent="0.15">
      <c r="A40" s="8">
        <v>29</v>
      </c>
      <c r="B40" s="21">
        <v>0</v>
      </c>
      <c r="C40" s="6">
        <v>0</v>
      </c>
      <c r="D40" s="5">
        <v>0</v>
      </c>
    </row>
    <row r="41" spans="1:4" ht="18" customHeight="1" x14ac:dyDescent="0.15">
      <c r="A41" s="8" t="s">
        <v>19</v>
      </c>
      <c r="B41" s="21">
        <v>2</v>
      </c>
      <c r="C41" s="6">
        <v>1</v>
      </c>
      <c r="D41" s="5">
        <v>3</v>
      </c>
    </row>
    <row r="42" spans="1:4" ht="18" customHeight="1" x14ac:dyDescent="0.15">
      <c r="A42" s="8">
        <v>30</v>
      </c>
      <c r="B42" s="21">
        <v>0</v>
      </c>
      <c r="C42" s="6">
        <v>1</v>
      </c>
      <c r="D42" s="5">
        <v>1</v>
      </c>
    </row>
    <row r="43" spans="1:4" ht="18" customHeight="1" x14ac:dyDescent="0.15">
      <c r="A43" s="8">
        <v>31</v>
      </c>
      <c r="B43" s="21">
        <v>0</v>
      </c>
      <c r="C43" s="6">
        <v>0</v>
      </c>
      <c r="D43" s="5">
        <v>0</v>
      </c>
    </row>
    <row r="44" spans="1:4" ht="18" customHeight="1" x14ac:dyDescent="0.15">
      <c r="A44" s="8">
        <v>32</v>
      </c>
      <c r="B44" s="21">
        <v>1</v>
      </c>
      <c r="C44" s="6">
        <v>1</v>
      </c>
      <c r="D44" s="5">
        <v>2</v>
      </c>
    </row>
    <row r="45" spans="1:4" ht="18" customHeight="1" x14ac:dyDescent="0.15">
      <c r="A45" s="8">
        <v>33</v>
      </c>
      <c r="B45" s="21">
        <v>2</v>
      </c>
      <c r="C45" s="6">
        <v>0</v>
      </c>
      <c r="D45" s="5">
        <v>2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5</v>
      </c>
      <c r="C47" s="6">
        <v>2</v>
      </c>
      <c r="D47" s="5">
        <v>7</v>
      </c>
    </row>
    <row r="48" spans="1:4" ht="18" customHeight="1" x14ac:dyDescent="0.15">
      <c r="A48" s="8">
        <v>35</v>
      </c>
      <c r="B48" s="21">
        <v>3</v>
      </c>
      <c r="C48" s="6">
        <v>1</v>
      </c>
      <c r="D48" s="5">
        <v>4</v>
      </c>
    </row>
    <row r="49" spans="1:4" ht="18" customHeight="1" x14ac:dyDescent="0.15">
      <c r="A49" s="8">
        <v>36</v>
      </c>
      <c r="B49" s="21">
        <v>0</v>
      </c>
      <c r="C49" s="6">
        <v>1</v>
      </c>
      <c r="D49" s="5">
        <v>1</v>
      </c>
    </row>
    <row r="50" spans="1:4" ht="18" customHeight="1" x14ac:dyDescent="0.15">
      <c r="A50" s="8">
        <v>37</v>
      </c>
      <c r="B50" s="21">
        <v>2</v>
      </c>
      <c r="C50" s="6">
        <v>0</v>
      </c>
      <c r="D50" s="5">
        <v>2</v>
      </c>
    </row>
    <row r="51" spans="1:4" ht="18" customHeight="1" x14ac:dyDescent="0.15">
      <c r="A51" s="8">
        <v>38</v>
      </c>
      <c r="B51" s="21">
        <v>1</v>
      </c>
      <c r="C51" s="6">
        <v>0</v>
      </c>
      <c r="D51" s="5">
        <v>1</v>
      </c>
    </row>
    <row r="52" spans="1:4" ht="18" customHeight="1" x14ac:dyDescent="0.15">
      <c r="A52" s="8">
        <v>39</v>
      </c>
      <c r="B52" s="21">
        <v>1</v>
      </c>
      <c r="C52" s="6">
        <v>1</v>
      </c>
      <c r="D52" s="5">
        <v>2</v>
      </c>
    </row>
    <row r="53" spans="1:4" ht="18" customHeight="1" x14ac:dyDescent="0.15">
      <c r="A53" s="8" t="s">
        <v>17</v>
      </c>
      <c r="B53" s="21">
        <v>7</v>
      </c>
      <c r="C53" s="6">
        <v>3</v>
      </c>
      <c r="D53" s="5">
        <v>10</v>
      </c>
    </row>
    <row r="54" spans="1:4" ht="18" customHeight="1" x14ac:dyDescent="0.15">
      <c r="A54" s="8">
        <v>40</v>
      </c>
      <c r="B54" s="21">
        <v>1</v>
      </c>
      <c r="C54" s="6">
        <v>0</v>
      </c>
      <c r="D54" s="5">
        <v>1</v>
      </c>
    </row>
    <row r="55" spans="1:4" ht="18" customHeight="1" x14ac:dyDescent="0.15">
      <c r="A55" s="8">
        <v>41</v>
      </c>
      <c r="B55" s="21">
        <v>0</v>
      </c>
      <c r="C55" s="6">
        <v>2</v>
      </c>
      <c r="D55" s="5">
        <v>2</v>
      </c>
    </row>
    <row r="56" spans="1:4" ht="18" customHeight="1" x14ac:dyDescent="0.15">
      <c r="A56" s="8">
        <v>42</v>
      </c>
      <c r="B56" s="21">
        <v>1</v>
      </c>
      <c r="C56" s="6">
        <v>0</v>
      </c>
      <c r="D56" s="5">
        <v>1</v>
      </c>
    </row>
    <row r="57" spans="1:4" ht="18" customHeight="1" x14ac:dyDescent="0.15">
      <c r="A57" s="8">
        <v>43</v>
      </c>
      <c r="B57" s="21">
        <v>1</v>
      </c>
      <c r="C57" s="6">
        <v>1</v>
      </c>
      <c r="D57" s="5">
        <v>2</v>
      </c>
    </row>
    <row r="58" spans="1:4" ht="18" customHeight="1" x14ac:dyDescent="0.15">
      <c r="A58" s="8">
        <v>44</v>
      </c>
      <c r="B58" s="21">
        <v>4</v>
      </c>
      <c r="C58" s="6">
        <v>2</v>
      </c>
      <c r="D58" s="5">
        <v>6</v>
      </c>
    </row>
    <row r="59" spans="1:4" ht="18" customHeight="1" x14ac:dyDescent="0.15">
      <c r="A59" s="8" t="s">
        <v>16</v>
      </c>
      <c r="B59" s="21">
        <v>7</v>
      </c>
      <c r="C59" s="6">
        <v>5</v>
      </c>
      <c r="D59" s="5">
        <v>12</v>
      </c>
    </row>
    <row r="60" spans="1:4" ht="18" customHeight="1" x14ac:dyDescent="0.15">
      <c r="A60" s="8">
        <v>45</v>
      </c>
      <c r="B60" s="21">
        <v>2</v>
      </c>
      <c r="C60" s="6">
        <v>2</v>
      </c>
      <c r="D60" s="5">
        <v>4</v>
      </c>
    </row>
    <row r="61" spans="1:4" ht="18" customHeight="1" x14ac:dyDescent="0.15">
      <c r="A61" s="8">
        <v>46</v>
      </c>
      <c r="B61" s="21">
        <v>1</v>
      </c>
      <c r="C61" s="6">
        <v>2</v>
      </c>
      <c r="D61" s="5">
        <v>3</v>
      </c>
    </row>
    <row r="62" spans="1:4" ht="18" customHeight="1" x14ac:dyDescent="0.15">
      <c r="A62" s="8">
        <v>47</v>
      </c>
      <c r="B62" s="21">
        <v>2</v>
      </c>
      <c r="C62" s="6">
        <v>0</v>
      </c>
      <c r="D62" s="5">
        <v>2</v>
      </c>
    </row>
    <row r="63" spans="1:4" ht="18" customHeight="1" x14ac:dyDescent="0.15">
      <c r="A63" s="8">
        <v>48</v>
      </c>
      <c r="B63" s="21">
        <v>4</v>
      </c>
      <c r="C63" s="6">
        <v>2</v>
      </c>
      <c r="D63" s="5">
        <v>6</v>
      </c>
    </row>
    <row r="64" spans="1:4" ht="18" customHeight="1" x14ac:dyDescent="0.15">
      <c r="A64" s="8">
        <v>49</v>
      </c>
      <c r="B64" s="21">
        <v>2</v>
      </c>
      <c r="C64" s="6">
        <v>2</v>
      </c>
      <c r="D64" s="5">
        <v>4</v>
      </c>
    </row>
    <row r="65" spans="1:4" ht="18" customHeight="1" x14ac:dyDescent="0.15">
      <c r="A65" s="8" t="s">
        <v>15</v>
      </c>
      <c r="B65" s="21">
        <v>11</v>
      </c>
      <c r="C65" s="6">
        <v>8</v>
      </c>
      <c r="D65" s="5">
        <v>19</v>
      </c>
    </row>
    <row r="66" spans="1:4" ht="18" customHeight="1" x14ac:dyDescent="0.15">
      <c r="A66" s="8">
        <v>50</v>
      </c>
      <c r="B66" s="21">
        <v>2</v>
      </c>
      <c r="C66" s="6">
        <v>3</v>
      </c>
      <c r="D66" s="5">
        <v>5</v>
      </c>
    </row>
    <row r="67" spans="1:4" ht="18" customHeight="1" x14ac:dyDescent="0.15">
      <c r="A67" s="8">
        <v>51</v>
      </c>
      <c r="B67" s="21">
        <v>4</v>
      </c>
      <c r="C67" s="6">
        <v>3</v>
      </c>
      <c r="D67" s="5">
        <v>7</v>
      </c>
    </row>
    <row r="68" spans="1:4" ht="18" customHeight="1" x14ac:dyDescent="0.15">
      <c r="A68" s="8">
        <v>52</v>
      </c>
      <c r="B68" s="21">
        <v>3</v>
      </c>
      <c r="C68" s="6">
        <v>3</v>
      </c>
      <c r="D68" s="5">
        <v>6</v>
      </c>
    </row>
    <row r="69" spans="1:4" ht="18" customHeight="1" x14ac:dyDescent="0.15">
      <c r="A69" s="8">
        <v>53</v>
      </c>
      <c r="B69" s="21">
        <v>3</v>
      </c>
      <c r="C69" s="6">
        <v>3</v>
      </c>
      <c r="D69" s="5">
        <v>6</v>
      </c>
    </row>
    <row r="70" spans="1:4" ht="18" customHeight="1" x14ac:dyDescent="0.15">
      <c r="A70" s="8">
        <v>54</v>
      </c>
      <c r="B70" s="21">
        <v>4</v>
      </c>
      <c r="C70" s="6">
        <v>1</v>
      </c>
      <c r="D70" s="5">
        <v>5</v>
      </c>
    </row>
    <row r="71" spans="1:4" ht="18" customHeight="1" x14ac:dyDescent="0.15">
      <c r="A71" s="8" t="s">
        <v>14</v>
      </c>
      <c r="B71" s="21">
        <v>16</v>
      </c>
      <c r="C71" s="6">
        <v>13</v>
      </c>
      <c r="D71" s="5">
        <v>29</v>
      </c>
    </row>
    <row r="72" spans="1:4" ht="18" customHeight="1" x14ac:dyDescent="0.15">
      <c r="A72" s="8">
        <v>55</v>
      </c>
      <c r="B72" s="21">
        <v>5</v>
      </c>
      <c r="C72" s="6">
        <v>2</v>
      </c>
      <c r="D72" s="5">
        <v>7</v>
      </c>
    </row>
    <row r="73" spans="1:4" ht="18" customHeight="1" x14ac:dyDescent="0.15">
      <c r="A73" s="8">
        <v>56</v>
      </c>
      <c r="B73" s="21">
        <v>3</v>
      </c>
      <c r="C73" s="6">
        <v>1</v>
      </c>
      <c r="D73" s="5">
        <v>4</v>
      </c>
    </row>
    <row r="74" spans="1:4" ht="18" customHeight="1" x14ac:dyDescent="0.15">
      <c r="A74" s="8">
        <v>57</v>
      </c>
      <c r="B74" s="21">
        <v>1</v>
      </c>
      <c r="C74" s="6">
        <v>4</v>
      </c>
      <c r="D74" s="5">
        <v>5</v>
      </c>
    </row>
    <row r="75" spans="1:4" ht="18" customHeight="1" x14ac:dyDescent="0.15">
      <c r="A75" s="8">
        <v>58</v>
      </c>
      <c r="B75" s="21">
        <v>3</v>
      </c>
      <c r="C75" s="6">
        <v>1</v>
      </c>
      <c r="D75" s="5">
        <v>4</v>
      </c>
    </row>
    <row r="76" spans="1:4" ht="18" customHeight="1" x14ac:dyDescent="0.15">
      <c r="A76" s="8">
        <v>59</v>
      </c>
      <c r="B76" s="21">
        <v>3</v>
      </c>
      <c r="C76" s="6">
        <v>1</v>
      </c>
      <c r="D76" s="5">
        <v>4</v>
      </c>
    </row>
    <row r="77" spans="1:4" ht="18" customHeight="1" x14ac:dyDescent="0.15">
      <c r="A77" s="8" t="s">
        <v>13</v>
      </c>
      <c r="B77" s="21">
        <v>15</v>
      </c>
      <c r="C77" s="6">
        <v>9</v>
      </c>
      <c r="D77" s="5">
        <v>24</v>
      </c>
    </row>
    <row r="78" spans="1:4" ht="18" customHeight="1" x14ac:dyDescent="0.15">
      <c r="A78" s="8">
        <v>60</v>
      </c>
      <c r="B78" s="21">
        <v>1</v>
      </c>
      <c r="C78" s="6">
        <v>1</v>
      </c>
      <c r="D78" s="5">
        <v>2</v>
      </c>
    </row>
    <row r="79" spans="1:4" ht="18" customHeight="1" x14ac:dyDescent="0.15">
      <c r="A79" s="8">
        <v>61</v>
      </c>
      <c r="B79" s="21">
        <v>1</v>
      </c>
      <c r="C79" s="6">
        <v>2</v>
      </c>
      <c r="D79" s="5">
        <v>3</v>
      </c>
    </row>
    <row r="80" spans="1:4" ht="18" customHeight="1" x14ac:dyDescent="0.15">
      <c r="A80" s="8">
        <v>62</v>
      </c>
      <c r="B80" s="21">
        <v>0</v>
      </c>
      <c r="C80" s="6">
        <v>1</v>
      </c>
      <c r="D80" s="5">
        <v>1</v>
      </c>
    </row>
    <row r="81" spans="1:4" ht="18" customHeight="1" x14ac:dyDescent="0.15">
      <c r="A81" s="8">
        <v>63</v>
      </c>
      <c r="B81" s="21">
        <v>0</v>
      </c>
      <c r="C81" s="6">
        <v>1</v>
      </c>
      <c r="D81" s="5">
        <v>1</v>
      </c>
    </row>
    <row r="82" spans="1:4" ht="18" customHeight="1" x14ac:dyDescent="0.15">
      <c r="A82" s="8">
        <v>64</v>
      </c>
      <c r="B82" s="21">
        <v>0</v>
      </c>
      <c r="C82" s="6">
        <v>5</v>
      </c>
      <c r="D82" s="5">
        <v>5</v>
      </c>
    </row>
    <row r="83" spans="1:4" ht="18" customHeight="1" x14ac:dyDescent="0.15">
      <c r="A83" s="8" t="s">
        <v>12</v>
      </c>
      <c r="B83" s="21">
        <v>2</v>
      </c>
      <c r="C83" s="6">
        <v>10</v>
      </c>
      <c r="D83" s="5">
        <v>12</v>
      </c>
    </row>
    <row r="84" spans="1:4" ht="18" customHeight="1" x14ac:dyDescent="0.15">
      <c r="A84" s="8" t="s">
        <v>11</v>
      </c>
      <c r="B84" s="21">
        <v>78</v>
      </c>
      <c r="C84" s="6">
        <v>59</v>
      </c>
      <c r="D84" s="5">
        <v>137</v>
      </c>
    </row>
    <row r="85" spans="1:4" ht="18" customHeight="1" x14ac:dyDescent="0.15">
      <c r="A85" s="8">
        <v>65</v>
      </c>
      <c r="B85" s="21">
        <v>0</v>
      </c>
      <c r="C85" s="6">
        <v>2</v>
      </c>
      <c r="D85" s="5">
        <v>2</v>
      </c>
    </row>
    <row r="86" spans="1:4" ht="18" customHeight="1" x14ac:dyDescent="0.15">
      <c r="A86" s="8">
        <v>66</v>
      </c>
      <c r="B86" s="21">
        <v>0</v>
      </c>
      <c r="C86" s="6">
        <v>1</v>
      </c>
      <c r="D86" s="5">
        <v>1</v>
      </c>
    </row>
    <row r="87" spans="1:4" ht="18" customHeight="1" x14ac:dyDescent="0.15">
      <c r="A87" s="8">
        <v>67</v>
      </c>
      <c r="B87" s="21">
        <v>6</v>
      </c>
      <c r="C87" s="6">
        <v>1</v>
      </c>
      <c r="D87" s="5">
        <v>7</v>
      </c>
    </row>
    <row r="88" spans="1:4" ht="18" customHeight="1" x14ac:dyDescent="0.15">
      <c r="A88" s="8">
        <v>68</v>
      </c>
      <c r="B88" s="21">
        <v>0</v>
      </c>
      <c r="C88" s="6">
        <v>2</v>
      </c>
      <c r="D88" s="5">
        <v>2</v>
      </c>
    </row>
    <row r="89" spans="1:4" ht="18" customHeight="1" x14ac:dyDescent="0.15">
      <c r="A89" s="8">
        <v>69</v>
      </c>
      <c r="B89" s="21">
        <v>3</v>
      </c>
      <c r="C89" s="6">
        <v>2</v>
      </c>
      <c r="D89" s="5">
        <v>5</v>
      </c>
    </row>
    <row r="90" spans="1:4" ht="18" customHeight="1" x14ac:dyDescent="0.15">
      <c r="A90" s="8" t="s">
        <v>10</v>
      </c>
      <c r="B90" s="21">
        <v>9</v>
      </c>
      <c r="C90" s="6">
        <v>8</v>
      </c>
      <c r="D90" s="5">
        <v>17</v>
      </c>
    </row>
    <row r="91" spans="1:4" ht="18" customHeight="1" x14ac:dyDescent="0.15">
      <c r="A91" s="8">
        <v>70</v>
      </c>
      <c r="B91" s="21">
        <v>1</v>
      </c>
      <c r="C91" s="6">
        <v>2</v>
      </c>
      <c r="D91" s="5">
        <v>3</v>
      </c>
    </row>
    <row r="92" spans="1:4" ht="18" customHeight="1" x14ac:dyDescent="0.15">
      <c r="A92" s="8">
        <v>71</v>
      </c>
      <c r="B92" s="21">
        <v>5</v>
      </c>
      <c r="C92" s="6">
        <v>3</v>
      </c>
      <c r="D92" s="5">
        <v>8</v>
      </c>
    </row>
    <row r="93" spans="1:4" ht="18" customHeight="1" x14ac:dyDescent="0.15">
      <c r="A93" s="8">
        <v>72</v>
      </c>
      <c r="B93" s="21">
        <v>3</v>
      </c>
      <c r="C93" s="6">
        <v>3</v>
      </c>
      <c r="D93" s="5">
        <v>6</v>
      </c>
    </row>
    <row r="94" spans="1:4" ht="18" customHeight="1" x14ac:dyDescent="0.15">
      <c r="A94" s="8">
        <v>73</v>
      </c>
      <c r="B94" s="21">
        <v>1</v>
      </c>
      <c r="C94" s="6">
        <v>2</v>
      </c>
      <c r="D94" s="5">
        <v>3</v>
      </c>
    </row>
    <row r="95" spans="1:4" ht="18" customHeight="1" x14ac:dyDescent="0.15">
      <c r="A95" s="8">
        <v>74</v>
      </c>
      <c r="B95" s="21">
        <v>2</v>
      </c>
      <c r="C95" s="6">
        <v>2</v>
      </c>
      <c r="D95" s="5">
        <v>4</v>
      </c>
    </row>
    <row r="96" spans="1:4" ht="18" customHeight="1" x14ac:dyDescent="0.15">
      <c r="A96" s="8" t="s">
        <v>9</v>
      </c>
      <c r="B96" s="21">
        <v>12</v>
      </c>
      <c r="C96" s="6">
        <v>12</v>
      </c>
      <c r="D96" s="5">
        <v>24</v>
      </c>
    </row>
    <row r="97" spans="1:4" ht="18" customHeight="1" x14ac:dyDescent="0.15">
      <c r="A97" s="8">
        <v>75</v>
      </c>
      <c r="B97" s="21">
        <v>4</v>
      </c>
      <c r="C97" s="6">
        <v>3</v>
      </c>
      <c r="D97" s="5">
        <v>7</v>
      </c>
    </row>
    <row r="98" spans="1:4" ht="18" customHeight="1" x14ac:dyDescent="0.15">
      <c r="A98" s="8">
        <v>76</v>
      </c>
      <c r="B98" s="21">
        <v>2</v>
      </c>
      <c r="C98" s="6">
        <v>5</v>
      </c>
      <c r="D98" s="5">
        <v>7</v>
      </c>
    </row>
    <row r="99" spans="1:4" ht="18" customHeight="1" x14ac:dyDescent="0.15">
      <c r="A99" s="8">
        <v>77</v>
      </c>
      <c r="B99" s="21">
        <v>1</v>
      </c>
      <c r="C99" s="6">
        <v>0</v>
      </c>
      <c r="D99" s="5">
        <v>1</v>
      </c>
    </row>
    <row r="100" spans="1:4" ht="18" customHeight="1" x14ac:dyDescent="0.15">
      <c r="A100" s="8">
        <v>78</v>
      </c>
      <c r="B100" s="21">
        <v>3</v>
      </c>
      <c r="C100" s="6">
        <v>6</v>
      </c>
      <c r="D100" s="5">
        <v>9</v>
      </c>
    </row>
    <row r="101" spans="1:4" ht="18" customHeight="1" x14ac:dyDescent="0.15">
      <c r="A101" s="8">
        <v>79</v>
      </c>
      <c r="B101" s="21">
        <v>1</v>
      </c>
      <c r="C101" s="6">
        <v>0</v>
      </c>
      <c r="D101" s="5">
        <v>1</v>
      </c>
    </row>
    <row r="102" spans="1:4" ht="18" customHeight="1" x14ac:dyDescent="0.15">
      <c r="A102" s="8" t="s">
        <v>8</v>
      </c>
      <c r="B102" s="21">
        <v>11</v>
      </c>
      <c r="C102" s="6">
        <v>14</v>
      </c>
      <c r="D102" s="5">
        <v>25</v>
      </c>
    </row>
    <row r="103" spans="1:4" ht="18" customHeight="1" x14ac:dyDescent="0.15">
      <c r="A103" s="8">
        <v>80</v>
      </c>
      <c r="B103" s="21">
        <v>1</v>
      </c>
      <c r="C103" s="6">
        <v>1</v>
      </c>
      <c r="D103" s="5">
        <v>2</v>
      </c>
    </row>
    <row r="104" spans="1:4" ht="18" customHeight="1" x14ac:dyDescent="0.15">
      <c r="A104" s="8">
        <v>81</v>
      </c>
      <c r="B104" s="21">
        <v>1</v>
      </c>
      <c r="C104" s="6">
        <v>0</v>
      </c>
      <c r="D104" s="5">
        <v>1</v>
      </c>
    </row>
    <row r="105" spans="1:4" ht="18" customHeight="1" x14ac:dyDescent="0.15">
      <c r="A105" s="8">
        <v>82</v>
      </c>
      <c r="B105" s="21">
        <v>1</v>
      </c>
      <c r="C105" s="6">
        <v>2</v>
      </c>
      <c r="D105" s="5">
        <v>3</v>
      </c>
    </row>
    <row r="106" spans="1:4" ht="18" customHeight="1" x14ac:dyDescent="0.15">
      <c r="A106" s="8">
        <v>83</v>
      </c>
      <c r="B106" s="21">
        <v>0</v>
      </c>
      <c r="C106" s="6">
        <v>0</v>
      </c>
      <c r="D106" s="5">
        <v>0</v>
      </c>
    </row>
    <row r="107" spans="1:4" ht="18" customHeight="1" x14ac:dyDescent="0.15">
      <c r="A107" s="8">
        <v>84</v>
      </c>
      <c r="B107" s="21">
        <v>2</v>
      </c>
      <c r="C107" s="6">
        <v>5</v>
      </c>
      <c r="D107" s="5">
        <v>7</v>
      </c>
    </row>
    <row r="108" spans="1:4" ht="18" customHeight="1" x14ac:dyDescent="0.15">
      <c r="A108" s="8" t="s">
        <v>7</v>
      </c>
      <c r="B108" s="21">
        <v>5</v>
      </c>
      <c r="C108" s="6">
        <v>8</v>
      </c>
      <c r="D108" s="5">
        <v>13</v>
      </c>
    </row>
    <row r="109" spans="1:4" ht="18" customHeight="1" x14ac:dyDescent="0.15">
      <c r="A109" s="8">
        <v>85</v>
      </c>
      <c r="B109" s="21">
        <v>1</v>
      </c>
      <c r="C109" s="6">
        <v>0</v>
      </c>
      <c r="D109" s="5">
        <v>1</v>
      </c>
    </row>
    <row r="110" spans="1:4" ht="18" customHeight="1" x14ac:dyDescent="0.15">
      <c r="A110" s="8">
        <v>86</v>
      </c>
      <c r="B110" s="21">
        <v>0</v>
      </c>
      <c r="C110" s="6">
        <v>1</v>
      </c>
      <c r="D110" s="5">
        <v>1</v>
      </c>
    </row>
    <row r="111" spans="1:4" ht="18" customHeight="1" x14ac:dyDescent="0.15">
      <c r="A111" s="8">
        <v>87</v>
      </c>
      <c r="B111" s="21">
        <v>0</v>
      </c>
      <c r="C111" s="6">
        <v>1</v>
      </c>
      <c r="D111" s="5">
        <v>1</v>
      </c>
    </row>
    <row r="112" spans="1:4" ht="18" customHeight="1" x14ac:dyDescent="0.15">
      <c r="A112" s="8">
        <v>88</v>
      </c>
      <c r="B112" s="21">
        <v>1</v>
      </c>
      <c r="C112" s="6">
        <v>0</v>
      </c>
      <c r="D112" s="5">
        <v>1</v>
      </c>
    </row>
    <row r="113" spans="1:4" ht="18" customHeight="1" x14ac:dyDescent="0.15">
      <c r="A113" s="8">
        <v>89</v>
      </c>
      <c r="B113" s="21">
        <v>1</v>
      </c>
      <c r="C113" s="6">
        <v>2</v>
      </c>
      <c r="D113" s="5">
        <v>3</v>
      </c>
    </row>
    <row r="114" spans="1:4" ht="18" customHeight="1" x14ac:dyDescent="0.15">
      <c r="A114" s="8" t="s">
        <v>6</v>
      </c>
      <c r="B114" s="21">
        <v>3</v>
      </c>
      <c r="C114" s="6">
        <v>4</v>
      </c>
      <c r="D114" s="5">
        <v>7</v>
      </c>
    </row>
    <row r="115" spans="1:4" ht="18" customHeight="1" x14ac:dyDescent="0.15">
      <c r="A115" s="8">
        <v>90</v>
      </c>
      <c r="B115" s="21">
        <v>0</v>
      </c>
      <c r="C115" s="6">
        <v>1</v>
      </c>
      <c r="D115" s="5">
        <v>1</v>
      </c>
    </row>
    <row r="116" spans="1:4" ht="18" customHeight="1" x14ac:dyDescent="0.15">
      <c r="A116" s="8">
        <v>91</v>
      </c>
      <c r="B116" s="21">
        <v>0</v>
      </c>
      <c r="C116" s="6">
        <v>3</v>
      </c>
      <c r="D116" s="5">
        <v>3</v>
      </c>
    </row>
    <row r="117" spans="1:4" ht="18" customHeight="1" x14ac:dyDescent="0.15">
      <c r="A117" s="8">
        <v>92</v>
      </c>
      <c r="B117" s="21">
        <v>0</v>
      </c>
      <c r="C117" s="6">
        <v>0</v>
      </c>
      <c r="D117" s="5">
        <v>0</v>
      </c>
    </row>
    <row r="118" spans="1:4" ht="18" customHeight="1" x14ac:dyDescent="0.15">
      <c r="A118" s="8">
        <v>93</v>
      </c>
      <c r="B118" s="21">
        <v>0</v>
      </c>
      <c r="C118" s="6">
        <v>0</v>
      </c>
      <c r="D118" s="5">
        <v>0</v>
      </c>
    </row>
    <row r="119" spans="1:4" ht="18" customHeight="1" x14ac:dyDescent="0.15">
      <c r="A119" s="8">
        <v>94</v>
      </c>
      <c r="B119" s="21">
        <v>0</v>
      </c>
      <c r="C119" s="6">
        <v>0</v>
      </c>
      <c r="D119" s="5">
        <v>0</v>
      </c>
    </row>
    <row r="120" spans="1:4" ht="18" customHeight="1" x14ac:dyDescent="0.15">
      <c r="A120" s="8" t="s">
        <v>5</v>
      </c>
      <c r="B120" s="21">
        <v>0</v>
      </c>
      <c r="C120" s="6">
        <v>4</v>
      </c>
      <c r="D120" s="5">
        <v>4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1</v>
      </c>
      <c r="C122" s="6">
        <v>2</v>
      </c>
      <c r="D122" s="5">
        <v>3</v>
      </c>
    </row>
    <row r="123" spans="1:4" ht="18" customHeight="1" x14ac:dyDescent="0.15">
      <c r="A123" s="8">
        <v>97</v>
      </c>
      <c r="B123" s="21">
        <v>0</v>
      </c>
      <c r="C123" s="6">
        <v>0</v>
      </c>
      <c r="D123" s="5">
        <v>0</v>
      </c>
    </row>
    <row r="124" spans="1:4" ht="18" customHeight="1" x14ac:dyDescent="0.15">
      <c r="A124" s="8">
        <v>98</v>
      </c>
      <c r="B124" s="21">
        <v>0</v>
      </c>
      <c r="C124" s="6">
        <v>1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4</v>
      </c>
      <c r="D126" s="5">
        <v>5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41</v>
      </c>
      <c r="C130" s="6">
        <v>55</v>
      </c>
      <c r="D130" s="5">
        <v>96</v>
      </c>
    </row>
    <row r="131" spans="1:4" ht="18" customHeight="1" x14ac:dyDescent="0.15">
      <c r="A131" s="4" t="s">
        <v>0</v>
      </c>
      <c r="B131" s="20">
        <v>127</v>
      </c>
      <c r="C131" s="2">
        <v>119</v>
      </c>
      <c r="D131" s="1">
        <v>246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583989-1B9D-4CDB-B2EF-1F2EDF343E5C}">
  <sheetPr codeName="Sheet9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6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0</v>
      </c>
      <c r="D5" s="30">
        <v>1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0</v>
      </c>
      <c r="C7" s="6">
        <v>2</v>
      </c>
      <c r="D7" s="5">
        <v>2</v>
      </c>
    </row>
    <row r="8" spans="1:4" ht="18" customHeight="1" x14ac:dyDescent="0.15">
      <c r="A8" s="8">
        <v>3</v>
      </c>
      <c r="B8" s="26">
        <v>2</v>
      </c>
      <c r="C8" s="6">
        <v>0</v>
      </c>
      <c r="D8" s="5">
        <v>2</v>
      </c>
    </row>
    <row r="9" spans="1:4" ht="18" customHeight="1" x14ac:dyDescent="0.15">
      <c r="A9" s="8">
        <v>4</v>
      </c>
      <c r="B9" s="29">
        <v>0</v>
      </c>
      <c r="C9" s="28">
        <v>0</v>
      </c>
      <c r="D9" s="27">
        <v>0</v>
      </c>
    </row>
    <row r="10" spans="1:4" ht="18" customHeight="1" x14ac:dyDescent="0.15">
      <c r="A10" s="8" t="s">
        <v>25</v>
      </c>
      <c r="B10" s="21">
        <v>3</v>
      </c>
      <c r="C10" s="6">
        <v>2</v>
      </c>
      <c r="D10" s="5">
        <v>5</v>
      </c>
    </row>
    <row r="11" spans="1:4" ht="18" customHeight="1" x14ac:dyDescent="0.15">
      <c r="A11" s="8">
        <v>5</v>
      </c>
      <c r="B11" s="26">
        <v>3</v>
      </c>
      <c r="C11" s="6">
        <v>2</v>
      </c>
      <c r="D11" s="5">
        <v>5</v>
      </c>
    </row>
    <row r="12" spans="1:4" ht="18" customHeight="1" x14ac:dyDescent="0.15">
      <c r="A12" s="8">
        <v>6</v>
      </c>
      <c r="B12" s="26">
        <v>0</v>
      </c>
      <c r="C12" s="6">
        <v>4</v>
      </c>
      <c r="D12" s="5">
        <v>4</v>
      </c>
    </row>
    <row r="13" spans="1:4" ht="18" customHeight="1" x14ac:dyDescent="0.15">
      <c r="A13" s="8">
        <v>7</v>
      </c>
      <c r="B13" s="26">
        <v>2</v>
      </c>
      <c r="C13" s="6">
        <v>4</v>
      </c>
      <c r="D13" s="5">
        <v>6</v>
      </c>
    </row>
    <row r="14" spans="1:4" ht="18" customHeight="1" x14ac:dyDescent="0.15">
      <c r="A14" s="8">
        <v>8</v>
      </c>
      <c r="B14" s="26">
        <v>7</v>
      </c>
      <c r="C14" s="6">
        <v>1</v>
      </c>
      <c r="D14" s="5">
        <v>8</v>
      </c>
    </row>
    <row r="15" spans="1:4" ht="18" customHeight="1" x14ac:dyDescent="0.15">
      <c r="A15" s="8">
        <v>9</v>
      </c>
      <c r="B15" s="26">
        <v>4</v>
      </c>
      <c r="C15" s="6">
        <v>2</v>
      </c>
      <c r="D15" s="5">
        <v>6</v>
      </c>
    </row>
    <row r="16" spans="1:4" ht="18" customHeight="1" x14ac:dyDescent="0.15">
      <c r="A16" s="8" t="s">
        <v>24</v>
      </c>
      <c r="B16" s="21">
        <v>16</v>
      </c>
      <c r="C16" s="6">
        <v>13</v>
      </c>
      <c r="D16" s="5">
        <v>29</v>
      </c>
    </row>
    <row r="17" spans="1:4" ht="18" customHeight="1" x14ac:dyDescent="0.15">
      <c r="A17" s="8">
        <v>10</v>
      </c>
      <c r="B17" s="21">
        <v>5</v>
      </c>
      <c r="C17" s="6">
        <v>4</v>
      </c>
      <c r="D17" s="5">
        <v>9</v>
      </c>
    </row>
    <row r="18" spans="1:4" ht="18" customHeight="1" x14ac:dyDescent="0.15">
      <c r="A18" s="8">
        <v>11</v>
      </c>
      <c r="B18" s="21">
        <v>7</v>
      </c>
      <c r="C18" s="6">
        <v>3</v>
      </c>
      <c r="D18" s="5">
        <v>10</v>
      </c>
    </row>
    <row r="19" spans="1:4" ht="18" customHeight="1" x14ac:dyDescent="0.15">
      <c r="A19" s="8">
        <v>12</v>
      </c>
      <c r="B19" s="21">
        <v>1</v>
      </c>
      <c r="C19" s="6">
        <v>4</v>
      </c>
      <c r="D19" s="5">
        <v>5</v>
      </c>
    </row>
    <row r="20" spans="1:4" ht="18" customHeight="1" x14ac:dyDescent="0.15">
      <c r="A20" s="8">
        <v>13</v>
      </c>
      <c r="B20" s="21">
        <v>5</v>
      </c>
      <c r="C20" s="6">
        <v>5</v>
      </c>
      <c r="D20" s="5">
        <v>10</v>
      </c>
    </row>
    <row r="21" spans="1:4" ht="18" customHeight="1" x14ac:dyDescent="0.15">
      <c r="A21" s="8">
        <v>14</v>
      </c>
      <c r="B21" s="21">
        <v>7</v>
      </c>
      <c r="C21" s="6">
        <v>2</v>
      </c>
      <c r="D21" s="5">
        <v>9</v>
      </c>
    </row>
    <row r="22" spans="1:4" ht="18" customHeight="1" x14ac:dyDescent="0.15">
      <c r="A22" s="8" t="s">
        <v>23</v>
      </c>
      <c r="B22" s="21">
        <v>25</v>
      </c>
      <c r="C22" s="6">
        <v>18</v>
      </c>
      <c r="D22" s="5">
        <v>43</v>
      </c>
    </row>
    <row r="23" spans="1:4" ht="18" customHeight="1" x14ac:dyDescent="0.15">
      <c r="A23" s="8" t="s">
        <v>22</v>
      </c>
      <c r="B23" s="21">
        <v>44</v>
      </c>
      <c r="C23" s="6">
        <v>33</v>
      </c>
      <c r="D23" s="5">
        <v>77</v>
      </c>
    </row>
    <row r="24" spans="1:4" ht="18" customHeight="1" x14ac:dyDescent="0.15">
      <c r="A24" s="8">
        <v>15</v>
      </c>
      <c r="B24" s="21">
        <v>10</v>
      </c>
      <c r="C24" s="6">
        <v>2</v>
      </c>
      <c r="D24" s="5">
        <v>12</v>
      </c>
    </row>
    <row r="25" spans="1:4" ht="18" customHeight="1" x14ac:dyDescent="0.15">
      <c r="A25" s="8">
        <v>16</v>
      </c>
      <c r="B25" s="21">
        <v>4</v>
      </c>
      <c r="C25" s="6">
        <v>4</v>
      </c>
      <c r="D25" s="5">
        <v>8</v>
      </c>
    </row>
    <row r="26" spans="1:4" ht="18" customHeight="1" x14ac:dyDescent="0.15">
      <c r="A26" s="8">
        <v>17</v>
      </c>
      <c r="B26" s="21">
        <v>4</v>
      </c>
      <c r="C26" s="6">
        <v>6</v>
      </c>
      <c r="D26" s="5">
        <v>10</v>
      </c>
    </row>
    <row r="27" spans="1:4" ht="18" customHeight="1" x14ac:dyDescent="0.15">
      <c r="A27" s="8">
        <v>18</v>
      </c>
      <c r="B27" s="21">
        <v>8</v>
      </c>
      <c r="C27" s="6">
        <v>2</v>
      </c>
      <c r="D27" s="5">
        <v>10</v>
      </c>
    </row>
    <row r="28" spans="1:4" ht="18" customHeight="1" x14ac:dyDescent="0.15">
      <c r="A28" s="8">
        <v>19</v>
      </c>
      <c r="B28" s="21">
        <v>6</v>
      </c>
      <c r="C28" s="6">
        <v>7</v>
      </c>
      <c r="D28" s="5">
        <v>13</v>
      </c>
    </row>
    <row r="29" spans="1:4" ht="18" customHeight="1" x14ac:dyDescent="0.15">
      <c r="A29" s="8" t="s">
        <v>21</v>
      </c>
      <c r="B29" s="21">
        <v>32</v>
      </c>
      <c r="C29" s="6">
        <v>21</v>
      </c>
      <c r="D29" s="5">
        <v>53</v>
      </c>
    </row>
    <row r="30" spans="1:4" ht="18" customHeight="1" x14ac:dyDescent="0.15">
      <c r="A30" s="8">
        <v>20</v>
      </c>
      <c r="B30" s="21">
        <v>6</v>
      </c>
      <c r="C30" s="6">
        <v>6</v>
      </c>
      <c r="D30" s="5">
        <v>12</v>
      </c>
    </row>
    <row r="31" spans="1:4" ht="18" customHeight="1" x14ac:dyDescent="0.15">
      <c r="A31" s="8">
        <v>21</v>
      </c>
      <c r="B31" s="21">
        <v>6</v>
      </c>
      <c r="C31" s="6">
        <v>5</v>
      </c>
      <c r="D31" s="5">
        <v>11</v>
      </c>
    </row>
    <row r="32" spans="1:4" ht="18" customHeight="1" x14ac:dyDescent="0.15">
      <c r="A32" s="8">
        <v>22</v>
      </c>
      <c r="B32" s="21">
        <v>6</v>
      </c>
      <c r="C32" s="6">
        <v>4</v>
      </c>
      <c r="D32" s="5">
        <v>10</v>
      </c>
    </row>
    <row r="33" spans="1:4" ht="18" customHeight="1" x14ac:dyDescent="0.15">
      <c r="A33" s="8">
        <v>23</v>
      </c>
      <c r="B33" s="21">
        <v>5</v>
      </c>
      <c r="C33" s="6">
        <v>5</v>
      </c>
      <c r="D33" s="5">
        <v>10</v>
      </c>
    </row>
    <row r="34" spans="1:4" ht="18" customHeight="1" x14ac:dyDescent="0.15">
      <c r="A34" s="8">
        <v>24</v>
      </c>
      <c r="B34" s="21">
        <v>7</v>
      </c>
      <c r="C34" s="6">
        <v>3</v>
      </c>
      <c r="D34" s="5">
        <v>10</v>
      </c>
    </row>
    <row r="35" spans="1:4" ht="18" customHeight="1" x14ac:dyDescent="0.15">
      <c r="A35" s="8" t="s">
        <v>20</v>
      </c>
      <c r="B35" s="21">
        <v>30</v>
      </c>
      <c r="C35" s="6">
        <v>23</v>
      </c>
      <c r="D35" s="5">
        <v>53</v>
      </c>
    </row>
    <row r="36" spans="1:4" ht="18" customHeight="1" x14ac:dyDescent="0.15">
      <c r="A36" s="8">
        <v>25</v>
      </c>
      <c r="B36" s="21">
        <v>1</v>
      </c>
      <c r="C36" s="6">
        <v>1</v>
      </c>
      <c r="D36" s="5">
        <v>2</v>
      </c>
    </row>
    <row r="37" spans="1:4" ht="18" customHeight="1" x14ac:dyDescent="0.15">
      <c r="A37" s="8">
        <v>26</v>
      </c>
      <c r="B37" s="21">
        <v>2</v>
      </c>
      <c r="C37" s="6">
        <v>2</v>
      </c>
      <c r="D37" s="5">
        <v>4</v>
      </c>
    </row>
    <row r="38" spans="1:4" ht="18" customHeight="1" x14ac:dyDescent="0.15">
      <c r="A38" s="8">
        <v>27</v>
      </c>
      <c r="B38" s="21">
        <v>4</v>
      </c>
      <c r="C38" s="6">
        <v>2</v>
      </c>
      <c r="D38" s="5">
        <v>6</v>
      </c>
    </row>
    <row r="39" spans="1:4" ht="18" customHeight="1" x14ac:dyDescent="0.15">
      <c r="A39" s="8">
        <v>28</v>
      </c>
      <c r="B39" s="21">
        <v>4</v>
      </c>
      <c r="C39" s="6">
        <v>1</v>
      </c>
      <c r="D39" s="5">
        <v>5</v>
      </c>
    </row>
    <row r="40" spans="1:4" ht="18" customHeight="1" x14ac:dyDescent="0.15">
      <c r="A40" s="8">
        <v>29</v>
      </c>
      <c r="B40" s="21">
        <v>5</v>
      </c>
      <c r="C40" s="6">
        <v>2</v>
      </c>
      <c r="D40" s="5">
        <v>7</v>
      </c>
    </row>
    <row r="41" spans="1:4" ht="18" customHeight="1" x14ac:dyDescent="0.15">
      <c r="A41" s="8" t="s">
        <v>19</v>
      </c>
      <c r="B41" s="21">
        <v>16</v>
      </c>
      <c r="C41" s="6">
        <v>8</v>
      </c>
      <c r="D41" s="5">
        <v>24</v>
      </c>
    </row>
    <row r="42" spans="1:4" ht="18" customHeight="1" x14ac:dyDescent="0.15">
      <c r="A42" s="8">
        <v>30</v>
      </c>
      <c r="B42" s="21">
        <v>2</v>
      </c>
      <c r="C42" s="6">
        <v>1</v>
      </c>
      <c r="D42" s="5">
        <v>3</v>
      </c>
    </row>
    <row r="43" spans="1:4" ht="18" customHeight="1" x14ac:dyDescent="0.15">
      <c r="A43" s="8">
        <v>31</v>
      </c>
      <c r="B43" s="21">
        <v>1</v>
      </c>
      <c r="C43" s="6">
        <v>0</v>
      </c>
      <c r="D43" s="5">
        <v>1</v>
      </c>
    </row>
    <row r="44" spans="1:4" ht="18" customHeight="1" x14ac:dyDescent="0.15">
      <c r="A44" s="8">
        <v>32</v>
      </c>
      <c r="B44" s="21">
        <v>4</v>
      </c>
      <c r="C44" s="6">
        <v>3</v>
      </c>
      <c r="D44" s="5">
        <v>7</v>
      </c>
    </row>
    <row r="45" spans="1:4" ht="18" customHeight="1" x14ac:dyDescent="0.15">
      <c r="A45" s="8">
        <v>33</v>
      </c>
      <c r="B45" s="21">
        <v>5</v>
      </c>
      <c r="C45" s="6">
        <v>3</v>
      </c>
      <c r="D45" s="5">
        <v>8</v>
      </c>
    </row>
    <row r="46" spans="1:4" ht="18" customHeight="1" x14ac:dyDescent="0.15">
      <c r="A46" s="8">
        <v>34</v>
      </c>
      <c r="B46" s="21">
        <v>3</v>
      </c>
      <c r="C46" s="6">
        <v>2</v>
      </c>
      <c r="D46" s="5">
        <v>5</v>
      </c>
    </row>
    <row r="47" spans="1:4" ht="18" customHeight="1" x14ac:dyDescent="0.15">
      <c r="A47" s="8" t="s">
        <v>18</v>
      </c>
      <c r="B47" s="21">
        <v>15</v>
      </c>
      <c r="C47" s="6">
        <v>9</v>
      </c>
      <c r="D47" s="5">
        <v>24</v>
      </c>
    </row>
    <row r="48" spans="1:4" ht="18" customHeight="1" x14ac:dyDescent="0.15">
      <c r="A48" s="8">
        <v>35</v>
      </c>
      <c r="B48" s="21">
        <v>7</v>
      </c>
      <c r="C48" s="6">
        <v>2</v>
      </c>
      <c r="D48" s="5">
        <v>9</v>
      </c>
    </row>
    <row r="49" spans="1:4" ht="18" customHeight="1" x14ac:dyDescent="0.15">
      <c r="A49" s="8">
        <v>36</v>
      </c>
      <c r="B49" s="21">
        <v>2</v>
      </c>
      <c r="C49" s="6">
        <v>5</v>
      </c>
      <c r="D49" s="5">
        <v>7</v>
      </c>
    </row>
    <row r="50" spans="1:4" ht="18" customHeight="1" x14ac:dyDescent="0.15">
      <c r="A50" s="8">
        <v>37</v>
      </c>
      <c r="B50" s="21">
        <v>6</v>
      </c>
      <c r="C50" s="6">
        <v>7</v>
      </c>
      <c r="D50" s="5">
        <v>13</v>
      </c>
    </row>
    <row r="51" spans="1:4" ht="18" customHeight="1" x14ac:dyDescent="0.15">
      <c r="A51" s="8">
        <v>38</v>
      </c>
      <c r="B51" s="21">
        <v>5</v>
      </c>
      <c r="C51" s="6">
        <v>5</v>
      </c>
      <c r="D51" s="5">
        <v>10</v>
      </c>
    </row>
    <row r="52" spans="1:4" ht="18" customHeight="1" x14ac:dyDescent="0.15">
      <c r="A52" s="8">
        <v>39</v>
      </c>
      <c r="B52" s="21">
        <v>4</v>
      </c>
      <c r="C52" s="6">
        <v>5</v>
      </c>
      <c r="D52" s="5">
        <v>9</v>
      </c>
    </row>
    <row r="53" spans="1:4" ht="18" customHeight="1" x14ac:dyDescent="0.15">
      <c r="A53" s="8" t="s">
        <v>17</v>
      </c>
      <c r="B53" s="21">
        <v>24</v>
      </c>
      <c r="C53" s="6">
        <v>24</v>
      </c>
      <c r="D53" s="5">
        <v>48</v>
      </c>
    </row>
    <row r="54" spans="1:4" ht="18" customHeight="1" x14ac:dyDescent="0.15">
      <c r="A54" s="8">
        <v>40</v>
      </c>
      <c r="B54" s="21">
        <v>7</v>
      </c>
      <c r="C54" s="6">
        <v>4</v>
      </c>
      <c r="D54" s="5">
        <v>11</v>
      </c>
    </row>
    <row r="55" spans="1:4" ht="18" customHeight="1" x14ac:dyDescent="0.15">
      <c r="A55" s="8">
        <v>41</v>
      </c>
      <c r="B55" s="21">
        <v>3</v>
      </c>
      <c r="C55" s="6">
        <v>5</v>
      </c>
      <c r="D55" s="5">
        <v>8</v>
      </c>
    </row>
    <row r="56" spans="1:4" ht="18" customHeight="1" x14ac:dyDescent="0.15">
      <c r="A56" s="8">
        <v>42</v>
      </c>
      <c r="B56" s="21">
        <v>4</v>
      </c>
      <c r="C56" s="6">
        <v>4</v>
      </c>
      <c r="D56" s="5">
        <v>8</v>
      </c>
    </row>
    <row r="57" spans="1:4" ht="18" customHeight="1" x14ac:dyDescent="0.15">
      <c r="A57" s="8">
        <v>43</v>
      </c>
      <c r="B57" s="21">
        <v>9</v>
      </c>
      <c r="C57" s="6">
        <v>5</v>
      </c>
      <c r="D57" s="5">
        <v>14</v>
      </c>
    </row>
    <row r="58" spans="1:4" ht="18" customHeight="1" x14ac:dyDescent="0.15">
      <c r="A58" s="8">
        <v>44</v>
      </c>
      <c r="B58" s="21">
        <v>10</v>
      </c>
      <c r="C58" s="6">
        <v>9</v>
      </c>
      <c r="D58" s="5">
        <v>19</v>
      </c>
    </row>
    <row r="59" spans="1:4" ht="18" customHeight="1" x14ac:dyDescent="0.15">
      <c r="A59" s="8" t="s">
        <v>16</v>
      </c>
      <c r="B59" s="21">
        <v>33</v>
      </c>
      <c r="C59" s="6">
        <v>27</v>
      </c>
      <c r="D59" s="5">
        <v>60</v>
      </c>
    </row>
    <row r="60" spans="1:4" ht="18" customHeight="1" x14ac:dyDescent="0.15">
      <c r="A60" s="8">
        <v>45</v>
      </c>
      <c r="B60" s="21">
        <v>8</v>
      </c>
      <c r="C60" s="6">
        <v>8</v>
      </c>
      <c r="D60" s="5">
        <v>16</v>
      </c>
    </row>
    <row r="61" spans="1:4" ht="18" customHeight="1" x14ac:dyDescent="0.15">
      <c r="A61" s="8">
        <v>46</v>
      </c>
      <c r="B61" s="21">
        <v>4</v>
      </c>
      <c r="C61" s="6">
        <v>5</v>
      </c>
      <c r="D61" s="5">
        <v>9</v>
      </c>
    </row>
    <row r="62" spans="1:4" ht="18" customHeight="1" x14ac:dyDescent="0.15">
      <c r="A62" s="8">
        <v>47</v>
      </c>
      <c r="B62" s="21">
        <v>7</v>
      </c>
      <c r="C62" s="6">
        <v>5</v>
      </c>
      <c r="D62" s="5">
        <v>12</v>
      </c>
    </row>
    <row r="63" spans="1:4" ht="18" customHeight="1" x14ac:dyDescent="0.15">
      <c r="A63" s="8">
        <v>48</v>
      </c>
      <c r="B63" s="21">
        <v>7</v>
      </c>
      <c r="C63" s="6">
        <v>6</v>
      </c>
      <c r="D63" s="5">
        <v>13</v>
      </c>
    </row>
    <row r="64" spans="1:4" ht="18" customHeight="1" x14ac:dyDescent="0.15">
      <c r="A64" s="8">
        <v>49</v>
      </c>
      <c r="B64" s="21">
        <v>7</v>
      </c>
      <c r="C64" s="6">
        <v>8</v>
      </c>
      <c r="D64" s="5">
        <v>15</v>
      </c>
    </row>
    <row r="65" spans="1:4" ht="18" customHeight="1" x14ac:dyDescent="0.15">
      <c r="A65" s="8" t="s">
        <v>15</v>
      </c>
      <c r="B65" s="21">
        <v>33</v>
      </c>
      <c r="C65" s="6">
        <v>32</v>
      </c>
      <c r="D65" s="5">
        <v>65</v>
      </c>
    </row>
    <row r="66" spans="1:4" ht="18" customHeight="1" x14ac:dyDescent="0.15">
      <c r="A66" s="8">
        <v>50</v>
      </c>
      <c r="B66" s="21">
        <v>8</v>
      </c>
      <c r="C66" s="6">
        <v>12</v>
      </c>
      <c r="D66" s="5">
        <v>20</v>
      </c>
    </row>
    <row r="67" spans="1:4" ht="18" customHeight="1" x14ac:dyDescent="0.15">
      <c r="A67" s="8">
        <v>51</v>
      </c>
      <c r="B67" s="21">
        <v>15</v>
      </c>
      <c r="C67" s="6">
        <v>8</v>
      </c>
      <c r="D67" s="5">
        <v>23</v>
      </c>
    </row>
    <row r="68" spans="1:4" ht="18" customHeight="1" x14ac:dyDescent="0.15">
      <c r="A68" s="8">
        <v>52</v>
      </c>
      <c r="B68" s="21">
        <v>15</v>
      </c>
      <c r="C68" s="6">
        <v>11</v>
      </c>
      <c r="D68" s="5">
        <v>26</v>
      </c>
    </row>
    <row r="69" spans="1:4" ht="18" customHeight="1" x14ac:dyDescent="0.15">
      <c r="A69" s="8">
        <v>53</v>
      </c>
      <c r="B69" s="21">
        <v>8</v>
      </c>
      <c r="C69" s="6">
        <v>9</v>
      </c>
      <c r="D69" s="5">
        <v>17</v>
      </c>
    </row>
    <row r="70" spans="1:4" ht="18" customHeight="1" x14ac:dyDescent="0.15">
      <c r="A70" s="8">
        <v>54</v>
      </c>
      <c r="B70" s="21">
        <v>11</v>
      </c>
      <c r="C70" s="6">
        <v>5</v>
      </c>
      <c r="D70" s="5">
        <v>16</v>
      </c>
    </row>
    <row r="71" spans="1:4" ht="18" customHeight="1" x14ac:dyDescent="0.15">
      <c r="A71" s="8" t="s">
        <v>14</v>
      </c>
      <c r="B71" s="21">
        <v>57</v>
      </c>
      <c r="C71" s="6">
        <v>45</v>
      </c>
      <c r="D71" s="5">
        <v>102</v>
      </c>
    </row>
    <row r="72" spans="1:4" ht="18" customHeight="1" x14ac:dyDescent="0.15">
      <c r="A72" s="8">
        <v>55</v>
      </c>
      <c r="B72" s="21">
        <v>10</v>
      </c>
      <c r="C72" s="6">
        <v>7</v>
      </c>
      <c r="D72" s="5">
        <v>17</v>
      </c>
    </row>
    <row r="73" spans="1:4" ht="18" customHeight="1" x14ac:dyDescent="0.15">
      <c r="A73" s="8">
        <v>56</v>
      </c>
      <c r="B73" s="21">
        <v>8</v>
      </c>
      <c r="C73" s="6">
        <v>7</v>
      </c>
      <c r="D73" s="5">
        <v>15</v>
      </c>
    </row>
    <row r="74" spans="1:4" ht="18" customHeight="1" x14ac:dyDescent="0.15">
      <c r="A74" s="8">
        <v>57</v>
      </c>
      <c r="B74" s="21">
        <v>2</v>
      </c>
      <c r="C74" s="6">
        <v>11</v>
      </c>
      <c r="D74" s="5">
        <v>13</v>
      </c>
    </row>
    <row r="75" spans="1:4" ht="18" customHeight="1" x14ac:dyDescent="0.15">
      <c r="A75" s="8">
        <v>58</v>
      </c>
      <c r="B75" s="21">
        <v>7</v>
      </c>
      <c r="C75" s="6">
        <v>12</v>
      </c>
      <c r="D75" s="5">
        <v>19</v>
      </c>
    </row>
    <row r="76" spans="1:4" ht="18" customHeight="1" x14ac:dyDescent="0.15">
      <c r="A76" s="8">
        <v>59</v>
      </c>
      <c r="B76" s="21">
        <v>9</v>
      </c>
      <c r="C76" s="6">
        <v>5</v>
      </c>
      <c r="D76" s="5">
        <v>14</v>
      </c>
    </row>
    <row r="77" spans="1:4" ht="18" customHeight="1" x14ac:dyDescent="0.15">
      <c r="A77" s="8" t="s">
        <v>13</v>
      </c>
      <c r="B77" s="21">
        <v>36</v>
      </c>
      <c r="C77" s="6">
        <v>42</v>
      </c>
      <c r="D77" s="5">
        <v>78</v>
      </c>
    </row>
    <row r="78" spans="1:4" ht="18" customHeight="1" x14ac:dyDescent="0.15">
      <c r="A78" s="8">
        <v>60</v>
      </c>
      <c r="B78" s="21">
        <v>5</v>
      </c>
      <c r="C78" s="6">
        <v>7</v>
      </c>
      <c r="D78" s="5">
        <v>12</v>
      </c>
    </row>
    <row r="79" spans="1:4" ht="18" customHeight="1" x14ac:dyDescent="0.15">
      <c r="A79" s="8">
        <v>61</v>
      </c>
      <c r="B79" s="21">
        <v>7</v>
      </c>
      <c r="C79" s="6">
        <v>8</v>
      </c>
      <c r="D79" s="5">
        <v>15</v>
      </c>
    </row>
    <row r="80" spans="1:4" ht="18" customHeight="1" x14ac:dyDescent="0.15">
      <c r="A80" s="8">
        <v>62</v>
      </c>
      <c r="B80" s="21">
        <v>8</v>
      </c>
      <c r="C80" s="6">
        <v>8</v>
      </c>
      <c r="D80" s="5">
        <v>16</v>
      </c>
    </row>
    <row r="81" spans="1:4" ht="18" customHeight="1" x14ac:dyDescent="0.15">
      <c r="A81" s="8">
        <v>63</v>
      </c>
      <c r="B81" s="21">
        <v>2</v>
      </c>
      <c r="C81" s="6">
        <v>7</v>
      </c>
      <c r="D81" s="5">
        <v>9</v>
      </c>
    </row>
    <row r="82" spans="1:4" ht="18" customHeight="1" x14ac:dyDescent="0.15">
      <c r="A82" s="8">
        <v>64</v>
      </c>
      <c r="B82" s="21">
        <v>5</v>
      </c>
      <c r="C82" s="6">
        <v>10</v>
      </c>
      <c r="D82" s="5">
        <v>15</v>
      </c>
    </row>
    <row r="83" spans="1:4" ht="18" customHeight="1" x14ac:dyDescent="0.15">
      <c r="A83" s="8" t="s">
        <v>12</v>
      </c>
      <c r="B83" s="21">
        <v>27</v>
      </c>
      <c r="C83" s="6">
        <v>40</v>
      </c>
      <c r="D83" s="5">
        <v>67</v>
      </c>
    </row>
    <row r="84" spans="1:4" ht="18" customHeight="1" x14ac:dyDescent="0.15">
      <c r="A84" s="8" t="s">
        <v>11</v>
      </c>
      <c r="B84" s="21">
        <v>303</v>
      </c>
      <c r="C84" s="6">
        <v>271</v>
      </c>
      <c r="D84" s="5">
        <v>574</v>
      </c>
    </row>
    <row r="85" spans="1:4" ht="18" customHeight="1" x14ac:dyDescent="0.15">
      <c r="A85" s="8">
        <v>65</v>
      </c>
      <c r="B85" s="21">
        <v>4</v>
      </c>
      <c r="C85" s="6">
        <v>8</v>
      </c>
      <c r="D85" s="5">
        <v>12</v>
      </c>
    </row>
    <row r="86" spans="1:4" ht="18" customHeight="1" x14ac:dyDescent="0.15">
      <c r="A86" s="8">
        <v>66</v>
      </c>
      <c r="B86" s="21">
        <v>6</v>
      </c>
      <c r="C86" s="6">
        <v>9</v>
      </c>
      <c r="D86" s="5">
        <v>15</v>
      </c>
    </row>
    <row r="87" spans="1:4" ht="18" customHeight="1" x14ac:dyDescent="0.15">
      <c r="A87" s="8">
        <v>67</v>
      </c>
      <c r="B87" s="21">
        <v>10</v>
      </c>
      <c r="C87" s="6">
        <v>15</v>
      </c>
      <c r="D87" s="5">
        <v>25</v>
      </c>
    </row>
    <row r="88" spans="1:4" ht="18" customHeight="1" x14ac:dyDescent="0.15">
      <c r="A88" s="8">
        <v>68</v>
      </c>
      <c r="B88" s="21">
        <v>9</v>
      </c>
      <c r="C88" s="6">
        <v>8</v>
      </c>
      <c r="D88" s="5">
        <v>17</v>
      </c>
    </row>
    <row r="89" spans="1:4" ht="18" customHeight="1" x14ac:dyDescent="0.15">
      <c r="A89" s="8">
        <v>69</v>
      </c>
      <c r="B89" s="21">
        <v>16</v>
      </c>
      <c r="C89" s="6">
        <v>11</v>
      </c>
      <c r="D89" s="5">
        <v>27</v>
      </c>
    </row>
    <row r="90" spans="1:4" ht="18" customHeight="1" x14ac:dyDescent="0.15">
      <c r="A90" s="8" t="s">
        <v>10</v>
      </c>
      <c r="B90" s="21">
        <v>45</v>
      </c>
      <c r="C90" s="6">
        <v>51</v>
      </c>
      <c r="D90" s="5">
        <v>96</v>
      </c>
    </row>
    <row r="91" spans="1:4" ht="18" customHeight="1" x14ac:dyDescent="0.15">
      <c r="A91" s="8">
        <v>70</v>
      </c>
      <c r="B91" s="21">
        <v>8</v>
      </c>
      <c r="C91" s="6">
        <v>8</v>
      </c>
      <c r="D91" s="5">
        <v>16</v>
      </c>
    </row>
    <row r="92" spans="1:4" ht="18" customHeight="1" x14ac:dyDescent="0.15">
      <c r="A92" s="8">
        <v>71</v>
      </c>
      <c r="B92" s="21">
        <v>15</v>
      </c>
      <c r="C92" s="6">
        <v>15</v>
      </c>
      <c r="D92" s="5">
        <v>30</v>
      </c>
    </row>
    <row r="93" spans="1:4" ht="18" customHeight="1" x14ac:dyDescent="0.15">
      <c r="A93" s="8">
        <v>72</v>
      </c>
      <c r="B93" s="21">
        <v>19</v>
      </c>
      <c r="C93" s="6">
        <v>13</v>
      </c>
      <c r="D93" s="5">
        <v>32</v>
      </c>
    </row>
    <row r="94" spans="1:4" ht="18" customHeight="1" x14ac:dyDescent="0.15">
      <c r="A94" s="8">
        <v>73</v>
      </c>
      <c r="B94" s="21">
        <v>16</v>
      </c>
      <c r="C94" s="6">
        <v>13</v>
      </c>
      <c r="D94" s="5">
        <v>29</v>
      </c>
    </row>
    <row r="95" spans="1:4" ht="18" customHeight="1" x14ac:dyDescent="0.15">
      <c r="A95" s="8">
        <v>74</v>
      </c>
      <c r="B95" s="21">
        <v>13</v>
      </c>
      <c r="C95" s="6">
        <v>13</v>
      </c>
      <c r="D95" s="5">
        <v>26</v>
      </c>
    </row>
    <row r="96" spans="1:4" ht="18" customHeight="1" x14ac:dyDescent="0.15">
      <c r="A96" s="8" t="s">
        <v>9</v>
      </c>
      <c r="B96" s="21">
        <v>71</v>
      </c>
      <c r="C96" s="6">
        <v>62</v>
      </c>
      <c r="D96" s="5">
        <v>133</v>
      </c>
    </row>
    <row r="97" spans="1:4" ht="18" customHeight="1" x14ac:dyDescent="0.15">
      <c r="A97" s="8">
        <v>75</v>
      </c>
      <c r="B97" s="21">
        <v>8</v>
      </c>
      <c r="C97" s="6">
        <v>15</v>
      </c>
      <c r="D97" s="5">
        <v>23</v>
      </c>
    </row>
    <row r="98" spans="1:4" ht="18" customHeight="1" x14ac:dyDescent="0.15">
      <c r="A98" s="8">
        <v>76</v>
      </c>
      <c r="B98" s="21">
        <v>15</v>
      </c>
      <c r="C98" s="6">
        <v>13</v>
      </c>
      <c r="D98" s="5">
        <v>28</v>
      </c>
    </row>
    <row r="99" spans="1:4" ht="18" customHeight="1" x14ac:dyDescent="0.15">
      <c r="A99" s="8">
        <v>77</v>
      </c>
      <c r="B99" s="21">
        <v>12</v>
      </c>
      <c r="C99" s="6">
        <v>15</v>
      </c>
      <c r="D99" s="5">
        <v>27</v>
      </c>
    </row>
    <row r="100" spans="1:4" ht="18" customHeight="1" x14ac:dyDescent="0.15">
      <c r="A100" s="8">
        <v>78</v>
      </c>
      <c r="B100" s="21">
        <v>13</v>
      </c>
      <c r="C100" s="6">
        <v>11</v>
      </c>
      <c r="D100" s="5">
        <v>24</v>
      </c>
    </row>
    <row r="101" spans="1:4" ht="18" customHeight="1" x14ac:dyDescent="0.15">
      <c r="A101" s="8">
        <v>79</v>
      </c>
      <c r="B101" s="21">
        <v>8</v>
      </c>
      <c r="C101" s="6">
        <v>9</v>
      </c>
      <c r="D101" s="5">
        <v>17</v>
      </c>
    </row>
    <row r="102" spans="1:4" ht="18" customHeight="1" x14ac:dyDescent="0.15">
      <c r="A102" s="8" t="s">
        <v>8</v>
      </c>
      <c r="B102" s="21">
        <v>56</v>
      </c>
      <c r="C102" s="6">
        <v>63</v>
      </c>
      <c r="D102" s="5">
        <v>119</v>
      </c>
    </row>
    <row r="103" spans="1:4" ht="18" customHeight="1" x14ac:dyDescent="0.15">
      <c r="A103" s="8">
        <v>80</v>
      </c>
      <c r="B103" s="21">
        <v>5</v>
      </c>
      <c r="C103" s="6">
        <v>3</v>
      </c>
      <c r="D103" s="5">
        <v>8</v>
      </c>
    </row>
    <row r="104" spans="1:4" ht="18" customHeight="1" x14ac:dyDescent="0.15">
      <c r="A104" s="8">
        <v>81</v>
      </c>
      <c r="B104" s="21">
        <v>7</v>
      </c>
      <c r="C104" s="6">
        <v>7</v>
      </c>
      <c r="D104" s="5">
        <v>14</v>
      </c>
    </row>
    <row r="105" spans="1:4" ht="18" customHeight="1" x14ac:dyDescent="0.15">
      <c r="A105" s="8">
        <v>82</v>
      </c>
      <c r="B105" s="21">
        <v>7</v>
      </c>
      <c r="C105" s="6">
        <v>8</v>
      </c>
      <c r="D105" s="5">
        <v>15</v>
      </c>
    </row>
    <row r="106" spans="1:4" ht="18" customHeight="1" x14ac:dyDescent="0.15">
      <c r="A106" s="8">
        <v>83</v>
      </c>
      <c r="B106" s="21">
        <v>5</v>
      </c>
      <c r="C106" s="6">
        <v>8</v>
      </c>
      <c r="D106" s="5">
        <v>13</v>
      </c>
    </row>
    <row r="107" spans="1:4" ht="18" customHeight="1" x14ac:dyDescent="0.15">
      <c r="A107" s="8">
        <v>84</v>
      </c>
      <c r="B107" s="21">
        <v>6</v>
      </c>
      <c r="C107" s="6">
        <v>14</v>
      </c>
      <c r="D107" s="5">
        <v>20</v>
      </c>
    </row>
    <row r="108" spans="1:4" ht="18" customHeight="1" x14ac:dyDescent="0.15">
      <c r="A108" s="8" t="s">
        <v>7</v>
      </c>
      <c r="B108" s="21">
        <v>30</v>
      </c>
      <c r="C108" s="6">
        <v>40</v>
      </c>
      <c r="D108" s="5">
        <v>70</v>
      </c>
    </row>
    <row r="109" spans="1:4" ht="18" customHeight="1" x14ac:dyDescent="0.15">
      <c r="A109" s="8">
        <v>85</v>
      </c>
      <c r="B109" s="21">
        <v>3</v>
      </c>
      <c r="C109" s="6">
        <v>6</v>
      </c>
      <c r="D109" s="5">
        <v>9</v>
      </c>
    </row>
    <row r="110" spans="1:4" ht="18" customHeight="1" x14ac:dyDescent="0.15">
      <c r="A110" s="8">
        <v>86</v>
      </c>
      <c r="B110" s="21">
        <v>6</v>
      </c>
      <c r="C110" s="6">
        <v>5</v>
      </c>
      <c r="D110" s="5">
        <v>11</v>
      </c>
    </row>
    <row r="111" spans="1:4" ht="18" customHeight="1" x14ac:dyDescent="0.15">
      <c r="A111" s="8">
        <v>87</v>
      </c>
      <c r="B111" s="21">
        <v>3</v>
      </c>
      <c r="C111" s="6">
        <v>2</v>
      </c>
      <c r="D111" s="5">
        <v>5</v>
      </c>
    </row>
    <row r="112" spans="1:4" ht="18" customHeight="1" x14ac:dyDescent="0.15">
      <c r="A112" s="8">
        <v>88</v>
      </c>
      <c r="B112" s="21">
        <v>4</v>
      </c>
      <c r="C112" s="6">
        <v>6</v>
      </c>
      <c r="D112" s="5">
        <v>10</v>
      </c>
    </row>
    <row r="113" spans="1:4" ht="18" customHeight="1" x14ac:dyDescent="0.15">
      <c r="A113" s="8">
        <v>89</v>
      </c>
      <c r="B113" s="21">
        <v>4</v>
      </c>
      <c r="C113" s="6">
        <v>6</v>
      </c>
      <c r="D113" s="5">
        <v>10</v>
      </c>
    </row>
    <row r="114" spans="1:4" ht="18" customHeight="1" x14ac:dyDescent="0.15">
      <c r="A114" s="8" t="s">
        <v>6</v>
      </c>
      <c r="B114" s="21">
        <v>20</v>
      </c>
      <c r="C114" s="6">
        <v>25</v>
      </c>
      <c r="D114" s="5">
        <v>45</v>
      </c>
    </row>
    <row r="115" spans="1:4" ht="18" customHeight="1" x14ac:dyDescent="0.15">
      <c r="A115" s="8">
        <v>90</v>
      </c>
      <c r="B115" s="21">
        <v>3</v>
      </c>
      <c r="C115" s="6">
        <v>9</v>
      </c>
      <c r="D115" s="5">
        <v>12</v>
      </c>
    </row>
    <row r="116" spans="1:4" ht="18" customHeight="1" x14ac:dyDescent="0.15">
      <c r="A116" s="8">
        <v>91</v>
      </c>
      <c r="B116" s="21">
        <v>2</v>
      </c>
      <c r="C116" s="6">
        <v>7</v>
      </c>
      <c r="D116" s="5">
        <v>9</v>
      </c>
    </row>
    <row r="117" spans="1:4" ht="18" customHeight="1" x14ac:dyDescent="0.15">
      <c r="A117" s="8">
        <v>92</v>
      </c>
      <c r="B117" s="21">
        <v>1</v>
      </c>
      <c r="C117" s="6">
        <v>6</v>
      </c>
      <c r="D117" s="5">
        <v>7</v>
      </c>
    </row>
    <row r="118" spans="1:4" ht="18" customHeight="1" x14ac:dyDescent="0.15">
      <c r="A118" s="8">
        <v>93</v>
      </c>
      <c r="B118" s="21">
        <v>0</v>
      </c>
      <c r="C118" s="6">
        <v>7</v>
      </c>
      <c r="D118" s="5">
        <v>7</v>
      </c>
    </row>
    <row r="119" spans="1:4" ht="18" customHeight="1" x14ac:dyDescent="0.15">
      <c r="A119" s="8">
        <v>94</v>
      </c>
      <c r="B119" s="21">
        <v>1</v>
      </c>
      <c r="C119" s="6">
        <v>2</v>
      </c>
      <c r="D119" s="5">
        <v>3</v>
      </c>
    </row>
    <row r="120" spans="1:4" ht="18" customHeight="1" x14ac:dyDescent="0.15">
      <c r="A120" s="8" t="s">
        <v>5</v>
      </c>
      <c r="B120" s="21">
        <v>7</v>
      </c>
      <c r="C120" s="6">
        <v>31</v>
      </c>
      <c r="D120" s="5">
        <v>38</v>
      </c>
    </row>
    <row r="121" spans="1:4" ht="18" customHeight="1" x14ac:dyDescent="0.15">
      <c r="A121" s="8">
        <v>95</v>
      </c>
      <c r="B121" s="21">
        <v>0</v>
      </c>
      <c r="C121" s="6">
        <v>1</v>
      </c>
      <c r="D121" s="5">
        <v>1</v>
      </c>
    </row>
    <row r="122" spans="1:4" ht="18" customHeight="1" x14ac:dyDescent="0.15">
      <c r="A122" s="8">
        <v>96</v>
      </c>
      <c r="B122" s="21">
        <v>1</v>
      </c>
      <c r="C122" s="6">
        <v>4</v>
      </c>
      <c r="D122" s="5">
        <v>5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0</v>
      </c>
      <c r="C124" s="6">
        <v>5</v>
      </c>
      <c r="D124" s="5">
        <v>5</v>
      </c>
    </row>
    <row r="125" spans="1:4" ht="18" customHeight="1" x14ac:dyDescent="0.15">
      <c r="A125" s="8">
        <v>99</v>
      </c>
      <c r="B125" s="21">
        <v>0</v>
      </c>
      <c r="C125" s="6">
        <v>1</v>
      </c>
      <c r="D125" s="5">
        <v>1</v>
      </c>
    </row>
    <row r="126" spans="1:4" ht="18" customHeight="1" x14ac:dyDescent="0.15">
      <c r="A126" s="8" t="s">
        <v>4</v>
      </c>
      <c r="B126" s="21">
        <v>1</v>
      </c>
      <c r="C126" s="6">
        <v>13</v>
      </c>
      <c r="D126" s="5">
        <v>14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230</v>
      </c>
      <c r="C130" s="6">
        <v>286</v>
      </c>
      <c r="D130" s="5">
        <v>516</v>
      </c>
    </row>
    <row r="131" spans="1:4" ht="18" customHeight="1" x14ac:dyDescent="0.15">
      <c r="A131" s="4" t="s">
        <v>0</v>
      </c>
      <c r="B131" s="20">
        <v>577</v>
      </c>
      <c r="C131" s="2">
        <v>590</v>
      </c>
      <c r="D131" s="1">
        <v>116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EFF005-498F-4849-9B70-EFEC0061D18F}">
  <sheetPr codeName="Sheet9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7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0</v>
      </c>
      <c r="C5" s="31">
        <v>1</v>
      </c>
      <c r="D5" s="30">
        <v>1</v>
      </c>
    </row>
    <row r="6" spans="1:4" ht="18" customHeight="1" x14ac:dyDescent="0.15">
      <c r="A6" s="8">
        <v>1</v>
      </c>
      <c r="B6" s="26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6">
        <v>0</v>
      </c>
      <c r="C7" s="6">
        <v>3</v>
      </c>
      <c r="D7" s="5">
        <v>3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1</v>
      </c>
      <c r="C9" s="28">
        <v>3</v>
      </c>
      <c r="D9" s="27">
        <v>4</v>
      </c>
    </row>
    <row r="10" spans="1:4" ht="18" customHeight="1" x14ac:dyDescent="0.15">
      <c r="A10" s="8" t="s">
        <v>25</v>
      </c>
      <c r="B10" s="21">
        <v>4</v>
      </c>
      <c r="C10" s="6">
        <v>9</v>
      </c>
      <c r="D10" s="5">
        <v>13</v>
      </c>
    </row>
    <row r="11" spans="1:4" ht="18" customHeight="1" x14ac:dyDescent="0.15">
      <c r="A11" s="8">
        <v>5</v>
      </c>
      <c r="B11" s="26">
        <v>2</v>
      </c>
      <c r="C11" s="6">
        <v>3</v>
      </c>
      <c r="D11" s="5">
        <v>5</v>
      </c>
    </row>
    <row r="12" spans="1:4" ht="18" customHeight="1" x14ac:dyDescent="0.15">
      <c r="A12" s="8">
        <v>6</v>
      </c>
      <c r="B12" s="26">
        <v>1</v>
      </c>
      <c r="C12" s="6">
        <v>2</v>
      </c>
      <c r="D12" s="5">
        <v>3</v>
      </c>
    </row>
    <row r="13" spans="1:4" ht="18" customHeight="1" x14ac:dyDescent="0.15">
      <c r="A13" s="8">
        <v>7</v>
      </c>
      <c r="B13" s="26">
        <v>0</v>
      </c>
      <c r="C13" s="6">
        <v>1</v>
      </c>
      <c r="D13" s="5">
        <v>1</v>
      </c>
    </row>
    <row r="14" spans="1:4" ht="18" customHeight="1" x14ac:dyDescent="0.15">
      <c r="A14" s="8">
        <v>8</v>
      </c>
      <c r="B14" s="26">
        <v>2</v>
      </c>
      <c r="C14" s="6">
        <v>1</v>
      </c>
      <c r="D14" s="5">
        <v>3</v>
      </c>
    </row>
    <row r="15" spans="1:4" ht="18" customHeight="1" x14ac:dyDescent="0.15">
      <c r="A15" s="8">
        <v>9</v>
      </c>
      <c r="B15" s="26">
        <v>1</v>
      </c>
      <c r="C15" s="6">
        <v>1</v>
      </c>
      <c r="D15" s="5">
        <v>2</v>
      </c>
    </row>
    <row r="16" spans="1:4" ht="18" customHeight="1" x14ac:dyDescent="0.15">
      <c r="A16" s="8" t="s">
        <v>24</v>
      </c>
      <c r="B16" s="21">
        <v>6</v>
      </c>
      <c r="C16" s="6">
        <v>8</v>
      </c>
      <c r="D16" s="5">
        <v>14</v>
      </c>
    </row>
    <row r="17" spans="1:4" ht="18" customHeight="1" x14ac:dyDescent="0.15">
      <c r="A17" s="8">
        <v>10</v>
      </c>
      <c r="B17" s="21">
        <v>1</v>
      </c>
      <c r="C17" s="6">
        <v>0</v>
      </c>
      <c r="D17" s="5">
        <v>1</v>
      </c>
    </row>
    <row r="18" spans="1:4" ht="18" customHeight="1" x14ac:dyDescent="0.15">
      <c r="A18" s="8">
        <v>11</v>
      </c>
      <c r="B18" s="21">
        <v>2</v>
      </c>
      <c r="C18" s="6">
        <v>3</v>
      </c>
      <c r="D18" s="5">
        <v>5</v>
      </c>
    </row>
    <row r="19" spans="1:4" ht="18" customHeight="1" x14ac:dyDescent="0.15">
      <c r="A19" s="8">
        <v>12</v>
      </c>
      <c r="B19" s="21">
        <v>2</v>
      </c>
      <c r="C19" s="6">
        <v>1</v>
      </c>
      <c r="D19" s="5">
        <v>3</v>
      </c>
    </row>
    <row r="20" spans="1:4" ht="18" customHeight="1" x14ac:dyDescent="0.15">
      <c r="A20" s="8">
        <v>13</v>
      </c>
      <c r="B20" s="21">
        <v>3</v>
      </c>
      <c r="C20" s="6">
        <v>2</v>
      </c>
      <c r="D20" s="5">
        <v>5</v>
      </c>
    </row>
    <row r="21" spans="1:4" ht="18" customHeight="1" x14ac:dyDescent="0.15">
      <c r="A21" s="8">
        <v>14</v>
      </c>
      <c r="B21" s="21">
        <v>7</v>
      </c>
      <c r="C21" s="6">
        <v>2</v>
      </c>
      <c r="D21" s="5">
        <v>9</v>
      </c>
    </row>
    <row r="22" spans="1:4" ht="18" customHeight="1" x14ac:dyDescent="0.15">
      <c r="A22" s="8" t="s">
        <v>23</v>
      </c>
      <c r="B22" s="21">
        <v>15</v>
      </c>
      <c r="C22" s="6">
        <v>8</v>
      </c>
      <c r="D22" s="5">
        <v>23</v>
      </c>
    </row>
    <row r="23" spans="1:4" ht="18" customHeight="1" x14ac:dyDescent="0.15">
      <c r="A23" s="8" t="s">
        <v>22</v>
      </c>
      <c r="B23" s="21">
        <v>25</v>
      </c>
      <c r="C23" s="6">
        <v>25</v>
      </c>
      <c r="D23" s="5">
        <v>50</v>
      </c>
    </row>
    <row r="24" spans="1:4" ht="18" customHeight="1" x14ac:dyDescent="0.15">
      <c r="A24" s="8">
        <v>15</v>
      </c>
      <c r="B24" s="21">
        <v>7</v>
      </c>
      <c r="C24" s="6">
        <v>1</v>
      </c>
      <c r="D24" s="5">
        <v>8</v>
      </c>
    </row>
    <row r="25" spans="1:4" ht="18" customHeight="1" x14ac:dyDescent="0.15">
      <c r="A25" s="8">
        <v>16</v>
      </c>
      <c r="B25" s="21">
        <v>7</v>
      </c>
      <c r="C25" s="6">
        <v>2</v>
      </c>
      <c r="D25" s="5">
        <v>9</v>
      </c>
    </row>
    <row r="26" spans="1:4" ht="18" customHeight="1" x14ac:dyDescent="0.15">
      <c r="A26" s="8">
        <v>17</v>
      </c>
      <c r="B26" s="21">
        <v>3</v>
      </c>
      <c r="C26" s="6">
        <v>2</v>
      </c>
      <c r="D26" s="5">
        <v>5</v>
      </c>
    </row>
    <row r="27" spans="1:4" ht="18" customHeight="1" x14ac:dyDescent="0.15">
      <c r="A27" s="8">
        <v>18</v>
      </c>
      <c r="B27" s="21">
        <v>6</v>
      </c>
      <c r="C27" s="6">
        <v>1</v>
      </c>
      <c r="D27" s="5">
        <v>7</v>
      </c>
    </row>
    <row r="28" spans="1:4" ht="18" customHeight="1" x14ac:dyDescent="0.15">
      <c r="A28" s="8">
        <v>19</v>
      </c>
      <c r="B28" s="21">
        <v>8</v>
      </c>
      <c r="C28" s="6">
        <v>6</v>
      </c>
      <c r="D28" s="5">
        <v>14</v>
      </c>
    </row>
    <row r="29" spans="1:4" ht="18" customHeight="1" x14ac:dyDescent="0.15">
      <c r="A29" s="8" t="s">
        <v>21</v>
      </c>
      <c r="B29" s="21">
        <v>31</v>
      </c>
      <c r="C29" s="6">
        <v>12</v>
      </c>
      <c r="D29" s="5">
        <v>43</v>
      </c>
    </row>
    <row r="30" spans="1:4" ht="18" customHeight="1" x14ac:dyDescent="0.15">
      <c r="A30" s="8">
        <v>20</v>
      </c>
      <c r="B30" s="21">
        <v>5</v>
      </c>
      <c r="C30" s="6">
        <v>2</v>
      </c>
      <c r="D30" s="5">
        <v>7</v>
      </c>
    </row>
    <row r="31" spans="1:4" ht="18" customHeight="1" x14ac:dyDescent="0.15">
      <c r="A31" s="8">
        <v>21</v>
      </c>
      <c r="B31" s="21">
        <v>7</v>
      </c>
      <c r="C31" s="6">
        <v>5</v>
      </c>
      <c r="D31" s="5">
        <v>12</v>
      </c>
    </row>
    <row r="32" spans="1:4" ht="18" customHeight="1" x14ac:dyDescent="0.15">
      <c r="A32" s="8">
        <v>22</v>
      </c>
      <c r="B32" s="21">
        <v>5</v>
      </c>
      <c r="C32" s="6">
        <v>6</v>
      </c>
      <c r="D32" s="5">
        <v>11</v>
      </c>
    </row>
    <row r="33" spans="1:4" ht="18" customHeight="1" x14ac:dyDescent="0.15">
      <c r="A33" s="8">
        <v>23</v>
      </c>
      <c r="B33" s="21">
        <v>1</v>
      </c>
      <c r="C33" s="6">
        <v>4</v>
      </c>
      <c r="D33" s="5">
        <v>5</v>
      </c>
    </row>
    <row r="34" spans="1:4" ht="18" customHeight="1" x14ac:dyDescent="0.15">
      <c r="A34" s="8">
        <v>24</v>
      </c>
      <c r="B34" s="21">
        <v>1</v>
      </c>
      <c r="C34" s="6">
        <v>2</v>
      </c>
      <c r="D34" s="5">
        <v>3</v>
      </c>
    </row>
    <row r="35" spans="1:4" ht="18" customHeight="1" x14ac:dyDescent="0.15">
      <c r="A35" s="8" t="s">
        <v>20</v>
      </c>
      <c r="B35" s="21">
        <v>19</v>
      </c>
      <c r="C35" s="6">
        <v>19</v>
      </c>
      <c r="D35" s="5">
        <v>38</v>
      </c>
    </row>
    <row r="36" spans="1:4" ht="18" customHeight="1" x14ac:dyDescent="0.15">
      <c r="A36" s="8">
        <v>25</v>
      </c>
      <c r="B36" s="21">
        <v>3</v>
      </c>
      <c r="C36" s="6">
        <v>3</v>
      </c>
      <c r="D36" s="5">
        <v>6</v>
      </c>
    </row>
    <row r="37" spans="1:4" ht="18" customHeight="1" x14ac:dyDescent="0.15">
      <c r="A37" s="8">
        <v>26</v>
      </c>
      <c r="B37" s="21">
        <v>2</v>
      </c>
      <c r="C37" s="6">
        <v>2</v>
      </c>
      <c r="D37" s="5">
        <v>4</v>
      </c>
    </row>
    <row r="38" spans="1:4" ht="18" customHeight="1" x14ac:dyDescent="0.15">
      <c r="A38" s="8">
        <v>27</v>
      </c>
      <c r="B38" s="21">
        <v>5</v>
      </c>
      <c r="C38" s="6">
        <v>3</v>
      </c>
      <c r="D38" s="5">
        <v>8</v>
      </c>
    </row>
    <row r="39" spans="1:4" ht="18" customHeight="1" x14ac:dyDescent="0.15">
      <c r="A39" s="8">
        <v>28</v>
      </c>
      <c r="B39" s="21">
        <v>2</v>
      </c>
      <c r="C39" s="6">
        <v>0</v>
      </c>
      <c r="D39" s="5">
        <v>2</v>
      </c>
    </row>
    <row r="40" spans="1:4" ht="18" customHeight="1" x14ac:dyDescent="0.15">
      <c r="A40" s="8">
        <v>29</v>
      </c>
      <c r="B40" s="21">
        <v>3</v>
      </c>
      <c r="C40" s="6">
        <v>5</v>
      </c>
      <c r="D40" s="5">
        <v>8</v>
      </c>
    </row>
    <row r="41" spans="1:4" ht="18" customHeight="1" x14ac:dyDescent="0.15">
      <c r="A41" s="8" t="s">
        <v>19</v>
      </c>
      <c r="B41" s="21">
        <v>15</v>
      </c>
      <c r="C41" s="6">
        <v>13</v>
      </c>
      <c r="D41" s="5">
        <v>28</v>
      </c>
    </row>
    <row r="42" spans="1:4" ht="18" customHeight="1" x14ac:dyDescent="0.15">
      <c r="A42" s="8">
        <v>30</v>
      </c>
      <c r="B42" s="21">
        <v>3</v>
      </c>
      <c r="C42" s="6">
        <v>4</v>
      </c>
      <c r="D42" s="5">
        <v>7</v>
      </c>
    </row>
    <row r="43" spans="1:4" ht="18" customHeight="1" x14ac:dyDescent="0.15">
      <c r="A43" s="8">
        <v>31</v>
      </c>
      <c r="B43" s="21">
        <v>1</v>
      </c>
      <c r="C43" s="6">
        <v>4</v>
      </c>
      <c r="D43" s="5">
        <v>5</v>
      </c>
    </row>
    <row r="44" spans="1:4" ht="18" customHeight="1" x14ac:dyDescent="0.15">
      <c r="A44" s="8">
        <v>32</v>
      </c>
      <c r="B44" s="21">
        <v>1</v>
      </c>
      <c r="C44" s="6">
        <v>2</v>
      </c>
      <c r="D44" s="5">
        <v>3</v>
      </c>
    </row>
    <row r="45" spans="1:4" ht="18" customHeight="1" x14ac:dyDescent="0.15">
      <c r="A45" s="8">
        <v>33</v>
      </c>
      <c r="B45" s="21">
        <v>3</v>
      </c>
      <c r="C45" s="6">
        <v>2</v>
      </c>
      <c r="D45" s="5">
        <v>5</v>
      </c>
    </row>
    <row r="46" spans="1:4" ht="18" customHeight="1" x14ac:dyDescent="0.15">
      <c r="A46" s="8">
        <v>34</v>
      </c>
      <c r="B46" s="21">
        <v>5</v>
      </c>
      <c r="C46" s="6">
        <v>1</v>
      </c>
      <c r="D46" s="5">
        <v>6</v>
      </c>
    </row>
    <row r="47" spans="1:4" ht="18" customHeight="1" x14ac:dyDescent="0.15">
      <c r="A47" s="8" t="s">
        <v>18</v>
      </c>
      <c r="B47" s="21">
        <v>13</v>
      </c>
      <c r="C47" s="6">
        <v>13</v>
      </c>
      <c r="D47" s="5">
        <v>26</v>
      </c>
    </row>
    <row r="48" spans="1:4" ht="18" customHeight="1" x14ac:dyDescent="0.15">
      <c r="A48" s="8">
        <v>35</v>
      </c>
      <c r="B48" s="21">
        <v>2</v>
      </c>
      <c r="C48" s="6">
        <v>1</v>
      </c>
      <c r="D48" s="5">
        <v>3</v>
      </c>
    </row>
    <row r="49" spans="1:4" ht="18" customHeight="1" x14ac:dyDescent="0.15">
      <c r="A49" s="8">
        <v>36</v>
      </c>
      <c r="B49" s="21">
        <v>3</v>
      </c>
      <c r="C49" s="6">
        <v>1</v>
      </c>
      <c r="D49" s="5">
        <v>4</v>
      </c>
    </row>
    <row r="50" spans="1:4" ht="18" customHeight="1" x14ac:dyDescent="0.15">
      <c r="A50" s="8">
        <v>37</v>
      </c>
      <c r="B50" s="21">
        <v>2</v>
      </c>
      <c r="C50" s="6">
        <v>4</v>
      </c>
      <c r="D50" s="5">
        <v>6</v>
      </c>
    </row>
    <row r="51" spans="1:4" ht="18" customHeight="1" x14ac:dyDescent="0.15">
      <c r="A51" s="8">
        <v>38</v>
      </c>
      <c r="B51" s="21">
        <v>2</v>
      </c>
      <c r="C51" s="6">
        <v>0</v>
      </c>
      <c r="D51" s="5">
        <v>2</v>
      </c>
    </row>
    <row r="52" spans="1:4" ht="18" customHeight="1" x14ac:dyDescent="0.15">
      <c r="A52" s="8">
        <v>39</v>
      </c>
      <c r="B52" s="21">
        <v>4</v>
      </c>
      <c r="C52" s="6">
        <v>6</v>
      </c>
      <c r="D52" s="5">
        <v>10</v>
      </c>
    </row>
    <row r="53" spans="1:4" ht="18" customHeight="1" x14ac:dyDescent="0.15">
      <c r="A53" s="8" t="s">
        <v>17</v>
      </c>
      <c r="B53" s="21">
        <v>13</v>
      </c>
      <c r="C53" s="6">
        <v>12</v>
      </c>
      <c r="D53" s="5">
        <v>25</v>
      </c>
    </row>
    <row r="54" spans="1:4" ht="18" customHeight="1" x14ac:dyDescent="0.15">
      <c r="A54" s="8">
        <v>40</v>
      </c>
      <c r="B54" s="21">
        <v>4</v>
      </c>
      <c r="C54" s="6">
        <v>2</v>
      </c>
      <c r="D54" s="5">
        <v>6</v>
      </c>
    </row>
    <row r="55" spans="1:4" ht="18" customHeight="1" x14ac:dyDescent="0.15">
      <c r="A55" s="8">
        <v>41</v>
      </c>
      <c r="B55" s="21">
        <v>2</v>
      </c>
      <c r="C55" s="6">
        <v>6</v>
      </c>
      <c r="D55" s="5">
        <v>8</v>
      </c>
    </row>
    <row r="56" spans="1:4" ht="18" customHeight="1" x14ac:dyDescent="0.15">
      <c r="A56" s="8">
        <v>42</v>
      </c>
      <c r="B56" s="21">
        <v>9</v>
      </c>
      <c r="C56" s="6">
        <v>0</v>
      </c>
      <c r="D56" s="5">
        <v>9</v>
      </c>
    </row>
    <row r="57" spans="1:4" ht="18" customHeight="1" x14ac:dyDescent="0.15">
      <c r="A57" s="8">
        <v>43</v>
      </c>
      <c r="B57" s="21">
        <v>4</v>
      </c>
      <c r="C57" s="6">
        <v>0</v>
      </c>
      <c r="D57" s="5">
        <v>4</v>
      </c>
    </row>
    <row r="58" spans="1:4" ht="18" customHeight="1" x14ac:dyDescent="0.15">
      <c r="A58" s="8">
        <v>44</v>
      </c>
      <c r="B58" s="21">
        <v>4</v>
      </c>
      <c r="C58" s="6">
        <v>3</v>
      </c>
      <c r="D58" s="5">
        <v>7</v>
      </c>
    </row>
    <row r="59" spans="1:4" ht="18" customHeight="1" x14ac:dyDescent="0.15">
      <c r="A59" s="8" t="s">
        <v>16</v>
      </c>
      <c r="B59" s="21">
        <v>23</v>
      </c>
      <c r="C59" s="6">
        <v>11</v>
      </c>
      <c r="D59" s="5">
        <v>34</v>
      </c>
    </row>
    <row r="60" spans="1:4" ht="18" customHeight="1" x14ac:dyDescent="0.15">
      <c r="A60" s="8">
        <v>45</v>
      </c>
      <c r="B60" s="21">
        <v>4</v>
      </c>
      <c r="C60" s="6">
        <v>8</v>
      </c>
      <c r="D60" s="5">
        <v>12</v>
      </c>
    </row>
    <row r="61" spans="1:4" ht="18" customHeight="1" x14ac:dyDescent="0.15">
      <c r="A61" s="8">
        <v>46</v>
      </c>
      <c r="B61" s="21">
        <v>5</v>
      </c>
      <c r="C61" s="6">
        <v>4</v>
      </c>
      <c r="D61" s="5">
        <v>9</v>
      </c>
    </row>
    <row r="62" spans="1:4" ht="18" customHeight="1" x14ac:dyDescent="0.15">
      <c r="A62" s="8">
        <v>47</v>
      </c>
      <c r="B62" s="21">
        <v>7</v>
      </c>
      <c r="C62" s="6">
        <v>3</v>
      </c>
      <c r="D62" s="5">
        <v>10</v>
      </c>
    </row>
    <row r="63" spans="1:4" ht="18" customHeight="1" x14ac:dyDescent="0.15">
      <c r="A63" s="8">
        <v>48</v>
      </c>
      <c r="B63" s="21">
        <v>4</v>
      </c>
      <c r="C63" s="6">
        <v>2</v>
      </c>
      <c r="D63" s="5">
        <v>6</v>
      </c>
    </row>
    <row r="64" spans="1:4" ht="18" customHeight="1" x14ac:dyDescent="0.15">
      <c r="A64" s="8">
        <v>49</v>
      </c>
      <c r="B64" s="21">
        <v>12</v>
      </c>
      <c r="C64" s="6">
        <v>6</v>
      </c>
      <c r="D64" s="5">
        <v>18</v>
      </c>
    </row>
    <row r="65" spans="1:4" ht="18" customHeight="1" x14ac:dyDescent="0.15">
      <c r="A65" s="8" t="s">
        <v>15</v>
      </c>
      <c r="B65" s="21">
        <v>32</v>
      </c>
      <c r="C65" s="6">
        <v>23</v>
      </c>
      <c r="D65" s="5">
        <v>55</v>
      </c>
    </row>
    <row r="66" spans="1:4" ht="18" customHeight="1" x14ac:dyDescent="0.15">
      <c r="A66" s="8">
        <v>50</v>
      </c>
      <c r="B66" s="21">
        <v>6</v>
      </c>
      <c r="C66" s="6">
        <v>5</v>
      </c>
      <c r="D66" s="5">
        <v>11</v>
      </c>
    </row>
    <row r="67" spans="1:4" ht="18" customHeight="1" x14ac:dyDescent="0.15">
      <c r="A67" s="8">
        <v>51</v>
      </c>
      <c r="B67" s="21">
        <v>7</v>
      </c>
      <c r="C67" s="6">
        <v>7</v>
      </c>
      <c r="D67" s="5">
        <v>14</v>
      </c>
    </row>
    <row r="68" spans="1:4" ht="18" customHeight="1" x14ac:dyDescent="0.15">
      <c r="A68" s="8">
        <v>52</v>
      </c>
      <c r="B68" s="21">
        <v>9</v>
      </c>
      <c r="C68" s="6">
        <v>8</v>
      </c>
      <c r="D68" s="5">
        <v>17</v>
      </c>
    </row>
    <row r="69" spans="1:4" ht="18" customHeight="1" x14ac:dyDescent="0.15">
      <c r="A69" s="8">
        <v>53</v>
      </c>
      <c r="B69" s="21">
        <v>7</v>
      </c>
      <c r="C69" s="6">
        <v>6</v>
      </c>
      <c r="D69" s="5">
        <v>13</v>
      </c>
    </row>
    <row r="70" spans="1:4" ht="18" customHeight="1" x14ac:dyDescent="0.15">
      <c r="A70" s="8">
        <v>54</v>
      </c>
      <c r="B70" s="21">
        <v>2</v>
      </c>
      <c r="C70" s="6">
        <v>7</v>
      </c>
      <c r="D70" s="5">
        <v>9</v>
      </c>
    </row>
    <row r="71" spans="1:4" ht="18" customHeight="1" x14ac:dyDescent="0.15">
      <c r="A71" s="8" t="s">
        <v>14</v>
      </c>
      <c r="B71" s="21">
        <v>31</v>
      </c>
      <c r="C71" s="6">
        <v>33</v>
      </c>
      <c r="D71" s="5">
        <v>64</v>
      </c>
    </row>
    <row r="72" spans="1:4" ht="18" customHeight="1" x14ac:dyDescent="0.15">
      <c r="A72" s="8">
        <v>55</v>
      </c>
      <c r="B72" s="21">
        <v>6</v>
      </c>
      <c r="C72" s="6">
        <v>9</v>
      </c>
      <c r="D72" s="5">
        <v>15</v>
      </c>
    </row>
    <row r="73" spans="1:4" ht="18" customHeight="1" x14ac:dyDescent="0.15">
      <c r="A73" s="8">
        <v>56</v>
      </c>
      <c r="B73" s="21">
        <v>6</v>
      </c>
      <c r="C73" s="6">
        <v>6</v>
      </c>
      <c r="D73" s="5">
        <v>12</v>
      </c>
    </row>
    <row r="74" spans="1:4" ht="18" customHeight="1" x14ac:dyDescent="0.15">
      <c r="A74" s="8">
        <v>57</v>
      </c>
      <c r="B74" s="21">
        <v>5</v>
      </c>
      <c r="C74" s="6">
        <v>6</v>
      </c>
      <c r="D74" s="5">
        <v>11</v>
      </c>
    </row>
    <row r="75" spans="1:4" ht="18" customHeight="1" x14ac:dyDescent="0.15">
      <c r="A75" s="8">
        <v>58</v>
      </c>
      <c r="B75" s="21">
        <v>6</v>
      </c>
      <c r="C75" s="6">
        <v>5</v>
      </c>
      <c r="D75" s="5">
        <v>11</v>
      </c>
    </row>
    <row r="76" spans="1:4" ht="18" customHeight="1" x14ac:dyDescent="0.15">
      <c r="A76" s="8">
        <v>59</v>
      </c>
      <c r="B76" s="21">
        <v>5</v>
      </c>
      <c r="C76" s="6">
        <v>4</v>
      </c>
      <c r="D76" s="5">
        <v>9</v>
      </c>
    </row>
    <row r="77" spans="1:4" ht="18" customHeight="1" x14ac:dyDescent="0.15">
      <c r="A77" s="8" t="s">
        <v>13</v>
      </c>
      <c r="B77" s="21">
        <v>28</v>
      </c>
      <c r="C77" s="6">
        <v>30</v>
      </c>
      <c r="D77" s="5">
        <v>58</v>
      </c>
    </row>
    <row r="78" spans="1:4" ht="18" customHeight="1" x14ac:dyDescent="0.15">
      <c r="A78" s="8">
        <v>60</v>
      </c>
      <c r="B78" s="21">
        <v>2</v>
      </c>
      <c r="C78" s="6">
        <v>5</v>
      </c>
      <c r="D78" s="5">
        <v>7</v>
      </c>
    </row>
    <row r="79" spans="1:4" ht="18" customHeight="1" x14ac:dyDescent="0.15">
      <c r="A79" s="8">
        <v>61</v>
      </c>
      <c r="B79" s="21">
        <v>6</v>
      </c>
      <c r="C79" s="6">
        <v>5</v>
      </c>
      <c r="D79" s="5">
        <v>11</v>
      </c>
    </row>
    <row r="80" spans="1:4" ht="18" customHeight="1" x14ac:dyDescent="0.15">
      <c r="A80" s="8">
        <v>62</v>
      </c>
      <c r="B80" s="21">
        <v>5</v>
      </c>
      <c r="C80" s="6">
        <v>7</v>
      </c>
      <c r="D80" s="5">
        <v>12</v>
      </c>
    </row>
    <row r="81" spans="1:4" ht="18" customHeight="1" x14ac:dyDescent="0.15">
      <c r="A81" s="8">
        <v>63</v>
      </c>
      <c r="B81" s="21">
        <v>7</v>
      </c>
      <c r="C81" s="6">
        <v>4</v>
      </c>
      <c r="D81" s="5">
        <v>11</v>
      </c>
    </row>
    <row r="82" spans="1:4" ht="18" customHeight="1" x14ac:dyDescent="0.15">
      <c r="A82" s="8">
        <v>64</v>
      </c>
      <c r="B82" s="21">
        <v>5</v>
      </c>
      <c r="C82" s="6">
        <v>7</v>
      </c>
      <c r="D82" s="5">
        <v>12</v>
      </c>
    </row>
    <row r="83" spans="1:4" ht="18" customHeight="1" x14ac:dyDescent="0.15">
      <c r="A83" s="8" t="s">
        <v>12</v>
      </c>
      <c r="B83" s="21">
        <v>25</v>
      </c>
      <c r="C83" s="6">
        <v>28</v>
      </c>
      <c r="D83" s="5">
        <v>53</v>
      </c>
    </row>
    <row r="84" spans="1:4" ht="18" customHeight="1" x14ac:dyDescent="0.15">
      <c r="A84" s="8" t="s">
        <v>11</v>
      </c>
      <c r="B84" s="21">
        <v>230</v>
      </c>
      <c r="C84" s="6">
        <v>194</v>
      </c>
      <c r="D84" s="5">
        <v>424</v>
      </c>
    </row>
    <row r="85" spans="1:4" ht="18" customHeight="1" x14ac:dyDescent="0.15">
      <c r="A85" s="8">
        <v>65</v>
      </c>
      <c r="B85" s="21">
        <v>4</v>
      </c>
      <c r="C85" s="6">
        <v>3</v>
      </c>
      <c r="D85" s="5">
        <v>7</v>
      </c>
    </row>
    <row r="86" spans="1:4" ht="18" customHeight="1" x14ac:dyDescent="0.15">
      <c r="A86" s="8">
        <v>66</v>
      </c>
      <c r="B86" s="21">
        <v>5</v>
      </c>
      <c r="C86" s="6">
        <v>10</v>
      </c>
      <c r="D86" s="5">
        <v>15</v>
      </c>
    </row>
    <row r="87" spans="1:4" ht="18" customHeight="1" x14ac:dyDescent="0.15">
      <c r="A87" s="8">
        <v>67</v>
      </c>
      <c r="B87" s="21">
        <v>7</v>
      </c>
      <c r="C87" s="6">
        <v>6</v>
      </c>
      <c r="D87" s="5">
        <v>13</v>
      </c>
    </row>
    <row r="88" spans="1:4" ht="18" customHeight="1" x14ac:dyDescent="0.15">
      <c r="A88" s="8">
        <v>68</v>
      </c>
      <c r="B88" s="21">
        <v>5</v>
      </c>
      <c r="C88" s="6">
        <v>4</v>
      </c>
      <c r="D88" s="5">
        <v>9</v>
      </c>
    </row>
    <row r="89" spans="1:4" ht="18" customHeight="1" x14ac:dyDescent="0.15">
      <c r="A89" s="8">
        <v>69</v>
      </c>
      <c r="B89" s="21">
        <v>6</v>
      </c>
      <c r="C89" s="6">
        <v>4</v>
      </c>
      <c r="D89" s="5">
        <v>10</v>
      </c>
    </row>
    <row r="90" spans="1:4" ht="18" customHeight="1" x14ac:dyDescent="0.15">
      <c r="A90" s="8" t="s">
        <v>10</v>
      </c>
      <c r="B90" s="21">
        <v>27</v>
      </c>
      <c r="C90" s="6">
        <v>27</v>
      </c>
      <c r="D90" s="5">
        <v>54</v>
      </c>
    </row>
    <row r="91" spans="1:4" ht="18" customHeight="1" x14ac:dyDescent="0.15">
      <c r="A91" s="8">
        <v>70</v>
      </c>
      <c r="B91" s="21">
        <v>2</v>
      </c>
      <c r="C91" s="6">
        <v>8</v>
      </c>
      <c r="D91" s="5">
        <v>10</v>
      </c>
    </row>
    <row r="92" spans="1:4" ht="18" customHeight="1" x14ac:dyDescent="0.15">
      <c r="A92" s="8">
        <v>71</v>
      </c>
      <c r="B92" s="21">
        <v>11</v>
      </c>
      <c r="C92" s="6">
        <v>10</v>
      </c>
      <c r="D92" s="5">
        <v>21</v>
      </c>
    </row>
    <row r="93" spans="1:4" ht="18" customHeight="1" x14ac:dyDescent="0.15">
      <c r="A93" s="8">
        <v>72</v>
      </c>
      <c r="B93" s="21">
        <v>11</v>
      </c>
      <c r="C93" s="6">
        <v>7</v>
      </c>
      <c r="D93" s="5">
        <v>18</v>
      </c>
    </row>
    <row r="94" spans="1:4" ht="18" customHeight="1" x14ac:dyDescent="0.15">
      <c r="A94" s="8">
        <v>73</v>
      </c>
      <c r="B94" s="21">
        <v>10</v>
      </c>
      <c r="C94" s="6">
        <v>2</v>
      </c>
      <c r="D94" s="5">
        <v>12</v>
      </c>
    </row>
    <row r="95" spans="1:4" ht="18" customHeight="1" x14ac:dyDescent="0.15">
      <c r="A95" s="8">
        <v>74</v>
      </c>
      <c r="B95" s="21">
        <v>8</v>
      </c>
      <c r="C95" s="6">
        <v>11</v>
      </c>
      <c r="D95" s="5">
        <v>19</v>
      </c>
    </row>
    <row r="96" spans="1:4" ht="18" customHeight="1" x14ac:dyDescent="0.15">
      <c r="A96" s="8" t="s">
        <v>9</v>
      </c>
      <c r="B96" s="21">
        <v>42</v>
      </c>
      <c r="C96" s="6">
        <v>38</v>
      </c>
      <c r="D96" s="5">
        <v>80</v>
      </c>
    </row>
    <row r="97" spans="1:4" ht="18" customHeight="1" x14ac:dyDescent="0.15">
      <c r="A97" s="8">
        <v>75</v>
      </c>
      <c r="B97" s="21">
        <v>5</v>
      </c>
      <c r="C97" s="6">
        <v>11</v>
      </c>
      <c r="D97" s="5">
        <v>16</v>
      </c>
    </row>
    <row r="98" spans="1:4" ht="18" customHeight="1" x14ac:dyDescent="0.15">
      <c r="A98" s="8">
        <v>76</v>
      </c>
      <c r="B98" s="21">
        <v>10</v>
      </c>
      <c r="C98" s="6">
        <v>10</v>
      </c>
      <c r="D98" s="5">
        <v>20</v>
      </c>
    </row>
    <row r="99" spans="1:4" ht="18" customHeight="1" x14ac:dyDescent="0.15">
      <c r="A99" s="8">
        <v>77</v>
      </c>
      <c r="B99" s="21">
        <v>8</v>
      </c>
      <c r="C99" s="6">
        <v>15</v>
      </c>
      <c r="D99" s="5">
        <v>23</v>
      </c>
    </row>
    <row r="100" spans="1:4" ht="18" customHeight="1" x14ac:dyDescent="0.15">
      <c r="A100" s="8">
        <v>78</v>
      </c>
      <c r="B100" s="21">
        <v>7</v>
      </c>
      <c r="C100" s="6">
        <v>18</v>
      </c>
      <c r="D100" s="5">
        <v>25</v>
      </c>
    </row>
    <row r="101" spans="1:4" ht="18" customHeight="1" x14ac:dyDescent="0.15">
      <c r="A101" s="8">
        <v>79</v>
      </c>
      <c r="B101" s="21">
        <v>12</v>
      </c>
      <c r="C101" s="6">
        <v>9</v>
      </c>
      <c r="D101" s="5">
        <v>21</v>
      </c>
    </row>
    <row r="102" spans="1:4" ht="18" customHeight="1" x14ac:dyDescent="0.15">
      <c r="A102" s="8" t="s">
        <v>8</v>
      </c>
      <c r="B102" s="21">
        <v>42</v>
      </c>
      <c r="C102" s="6">
        <v>63</v>
      </c>
      <c r="D102" s="5">
        <v>105</v>
      </c>
    </row>
    <row r="103" spans="1:4" ht="18" customHeight="1" x14ac:dyDescent="0.15">
      <c r="A103" s="8">
        <v>80</v>
      </c>
      <c r="B103" s="21">
        <v>3</v>
      </c>
      <c r="C103" s="6">
        <v>4</v>
      </c>
      <c r="D103" s="5">
        <v>7</v>
      </c>
    </row>
    <row r="104" spans="1:4" ht="18" customHeight="1" x14ac:dyDescent="0.15">
      <c r="A104" s="8">
        <v>81</v>
      </c>
      <c r="B104" s="21">
        <v>9</v>
      </c>
      <c r="C104" s="6">
        <v>6</v>
      </c>
      <c r="D104" s="5">
        <v>15</v>
      </c>
    </row>
    <row r="105" spans="1:4" ht="18" customHeight="1" x14ac:dyDescent="0.15">
      <c r="A105" s="8">
        <v>82</v>
      </c>
      <c r="B105" s="21">
        <v>4</v>
      </c>
      <c r="C105" s="6">
        <v>10</v>
      </c>
      <c r="D105" s="5">
        <v>14</v>
      </c>
    </row>
    <row r="106" spans="1:4" ht="18" customHeight="1" x14ac:dyDescent="0.15">
      <c r="A106" s="8">
        <v>83</v>
      </c>
      <c r="B106" s="21">
        <v>4</v>
      </c>
      <c r="C106" s="6">
        <v>8</v>
      </c>
      <c r="D106" s="5">
        <v>12</v>
      </c>
    </row>
    <row r="107" spans="1:4" ht="18" customHeight="1" x14ac:dyDescent="0.15">
      <c r="A107" s="8">
        <v>84</v>
      </c>
      <c r="B107" s="21">
        <v>5</v>
      </c>
      <c r="C107" s="6">
        <v>6</v>
      </c>
      <c r="D107" s="5">
        <v>11</v>
      </c>
    </row>
    <row r="108" spans="1:4" ht="18" customHeight="1" x14ac:dyDescent="0.15">
      <c r="A108" s="8" t="s">
        <v>7</v>
      </c>
      <c r="B108" s="21">
        <v>25</v>
      </c>
      <c r="C108" s="6">
        <v>34</v>
      </c>
      <c r="D108" s="5">
        <v>59</v>
      </c>
    </row>
    <row r="109" spans="1:4" ht="18" customHeight="1" x14ac:dyDescent="0.15">
      <c r="A109" s="8">
        <v>85</v>
      </c>
      <c r="B109" s="21">
        <v>0</v>
      </c>
      <c r="C109" s="6">
        <v>1</v>
      </c>
      <c r="D109" s="5">
        <v>1</v>
      </c>
    </row>
    <row r="110" spans="1:4" ht="18" customHeight="1" x14ac:dyDescent="0.15">
      <c r="A110" s="8">
        <v>86</v>
      </c>
      <c r="B110" s="21">
        <v>5</v>
      </c>
      <c r="C110" s="6">
        <v>6</v>
      </c>
      <c r="D110" s="5">
        <v>11</v>
      </c>
    </row>
    <row r="111" spans="1:4" ht="18" customHeight="1" x14ac:dyDescent="0.15">
      <c r="A111" s="8">
        <v>87</v>
      </c>
      <c r="B111" s="21">
        <v>1</v>
      </c>
      <c r="C111" s="6">
        <v>11</v>
      </c>
      <c r="D111" s="5">
        <v>12</v>
      </c>
    </row>
    <row r="112" spans="1:4" ht="18" customHeight="1" x14ac:dyDescent="0.15">
      <c r="A112" s="8">
        <v>88</v>
      </c>
      <c r="B112" s="21">
        <v>2</v>
      </c>
      <c r="C112" s="6">
        <v>3</v>
      </c>
      <c r="D112" s="5">
        <v>5</v>
      </c>
    </row>
    <row r="113" spans="1:4" ht="18" customHeight="1" x14ac:dyDescent="0.15">
      <c r="A113" s="8">
        <v>89</v>
      </c>
      <c r="B113" s="21">
        <v>2</v>
      </c>
      <c r="C113" s="6">
        <v>2</v>
      </c>
      <c r="D113" s="5">
        <v>4</v>
      </c>
    </row>
    <row r="114" spans="1:4" ht="18" customHeight="1" x14ac:dyDescent="0.15">
      <c r="A114" s="8" t="s">
        <v>6</v>
      </c>
      <c r="B114" s="21">
        <v>10</v>
      </c>
      <c r="C114" s="6">
        <v>23</v>
      </c>
      <c r="D114" s="5">
        <v>33</v>
      </c>
    </row>
    <row r="115" spans="1:4" ht="18" customHeight="1" x14ac:dyDescent="0.15">
      <c r="A115" s="8">
        <v>90</v>
      </c>
      <c r="B115" s="21">
        <v>5</v>
      </c>
      <c r="C115" s="6">
        <v>6</v>
      </c>
      <c r="D115" s="5">
        <v>11</v>
      </c>
    </row>
    <row r="116" spans="1:4" ht="18" customHeight="1" x14ac:dyDescent="0.15">
      <c r="A116" s="8">
        <v>91</v>
      </c>
      <c r="B116" s="21">
        <v>2</v>
      </c>
      <c r="C116" s="6">
        <v>3</v>
      </c>
      <c r="D116" s="5">
        <v>5</v>
      </c>
    </row>
    <row r="117" spans="1:4" ht="18" customHeight="1" x14ac:dyDescent="0.15">
      <c r="A117" s="8">
        <v>92</v>
      </c>
      <c r="B117" s="21">
        <v>3</v>
      </c>
      <c r="C117" s="6">
        <v>2</v>
      </c>
      <c r="D117" s="5">
        <v>5</v>
      </c>
    </row>
    <row r="118" spans="1:4" ht="18" customHeight="1" x14ac:dyDescent="0.15">
      <c r="A118" s="8">
        <v>93</v>
      </c>
      <c r="B118" s="21">
        <v>1</v>
      </c>
      <c r="C118" s="6">
        <v>2</v>
      </c>
      <c r="D118" s="5">
        <v>3</v>
      </c>
    </row>
    <row r="119" spans="1:4" ht="18" customHeight="1" x14ac:dyDescent="0.15">
      <c r="A119" s="8">
        <v>94</v>
      </c>
      <c r="B119" s="21">
        <v>0</v>
      </c>
      <c r="C119" s="6">
        <v>5</v>
      </c>
      <c r="D119" s="5">
        <v>5</v>
      </c>
    </row>
    <row r="120" spans="1:4" ht="18" customHeight="1" x14ac:dyDescent="0.15">
      <c r="A120" s="8" t="s">
        <v>5</v>
      </c>
      <c r="B120" s="21">
        <v>11</v>
      </c>
      <c r="C120" s="6">
        <v>18</v>
      </c>
      <c r="D120" s="5">
        <v>29</v>
      </c>
    </row>
    <row r="121" spans="1:4" ht="18" customHeight="1" x14ac:dyDescent="0.15">
      <c r="A121" s="8">
        <v>95</v>
      </c>
      <c r="B121" s="21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21">
        <v>0</v>
      </c>
      <c r="C122" s="6">
        <v>2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3</v>
      </c>
      <c r="C126" s="6">
        <v>6</v>
      </c>
      <c r="D126" s="5">
        <v>9</v>
      </c>
    </row>
    <row r="127" spans="1:4" ht="18" customHeight="1" x14ac:dyDescent="0.15">
      <c r="A127" s="8">
        <v>100</v>
      </c>
      <c r="B127" s="21">
        <v>0</v>
      </c>
      <c r="C127" s="6">
        <v>0</v>
      </c>
      <c r="D127" s="5">
        <v>0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160</v>
      </c>
      <c r="C130" s="6">
        <v>211</v>
      </c>
      <c r="D130" s="5">
        <v>371</v>
      </c>
    </row>
    <row r="131" spans="1:4" ht="18" customHeight="1" x14ac:dyDescent="0.15">
      <c r="A131" s="4" t="s">
        <v>0</v>
      </c>
      <c r="B131" s="20">
        <v>415</v>
      </c>
      <c r="C131" s="2">
        <v>430</v>
      </c>
      <c r="D131" s="1">
        <v>845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DEDBB8-E1EA-45A2-BD9C-85FCD54C4954}">
  <sheetPr codeName="Sheet9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0</v>
      </c>
      <c r="D5" s="30">
        <v>1</v>
      </c>
    </row>
    <row r="6" spans="1:4" ht="18" customHeight="1" x14ac:dyDescent="0.15">
      <c r="A6" s="8">
        <v>1</v>
      </c>
      <c r="B6" s="26">
        <v>0</v>
      </c>
      <c r="C6" s="6">
        <v>0</v>
      </c>
      <c r="D6" s="5">
        <v>0</v>
      </c>
    </row>
    <row r="7" spans="1:4" ht="18" customHeight="1" x14ac:dyDescent="0.15">
      <c r="A7" s="8">
        <v>2</v>
      </c>
      <c r="B7" s="26">
        <v>1</v>
      </c>
      <c r="C7" s="6">
        <v>0</v>
      </c>
      <c r="D7" s="5">
        <v>1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0</v>
      </c>
      <c r="C9" s="28">
        <v>1</v>
      </c>
      <c r="D9" s="27">
        <v>1</v>
      </c>
    </row>
    <row r="10" spans="1:4" ht="18" customHeight="1" x14ac:dyDescent="0.15">
      <c r="A10" s="8" t="s">
        <v>25</v>
      </c>
      <c r="B10" s="21">
        <v>2</v>
      </c>
      <c r="C10" s="6">
        <v>1</v>
      </c>
      <c r="D10" s="5">
        <v>3</v>
      </c>
    </row>
    <row r="11" spans="1:4" ht="18" customHeight="1" x14ac:dyDescent="0.15">
      <c r="A11" s="8">
        <v>5</v>
      </c>
      <c r="B11" s="26">
        <v>0</v>
      </c>
      <c r="C11" s="6">
        <v>0</v>
      </c>
      <c r="D11" s="5">
        <v>0</v>
      </c>
    </row>
    <row r="12" spans="1:4" ht="18" customHeight="1" x14ac:dyDescent="0.15">
      <c r="A12" s="8">
        <v>6</v>
      </c>
      <c r="B12" s="26">
        <v>0</v>
      </c>
      <c r="C12" s="6">
        <v>0</v>
      </c>
      <c r="D12" s="5">
        <v>0</v>
      </c>
    </row>
    <row r="13" spans="1:4" ht="18" customHeight="1" x14ac:dyDescent="0.15">
      <c r="A13" s="8">
        <v>7</v>
      </c>
      <c r="B13" s="26">
        <v>0</v>
      </c>
      <c r="C13" s="6">
        <v>0</v>
      </c>
      <c r="D13" s="5">
        <v>0</v>
      </c>
    </row>
    <row r="14" spans="1:4" ht="18" customHeight="1" x14ac:dyDescent="0.15">
      <c r="A14" s="8">
        <v>8</v>
      </c>
      <c r="B14" s="26">
        <v>0</v>
      </c>
      <c r="C14" s="6">
        <v>1</v>
      </c>
      <c r="D14" s="5">
        <v>1</v>
      </c>
    </row>
    <row r="15" spans="1:4" ht="18" customHeight="1" x14ac:dyDescent="0.15">
      <c r="A15" s="8">
        <v>9</v>
      </c>
      <c r="B15" s="26">
        <v>1</v>
      </c>
      <c r="C15" s="6">
        <v>0</v>
      </c>
      <c r="D15" s="5">
        <v>1</v>
      </c>
    </row>
    <row r="16" spans="1:4" ht="18" customHeight="1" x14ac:dyDescent="0.15">
      <c r="A16" s="8" t="s">
        <v>24</v>
      </c>
      <c r="B16" s="21">
        <v>1</v>
      </c>
      <c r="C16" s="6">
        <v>1</v>
      </c>
      <c r="D16" s="5">
        <v>2</v>
      </c>
    </row>
    <row r="17" spans="1:4" ht="18" customHeight="1" x14ac:dyDescent="0.15">
      <c r="A17" s="8">
        <v>10</v>
      </c>
      <c r="B17" s="21">
        <v>1</v>
      </c>
      <c r="C17" s="6">
        <v>1</v>
      </c>
      <c r="D17" s="5">
        <v>2</v>
      </c>
    </row>
    <row r="18" spans="1:4" ht="18" customHeight="1" x14ac:dyDescent="0.15">
      <c r="A18" s="8">
        <v>11</v>
      </c>
      <c r="B18" s="21">
        <v>0</v>
      </c>
      <c r="C18" s="6">
        <v>1</v>
      </c>
      <c r="D18" s="5">
        <v>1</v>
      </c>
    </row>
    <row r="19" spans="1:4" ht="18" customHeight="1" x14ac:dyDescent="0.15">
      <c r="A19" s="8">
        <v>12</v>
      </c>
      <c r="B19" s="21">
        <v>0</v>
      </c>
      <c r="C19" s="6">
        <v>0</v>
      </c>
      <c r="D19" s="5">
        <v>0</v>
      </c>
    </row>
    <row r="20" spans="1:4" ht="18" customHeight="1" x14ac:dyDescent="0.15">
      <c r="A20" s="8">
        <v>13</v>
      </c>
      <c r="B20" s="21">
        <v>0</v>
      </c>
      <c r="C20" s="6">
        <v>0</v>
      </c>
      <c r="D20" s="5">
        <v>0</v>
      </c>
    </row>
    <row r="21" spans="1:4" ht="18" customHeight="1" x14ac:dyDescent="0.15">
      <c r="A21" s="8">
        <v>14</v>
      </c>
      <c r="B21" s="21">
        <v>0</v>
      </c>
      <c r="C21" s="6">
        <v>0</v>
      </c>
      <c r="D21" s="5">
        <v>0</v>
      </c>
    </row>
    <row r="22" spans="1:4" ht="18" customHeight="1" x14ac:dyDescent="0.15">
      <c r="A22" s="8" t="s">
        <v>23</v>
      </c>
      <c r="B22" s="21">
        <v>1</v>
      </c>
      <c r="C22" s="6">
        <v>2</v>
      </c>
      <c r="D22" s="5">
        <v>3</v>
      </c>
    </row>
    <row r="23" spans="1:4" ht="18" customHeight="1" x14ac:dyDescent="0.15">
      <c r="A23" s="8" t="s">
        <v>22</v>
      </c>
      <c r="B23" s="21">
        <v>4</v>
      </c>
      <c r="C23" s="6">
        <v>4</v>
      </c>
      <c r="D23" s="5">
        <v>8</v>
      </c>
    </row>
    <row r="24" spans="1:4" ht="18" customHeight="1" x14ac:dyDescent="0.15">
      <c r="A24" s="8">
        <v>15</v>
      </c>
      <c r="B24" s="21">
        <v>1</v>
      </c>
      <c r="C24" s="6">
        <v>0</v>
      </c>
      <c r="D24" s="5">
        <v>1</v>
      </c>
    </row>
    <row r="25" spans="1:4" ht="18" customHeight="1" x14ac:dyDescent="0.15">
      <c r="A25" s="8">
        <v>16</v>
      </c>
      <c r="B25" s="21">
        <v>0</v>
      </c>
      <c r="C25" s="6">
        <v>0</v>
      </c>
      <c r="D25" s="5">
        <v>0</v>
      </c>
    </row>
    <row r="26" spans="1:4" ht="18" customHeight="1" x14ac:dyDescent="0.15">
      <c r="A26" s="8">
        <v>17</v>
      </c>
      <c r="B26" s="21">
        <v>1</v>
      </c>
      <c r="C26" s="6">
        <v>0</v>
      </c>
      <c r="D26" s="5">
        <v>1</v>
      </c>
    </row>
    <row r="27" spans="1:4" ht="18" customHeight="1" x14ac:dyDescent="0.15">
      <c r="A27" s="8">
        <v>18</v>
      </c>
      <c r="B27" s="21">
        <v>0</v>
      </c>
      <c r="C27" s="6">
        <v>2</v>
      </c>
      <c r="D27" s="5">
        <v>2</v>
      </c>
    </row>
    <row r="28" spans="1:4" ht="18" customHeight="1" x14ac:dyDescent="0.15">
      <c r="A28" s="8">
        <v>19</v>
      </c>
      <c r="B28" s="21">
        <v>0</v>
      </c>
      <c r="C28" s="6">
        <v>1</v>
      </c>
      <c r="D28" s="5">
        <v>1</v>
      </c>
    </row>
    <row r="29" spans="1:4" ht="18" customHeight="1" x14ac:dyDescent="0.15">
      <c r="A29" s="8" t="s">
        <v>21</v>
      </c>
      <c r="B29" s="21">
        <v>2</v>
      </c>
      <c r="C29" s="6">
        <v>3</v>
      </c>
      <c r="D29" s="5">
        <v>5</v>
      </c>
    </row>
    <row r="30" spans="1:4" ht="18" customHeight="1" x14ac:dyDescent="0.15">
      <c r="A30" s="8">
        <v>20</v>
      </c>
      <c r="B30" s="21">
        <v>1</v>
      </c>
      <c r="C30" s="6">
        <v>0</v>
      </c>
      <c r="D30" s="5">
        <v>1</v>
      </c>
    </row>
    <row r="31" spans="1:4" ht="18" customHeight="1" x14ac:dyDescent="0.15">
      <c r="A31" s="8">
        <v>21</v>
      </c>
      <c r="B31" s="21">
        <v>0</v>
      </c>
      <c r="C31" s="6">
        <v>0</v>
      </c>
      <c r="D31" s="5">
        <v>0</v>
      </c>
    </row>
    <row r="32" spans="1:4" ht="18" customHeight="1" x14ac:dyDescent="0.15">
      <c r="A32" s="8">
        <v>22</v>
      </c>
      <c r="B32" s="21">
        <v>0</v>
      </c>
      <c r="C32" s="6">
        <v>1</v>
      </c>
      <c r="D32" s="5">
        <v>1</v>
      </c>
    </row>
    <row r="33" spans="1:4" ht="18" customHeight="1" x14ac:dyDescent="0.15">
      <c r="A33" s="8">
        <v>23</v>
      </c>
      <c r="B33" s="21">
        <v>0</v>
      </c>
      <c r="C33" s="6">
        <v>0</v>
      </c>
      <c r="D33" s="5">
        <v>0</v>
      </c>
    </row>
    <row r="34" spans="1:4" ht="18" customHeight="1" x14ac:dyDescent="0.15">
      <c r="A34" s="8">
        <v>24</v>
      </c>
      <c r="B34" s="21">
        <v>0</v>
      </c>
      <c r="C34" s="6">
        <v>0</v>
      </c>
      <c r="D34" s="5">
        <v>0</v>
      </c>
    </row>
    <row r="35" spans="1:4" ht="18" customHeight="1" x14ac:dyDescent="0.15">
      <c r="A35" s="8" t="s">
        <v>20</v>
      </c>
      <c r="B35" s="21">
        <v>1</v>
      </c>
      <c r="C35" s="6">
        <v>1</v>
      </c>
      <c r="D35" s="5">
        <v>2</v>
      </c>
    </row>
    <row r="36" spans="1:4" ht="18" customHeight="1" x14ac:dyDescent="0.15">
      <c r="A36" s="8">
        <v>25</v>
      </c>
      <c r="B36" s="21">
        <v>0</v>
      </c>
      <c r="C36" s="6">
        <v>0</v>
      </c>
      <c r="D36" s="5">
        <v>0</v>
      </c>
    </row>
    <row r="37" spans="1:4" ht="18" customHeight="1" x14ac:dyDescent="0.15">
      <c r="A37" s="8">
        <v>26</v>
      </c>
      <c r="B37" s="21">
        <v>0</v>
      </c>
      <c r="C37" s="6">
        <v>0</v>
      </c>
      <c r="D37" s="5">
        <v>0</v>
      </c>
    </row>
    <row r="38" spans="1:4" ht="18" customHeight="1" x14ac:dyDescent="0.15">
      <c r="A38" s="8">
        <v>27</v>
      </c>
      <c r="B38" s="21">
        <v>0</v>
      </c>
      <c r="C38" s="6">
        <v>0</v>
      </c>
      <c r="D38" s="5">
        <v>0</v>
      </c>
    </row>
    <row r="39" spans="1:4" ht="18" customHeight="1" x14ac:dyDescent="0.15">
      <c r="A39" s="8">
        <v>28</v>
      </c>
      <c r="B39" s="21">
        <v>2</v>
      </c>
      <c r="C39" s="6">
        <v>0</v>
      </c>
      <c r="D39" s="5">
        <v>2</v>
      </c>
    </row>
    <row r="40" spans="1:4" ht="18" customHeight="1" x14ac:dyDescent="0.15">
      <c r="A40" s="8">
        <v>29</v>
      </c>
      <c r="B40" s="21">
        <v>1</v>
      </c>
      <c r="C40" s="6">
        <v>0</v>
      </c>
      <c r="D40" s="5">
        <v>1</v>
      </c>
    </row>
    <row r="41" spans="1:4" ht="18" customHeight="1" x14ac:dyDescent="0.15">
      <c r="A41" s="8" t="s">
        <v>19</v>
      </c>
      <c r="B41" s="21">
        <v>3</v>
      </c>
      <c r="C41" s="6">
        <v>0</v>
      </c>
      <c r="D41" s="5">
        <v>3</v>
      </c>
    </row>
    <row r="42" spans="1:4" ht="18" customHeight="1" x14ac:dyDescent="0.15">
      <c r="A42" s="8">
        <v>30</v>
      </c>
      <c r="B42" s="21">
        <v>2</v>
      </c>
      <c r="C42" s="6">
        <v>0</v>
      </c>
      <c r="D42" s="5">
        <v>2</v>
      </c>
    </row>
    <row r="43" spans="1:4" ht="18" customHeight="1" x14ac:dyDescent="0.15">
      <c r="A43" s="8">
        <v>31</v>
      </c>
      <c r="B43" s="21">
        <v>0</v>
      </c>
      <c r="C43" s="6">
        <v>2</v>
      </c>
      <c r="D43" s="5">
        <v>2</v>
      </c>
    </row>
    <row r="44" spans="1:4" ht="18" customHeight="1" x14ac:dyDescent="0.15">
      <c r="A44" s="8">
        <v>32</v>
      </c>
      <c r="B44" s="21">
        <v>0</v>
      </c>
      <c r="C44" s="6">
        <v>1</v>
      </c>
      <c r="D44" s="5">
        <v>1</v>
      </c>
    </row>
    <row r="45" spans="1:4" ht="18" customHeight="1" x14ac:dyDescent="0.15">
      <c r="A45" s="8">
        <v>33</v>
      </c>
      <c r="B45" s="21">
        <v>1</v>
      </c>
      <c r="C45" s="6">
        <v>2</v>
      </c>
      <c r="D45" s="5">
        <v>3</v>
      </c>
    </row>
    <row r="46" spans="1:4" ht="18" customHeight="1" x14ac:dyDescent="0.15">
      <c r="A46" s="8">
        <v>34</v>
      </c>
      <c r="B46" s="21">
        <v>2</v>
      </c>
      <c r="C46" s="6">
        <v>0</v>
      </c>
      <c r="D46" s="5">
        <v>2</v>
      </c>
    </row>
    <row r="47" spans="1:4" ht="18" customHeight="1" x14ac:dyDescent="0.15">
      <c r="A47" s="8" t="s">
        <v>18</v>
      </c>
      <c r="B47" s="21">
        <v>5</v>
      </c>
      <c r="C47" s="6">
        <v>5</v>
      </c>
      <c r="D47" s="5">
        <v>10</v>
      </c>
    </row>
    <row r="48" spans="1:4" ht="18" customHeight="1" x14ac:dyDescent="0.15">
      <c r="A48" s="8">
        <v>35</v>
      </c>
      <c r="B48" s="21">
        <v>0</v>
      </c>
      <c r="C48" s="6">
        <v>1</v>
      </c>
      <c r="D48" s="5">
        <v>1</v>
      </c>
    </row>
    <row r="49" spans="1:4" ht="18" customHeight="1" x14ac:dyDescent="0.15">
      <c r="A49" s="8">
        <v>36</v>
      </c>
      <c r="B49" s="21">
        <v>0</v>
      </c>
      <c r="C49" s="6">
        <v>0</v>
      </c>
      <c r="D49" s="5">
        <v>0</v>
      </c>
    </row>
    <row r="50" spans="1:4" ht="18" customHeight="1" x14ac:dyDescent="0.15">
      <c r="A50" s="8">
        <v>37</v>
      </c>
      <c r="B50" s="21">
        <v>2</v>
      </c>
      <c r="C50" s="6">
        <v>0</v>
      </c>
      <c r="D50" s="5">
        <v>2</v>
      </c>
    </row>
    <row r="51" spans="1:4" ht="18" customHeight="1" x14ac:dyDescent="0.15">
      <c r="A51" s="8">
        <v>38</v>
      </c>
      <c r="B51" s="21">
        <v>1</v>
      </c>
      <c r="C51" s="6">
        <v>0</v>
      </c>
      <c r="D51" s="5">
        <v>1</v>
      </c>
    </row>
    <row r="52" spans="1:4" ht="18" customHeight="1" x14ac:dyDescent="0.15">
      <c r="A52" s="8">
        <v>39</v>
      </c>
      <c r="B52" s="21">
        <v>1</v>
      </c>
      <c r="C52" s="6">
        <v>1</v>
      </c>
      <c r="D52" s="5">
        <v>2</v>
      </c>
    </row>
    <row r="53" spans="1:4" ht="18" customHeight="1" x14ac:dyDescent="0.15">
      <c r="A53" s="8" t="s">
        <v>17</v>
      </c>
      <c r="B53" s="21">
        <v>4</v>
      </c>
      <c r="C53" s="6">
        <v>2</v>
      </c>
      <c r="D53" s="5">
        <v>6</v>
      </c>
    </row>
    <row r="54" spans="1:4" ht="18" customHeight="1" x14ac:dyDescent="0.15">
      <c r="A54" s="8">
        <v>40</v>
      </c>
      <c r="B54" s="21">
        <v>3</v>
      </c>
      <c r="C54" s="6">
        <v>1</v>
      </c>
      <c r="D54" s="5">
        <v>4</v>
      </c>
    </row>
    <row r="55" spans="1:4" ht="18" customHeight="1" x14ac:dyDescent="0.15">
      <c r="A55" s="8">
        <v>41</v>
      </c>
      <c r="B55" s="21">
        <v>1</v>
      </c>
      <c r="C55" s="6">
        <v>0</v>
      </c>
      <c r="D55" s="5">
        <v>1</v>
      </c>
    </row>
    <row r="56" spans="1:4" ht="18" customHeight="1" x14ac:dyDescent="0.15">
      <c r="A56" s="8">
        <v>42</v>
      </c>
      <c r="B56" s="21">
        <v>0</v>
      </c>
      <c r="C56" s="6">
        <v>0</v>
      </c>
      <c r="D56" s="5">
        <v>0</v>
      </c>
    </row>
    <row r="57" spans="1:4" ht="18" customHeight="1" x14ac:dyDescent="0.15">
      <c r="A57" s="8">
        <v>43</v>
      </c>
      <c r="B57" s="21">
        <v>0</v>
      </c>
      <c r="C57" s="6">
        <v>1</v>
      </c>
      <c r="D57" s="5">
        <v>1</v>
      </c>
    </row>
    <row r="58" spans="1:4" ht="18" customHeight="1" x14ac:dyDescent="0.15">
      <c r="A58" s="8">
        <v>44</v>
      </c>
      <c r="B58" s="21">
        <v>1</v>
      </c>
      <c r="C58" s="6">
        <v>0</v>
      </c>
      <c r="D58" s="5">
        <v>1</v>
      </c>
    </row>
    <row r="59" spans="1:4" ht="18" customHeight="1" x14ac:dyDescent="0.15">
      <c r="A59" s="8" t="s">
        <v>16</v>
      </c>
      <c r="B59" s="21">
        <v>5</v>
      </c>
      <c r="C59" s="6">
        <v>2</v>
      </c>
      <c r="D59" s="5">
        <v>7</v>
      </c>
    </row>
    <row r="60" spans="1:4" ht="18" customHeight="1" x14ac:dyDescent="0.15">
      <c r="A60" s="8">
        <v>45</v>
      </c>
      <c r="B60" s="21">
        <v>0</v>
      </c>
      <c r="C60" s="6">
        <v>1</v>
      </c>
      <c r="D60" s="5">
        <v>1</v>
      </c>
    </row>
    <row r="61" spans="1:4" ht="18" customHeight="1" x14ac:dyDescent="0.15">
      <c r="A61" s="8">
        <v>46</v>
      </c>
      <c r="B61" s="21">
        <v>1</v>
      </c>
      <c r="C61" s="6">
        <v>2</v>
      </c>
      <c r="D61" s="5">
        <v>3</v>
      </c>
    </row>
    <row r="62" spans="1:4" ht="18" customHeight="1" x14ac:dyDescent="0.15">
      <c r="A62" s="8">
        <v>47</v>
      </c>
      <c r="B62" s="21">
        <v>0</v>
      </c>
      <c r="C62" s="6">
        <v>1</v>
      </c>
      <c r="D62" s="5">
        <v>1</v>
      </c>
    </row>
    <row r="63" spans="1:4" ht="18" customHeight="1" x14ac:dyDescent="0.15">
      <c r="A63" s="8">
        <v>48</v>
      </c>
      <c r="B63" s="21">
        <v>0</v>
      </c>
      <c r="C63" s="6">
        <v>0</v>
      </c>
      <c r="D63" s="5">
        <v>0</v>
      </c>
    </row>
    <row r="64" spans="1:4" ht="18" customHeight="1" x14ac:dyDescent="0.15">
      <c r="A64" s="8">
        <v>49</v>
      </c>
      <c r="B64" s="21">
        <v>1</v>
      </c>
      <c r="C64" s="6">
        <v>0</v>
      </c>
      <c r="D64" s="5">
        <v>1</v>
      </c>
    </row>
    <row r="65" spans="1:4" ht="18" customHeight="1" x14ac:dyDescent="0.15">
      <c r="A65" s="8" t="s">
        <v>15</v>
      </c>
      <c r="B65" s="21">
        <v>2</v>
      </c>
      <c r="C65" s="6">
        <v>4</v>
      </c>
      <c r="D65" s="5">
        <v>6</v>
      </c>
    </row>
    <row r="66" spans="1:4" ht="18" customHeight="1" x14ac:dyDescent="0.15">
      <c r="A66" s="8">
        <v>50</v>
      </c>
      <c r="B66" s="21">
        <v>1</v>
      </c>
      <c r="C66" s="6">
        <v>1</v>
      </c>
      <c r="D66" s="5">
        <v>2</v>
      </c>
    </row>
    <row r="67" spans="1:4" ht="18" customHeight="1" x14ac:dyDescent="0.15">
      <c r="A67" s="8">
        <v>51</v>
      </c>
      <c r="B67" s="21">
        <v>0</v>
      </c>
      <c r="C67" s="6">
        <v>0</v>
      </c>
      <c r="D67" s="5">
        <v>0</v>
      </c>
    </row>
    <row r="68" spans="1:4" ht="18" customHeight="1" x14ac:dyDescent="0.15">
      <c r="A68" s="8">
        <v>52</v>
      </c>
      <c r="B68" s="21">
        <v>1</v>
      </c>
      <c r="C68" s="6">
        <v>2</v>
      </c>
      <c r="D68" s="5">
        <v>3</v>
      </c>
    </row>
    <row r="69" spans="1:4" ht="18" customHeight="1" x14ac:dyDescent="0.15">
      <c r="A69" s="8">
        <v>53</v>
      </c>
      <c r="B69" s="21">
        <v>3</v>
      </c>
      <c r="C69" s="6">
        <v>2</v>
      </c>
      <c r="D69" s="5">
        <v>5</v>
      </c>
    </row>
    <row r="70" spans="1:4" ht="18" customHeight="1" x14ac:dyDescent="0.15">
      <c r="A70" s="8">
        <v>54</v>
      </c>
      <c r="B70" s="21">
        <v>1</v>
      </c>
      <c r="C70" s="6">
        <v>4</v>
      </c>
      <c r="D70" s="5">
        <v>5</v>
      </c>
    </row>
    <row r="71" spans="1:4" ht="18" customHeight="1" x14ac:dyDescent="0.15">
      <c r="A71" s="8" t="s">
        <v>14</v>
      </c>
      <c r="B71" s="21">
        <v>6</v>
      </c>
      <c r="C71" s="6">
        <v>9</v>
      </c>
      <c r="D71" s="5">
        <v>15</v>
      </c>
    </row>
    <row r="72" spans="1:4" ht="18" customHeight="1" x14ac:dyDescent="0.15">
      <c r="A72" s="8">
        <v>55</v>
      </c>
      <c r="B72" s="21">
        <v>0</v>
      </c>
      <c r="C72" s="6">
        <v>1</v>
      </c>
      <c r="D72" s="5">
        <v>1</v>
      </c>
    </row>
    <row r="73" spans="1:4" ht="18" customHeight="1" x14ac:dyDescent="0.15">
      <c r="A73" s="8">
        <v>56</v>
      </c>
      <c r="B73" s="21">
        <v>3</v>
      </c>
      <c r="C73" s="6">
        <v>2</v>
      </c>
      <c r="D73" s="5">
        <v>5</v>
      </c>
    </row>
    <row r="74" spans="1:4" ht="18" customHeight="1" x14ac:dyDescent="0.15">
      <c r="A74" s="8">
        <v>57</v>
      </c>
      <c r="B74" s="21">
        <v>2</v>
      </c>
      <c r="C74" s="6">
        <v>0</v>
      </c>
      <c r="D74" s="5">
        <v>2</v>
      </c>
    </row>
    <row r="75" spans="1:4" ht="18" customHeight="1" x14ac:dyDescent="0.15">
      <c r="A75" s="8">
        <v>58</v>
      </c>
      <c r="B75" s="21">
        <v>1</v>
      </c>
      <c r="C75" s="6">
        <v>5</v>
      </c>
      <c r="D75" s="5">
        <v>6</v>
      </c>
    </row>
    <row r="76" spans="1:4" ht="18" customHeight="1" x14ac:dyDescent="0.15">
      <c r="A76" s="8">
        <v>59</v>
      </c>
      <c r="B76" s="21">
        <v>0</v>
      </c>
      <c r="C76" s="6">
        <v>2</v>
      </c>
      <c r="D76" s="5">
        <v>2</v>
      </c>
    </row>
    <row r="77" spans="1:4" ht="18" customHeight="1" x14ac:dyDescent="0.15">
      <c r="A77" s="8" t="s">
        <v>13</v>
      </c>
      <c r="B77" s="21">
        <v>6</v>
      </c>
      <c r="C77" s="6">
        <v>10</v>
      </c>
      <c r="D77" s="5">
        <v>16</v>
      </c>
    </row>
    <row r="78" spans="1:4" ht="18" customHeight="1" x14ac:dyDescent="0.15">
      <c r="A78" s="8">
        <v>60</v>
      </c>
      <c r="B78" s="21">
        <v>0</v>
      </c>
      <c r="C78" s="6">
        <v>2</v>
      </c>
      <c r="D78" s="5">
        <v>2</v>
      </c>
    </row>
    <row r="79" spans="1:4" ht="18" customHeight="1" x14ac:dyDescent="0.15">
      <c r="A79" s="8">
        <v>61</v>
      </c>
      <c r="B79" s="21">
        <v>1</v>
      </c>
      <c r="C79" s="6">
        <v>1</v>
      </c>
      <c r="D79" s="5">
        <v>2</v>
      </c>
    </row>
    <row r="80" spans="1:4" ht="18" customHeight="1" x14ac:dyDescent="0.15">
      <c r="A80" s="8">
        <v>62</v>
      </c>
      <c r="B80" s="21">
        <v>2</v>
      </c>
      <c r="C80" s="6">
        <v>1</v>
      </c>
      <c r="D80" s="5">
        <v>3</v>
      </c>
    </row>
    <row r="81" spans="1:4" ht="18" customHeight="1" x14ac:dyDescent="0.15">
      <c r="A81" s="8">
        <v>63</v>
      </c>
      <c r="B81" s="21">
        <v>3</v>
      </c>
      <c r="C81" s="6">
        <v>1</v>
      </c>
      <c r="D81" s="5">
        <v>4</v>
      </c>
    </row>
    <row r="82" spans="1:4" ht="18" customHeight="1" x14ac:dyDescent="0.15">
      <c r="A82" s="8">
        <v>64</v>
      </c>
      <c r="B82" s="21">
        <v>1</v>
      </c>
      <c r="C82" s="6">
        <v>1</v>
      </c>
      <c r="D82" s="5">
        <v>2</v>
      </c>
    </row>
    <row r="83" spans="1:4" ht="18" customHeight="1" x14ac:dyDescent="0.15">
      <c r="A83" s="8" t="s">
        <v>12</v>
      </c>
      <c r="B83" s="21">
        <v>7</v>
      </c>
      <c r="C83" s="6">
        <v>6</v>
      </c>
      <c r="D83" s="5">
        <v>13</v>
      </c>
    </row>
    <row r="84" spans="1:4" ht="18" customHeight="1" x14ac:dyDescent="0.15">
      <c r="A84" s="8" t="s">
        <v>11</v>
      </c>
      <c r="B84" s="21">
        <v>41</v>
      </c>
      <c r="C84" s="6">
        <v>42</v>
      </c>
      <c r="D84" s="5">
        <v>83</v>
      </c>
    </row>
    <row r="85" spans="1:4" ht="18" customHeight="1" x14ac:dyDescent="0.15">
      <c r="A85" s="8">
        <v>65</v>
      </c>
      <c r="B85" s="21">
        <v>1</v>
      </c>
      <c r="C85" s="6">
        <v>2</v>
      </c>
      <c r="D85" s="5">
        <v>3</v>
      </c>
    </row>
    <row r="86" spans="1:4" ht="18" customHeight="1" x14ac:dyDescent="0.15">
      <c r="A86" s="8">
        <v>66</v>
      </c>
      <c r="B86" s="21">
        <v>1</v>
      </c>
      <c r="C86" s="6">
        <v>2</v>
      </c>
      <c r="D86" s="5">
        <v>3</v>
      </c>
    </row>
    <row r="87" spans="1:4" ht="18" customHeight="1" x14ac:dyDescent="0.15">
      <c r="A87" s="8">
        <v>67</v>
      </c>
      <c r="B87" s="21">
        <v>2</v>
      </c>
      <c r="C87" s="6">
        <v>3</v>
      </c>
      <c r="D87" s="5">
        <v>5</v>
      </c>
    </row>
    <row r="88" spans="1:4" ht="18" customHeight="1" x14ac:dyDescent="0.15">
      <c r="A88" s="8">
        <v>68</v>
      </c>
      <c r="B88" s="21">
        <v>4</v>
      </c>
      <c r="C88" s="6">
        <v>2</v>
      </c>
      <c r="D88" s="5">
        <v>6</v>
      </c>
    </row>
    <row r="89" spans="1:4" ht="18" customHeight="1" x14ac:dyDescent="0.15">
      <c r="A89" s="8">
        <v>69</v>
      </c>
      <c r="B89" s="21">
        <v>0</v>
      </c>
      <c r="C89" s="6">
        <v>3</v>
      </c>
      <c r="D89" s="5">
        <v>3</v>
      </c>
    </row>
    <row r="90" spans="1:4" ht="18" customHeight="1" x14ac:dyDescent="0.15">
      <c r="A90" s="8" t="s">
        <v>10</v>
      </c>
      <c r="B90" s="21">
        <v>8</v>
      </c>
      <c r="C90" s="6">
        <v>12</v>
      </c>
      <c r="D90" s="5">
        <v>20</v>
      </c>
    </row>
    <row r="91" spans="1:4" ht="18" customHeight="1" x14ac:dyDescent="0.15">
      <c r="A91" s="8">
        <v>70</v>
      </c>
      <c r="B91" s="21">
        <v>2</v>
      </c>
      <c r="C91" s="6">
        <v>3</v>
      </c>
      <c r="D91" s="5">
        <v>5</v>
      </c>
    </row>
    <row r="92" spans="1:4" ht="18" customHeight="1" x14ac:dyDescent="0.15">
      <c r="A92" s="8">
        <v>71</v>
      </c>
      <c r="B92" s="21">
        <v>3</v>
      </c>
      <c r="C92" s="6">
        <v>4</v>
      </c>
      <c r="D92" s="5">
        <v>7</v>
      </c>
    </row>
    <row r="93" spans="1:4" ht="18" customHeight="1" x14ac:dyDescent="0.15">
      <c r="A93" s="8">
        <v>72</v>
      </c>
      <c r="B93" s="21">
        <v>4</v>
      </c>
      <c r="C93" s="6">
        <v>2</v>
      </c>
      <c r="D93" s="5">
        <v>6</v>
      </c>
    </row>
    <row r="94" spans="1:4" ht="18" customHeight="1" x14ac:dyDescent="0.15">
      <c r="A94" s="8">
        <v>73</v>
      </c>
      <c r="B94" s="21">
        <v>2</v>
      </c>
      <c r="C94" s="6">
        <v>2</v>
      </c>
      <c r="D94" s="5">
        <v>4</v>
      </c>
    </row>
    <row r="95" spans="1:4" ht="18" customHeight="1" x14ac:dyDescent="0.15">
      <c r="A95" s="8">
        <v>74</v>
      </c>
      <c r="B95" s="21">
        <v>2</v>
      </c>
      <c r="C95" s="6">
        <v>2</v>
      </c>
      <c r="D95" s="5">
        <v>4</v>
      </c>
    </row>
    <row r="96" spans="1:4" ht="18" customHeight="1" x14ac:dyDescent="0.15">
      <c r="A96" s="8" t="s">
        <v>9</v>
      </c>
      <c r="B96" s="21">
        <v>13</v>
      </c>
      <c r="C96" s="6">
        <v>13</v>
      </c>
      <c r="D96" s="5">
        <v>26</v>
      </c>
    </row>
    <row r="97" spans="1:4" ht="18" customHeight="1" x14ac:dyDescent="0.15">
      <c r="A97" s="8">
        <v>75</v>
      </c>
      <c r="B97" s="21">
        <v>5</v>
      </c>
      <c r="C97" s="6">
        <v>2</v>
      </c>
      <c r="D97" s="5">
        <v>7</v>
      </c>
    </row>
    <row r="98" spans="1:4" ht="18" customHeight="1" x14ac:dyDescent="0.15">
      <c r="A98" s="8">
        <v>76</v>
      </c>
      <c r="B98" s="21">
        <v>3</v>
      </c>
      <c r="C98" s="6">
        <v>2</v>
      </c>
      <c r="D98" s="5">
        <v>5</v>
      </c>
    </row>
    <row r="99" spans="1:4" ht="18" customHeight="1" x14ac:dyDescent="0.15">
      <c r="A99" s="8">
        <v>77</v>
      </c>
      <c r="B99" s="21">
        <v>3</v>
      </c>
      <c r="C99" s="6">
        <v>2</v>
      </c>
      <c r="D99" s="5">
        <v>5</v>
      </c>
    </row>
    <row r="100" spans="1:4" ht="18" customHeight="1" x14ac:dyDescent="0.15">
      <c r="A100" s="8">
        <v>78</v>
      </c>
      <c r="B100" s="21">
        <v>5</v>
      </c>
      <c r="C100" s="6">
        <v>3</v>
      </c>
      <c r="D100" s="5">
        <v>8</v>
      </c>
    </row>
    <row r="101" spans="1:4" ht="18" customHeight="1" x14ac:dyDescent="0.15">
      <c r="A101" s="8">
        <v>79</v>
      </c>
      <c r="B101" s="21">
        <v>0</v>
      </c>
      <c r="C101" s="6">
        <v>1</v>
      </c>
      <c r="D101" s="5">
        <v>1</v>
      </c>
    </row>
    <row r="102" spans="1:4" ht="18" customHeight="1" x14ac:dyDescent="0.15">
      <c r="A102" s="8" t="s">
        <v>8</v>
      </c>
      <c r="B102" s="21">
        <v>16</v>
      </c>
      <c r="C102" s="6">
        <v>10</v>
      </c>
      <c r="D102" s="5">
        <v>26</v>
      </c>
    </row>
    <row r="103" spans="1:4" ht="18" customHeight="1" x14ac:dyDescent="0.15">
      <c r="A103" s="8">
        <v>80</v>
      </c>
      <c r="B103" s="21">
        <v>3</v>
      </c>
      <c r="C103" s="6">
        <v>1</v>
      </c>
      <c r="D103" s="5">
        <v>4</v>
      </c>
    </row>
    <row r="104" spans="1:4" ht="18" customHeight="1" x14ac:dyDescent="0.15">
      <c r="A104" s="8">
        <v>81</v>
      </c>
      <c r="B104" s="21">
        <v>3</v>
      </c>
      <c r="C104" s="6">
        <v>4</v>
      </c>
      <c r="D104" s="5">
        <v>7</v>
      </c>
    </row>
    <row r="105" spans="1:4" ht="18" customHeight="1" x14ac:dyDescent="0.15">
      <c r="A105" s="8">
        <v>82</v>
      </c>
      <c r="B105" s="21">
        <v>0</v>
      </c>
      <c r="C105" s="6">
        <v>3</v>
      </c>
      <c r="D105" s="5">
        <v>3</v>
      </c>
    </row>
    <row r="106" spans="1:4" ht="18" customHeight="1" x14ac:dyDescent="0.15">
      <c r="A106" s="8">
        <v>83</v>
      </c>
      <c r="B106" s="21">
        <v>3</v>
      </c>
      <c r="C106" s="6">
        <v>1</v>
      </c>
      <c r="D106" s="5">
        <v>4</v>
      </c>
    </row>
    <row r="107" spans="1:4" ht="18" customHeight="1" x14ac:dyDescent="0.15">
      <c r="A107" s="8">
        <v>84</v>
      </c>
      <c r="B107" s="21">
        <v>2</v>
      </c>
      <c r="C107" s="6">
        <v>3</v>
      </c>
      <c r="D107" s="5">
        <v>5</v>
      </c>
    </row>
    <row r="108" spans="1:4" ht="18" customHeight="1" x14ac:dyDescent="0.15">
      <c r="A108" s="8" t="s">
        <v>7</v>
      </c>
      <c r="B108" s="21">
        <v>11</v>
      </c>
      <c r="C108" s="6">
        <v>12</v>
      </c>
      <c r="D108" s="5">
        <v>23</v>
      </c>
    </row>
    <row r="109" spans="1:4" ht="18" customHeight="1" x14ac:dyDescent="0.15">
      <c r="A109" s="8">
        <v>85</v>
      </c>
      <c r="B109" s="21">
        <v>1</v>
      </c>
      <c r="C109" s="6">
        <v>2</v>
      </c>
      <c r="D109" s="5">
        <v>3</v>
      </c>
    </row>
    <row r="110" spans="1:4" ht="18" customHeight="1" x14ac:dyDescent="0.15">
      <c r="A110" s="8">
        <v>86</v>
      </c>
      <c r="B110" s="21">
        <v>1</v>
      </c>
      <c r="C110" s="6">
        <v>3</v>
      </c>
      <c r="D110" s="5">
        <v>4</v>
      </c>
    </row>
    <row r="111" spans="1:4" ht="18" customHeight="1" x14ac:dyDescent="0.15">
      <c r="A111" s="8">
        <v>87</v>
      </c>
      <c r="B111" s="21">
        <v>3</v>
      </c>
      <c r="C111" s="6">
        <v>2</v>
      </c>
      <c r="D111" s="5">
        <v>5</v>
      </c>
    </row>
    <row r="112" spans="1:4" ht="18" customHeight="1" x14ac:dyDescent="0.15">
      <c r="A112" s="8">
        <v>88</v>
      </c>
      <c r="B112" s="21">
        <v>1</v>
      </c>
      <c r="C112" s="6">
        <v>2</v>
      </c>
      <c r="D112" s="5">
        <v>3</v>
      </c>
    </row>
    <row r="113" spans="1:4" ht="18" customHeight="1" x14ac:dyDescent="0.15">
      <c r="A113" s="8">
        <v>89</v>
      </c>
      <c r="B113" s="21">
        <v>0</v>
      </c>
      <c r="C113" s="6">
        <v>0</v>
      </c>
      <c r="D113" s="5">
        <v>0</v>
      </c>
    </row>
    <row r="114" spans="1:4" ht="18" customHeight="1" x14ac:dyDescent="0.15">
      <c r="A114" s="8" t="s">
        <v>6</v>
      </c>
      <c r="B114" s="21">
        <v>6</v>
      </c>
      <c r="C114" s="6">
        <v>9</v>
      </c>
      <c r="D114" s="5">
        <v>15</v>
      </c>
    </row>
    <row r="115" spans="1:4" ht="18" customHeight="1" x14ac:dyDescent="0.15">
      <c r="A115" s="8">
        <v>90</v>
      </c>
      <c r="B115" s="21">
        <v>0</v>
      </c>
      <c r="C115" s="6">
        <v>0</v>
      </c>
      <c r="D115" s="5">
        <v>0</v>
      </c>
    </row>
    <row r="116" spans="1:4" ht="18" customHeight="1" x14ac:dyDescent="0.15">
      <c r="A116" s="8">
        <v>91</v>
      </c>
      <c r="B116" s="21">
        <v>0</v>
      </c>
      <c r="C116" s="6">
        <v>2</v>
      </c>
      <c r="D116" s="5">
        <v>2</v>
      </c>
    </row>
    <row r="117" spans="1:4" ht="18" customHeight="1" x14ac:dyDescent="0.15">
      <c r="A117" s="8">
        <v>92</v>
      </c>
      <c r="B117" s="21">
        <v>0</v>
      </c>
      <c r="C117" s="6">
        <v>1</v>
      </c>
      <c r="D117" s="5">
        <v>1</v>
      </c>
    </row>
    <row r="118" spans="1:4" ht="18" customHeight="1" x14ac:dyDescent="0.15">
      <c r="A118" s="8">
        <v>93</v>
      </c>
      <c r="B118" s="21">
        <v>1</v>
      </c>
      <c r="C118" s="6">
        <v>4</v>
      </c>
      <c r="D118" s="5">
        <v>5</v>
      </c>
    </row>
    <row r="119" spans="1:4" ht="18" customHeight="1" x14ac:dyDescent="0.15">
      <c r="A119" s="8">
        <v>94</v>
      </c>
      <c r="B119" s="21">
        <v>0</v>
      </c>
      <c r="C119" s="6">
        <v>4</v>
      </c>
      <c r="D119" s="5">
        <v>4</v>
      </c>
    </row>
    <row r="120" spans="1:4" ht="18" customHeight="1" x14ac:dyDescent="0.15">
      <c r="A120" s="8" t="s">
        <v>5</v>
      </c>
      <c r="B120" s="21">
        <v>1</v>
      </c>
      <c r="C120" s="6">
        <v>11</v>
      </c>
      <c r="D120" s="5">
        <v>12</v>
      </c>
    </row>
    <row r="121" spans="1:4" ht="18" customHeight="1" x14ac:dyDescent="0.15">
      <c r="A121" s="8">
        <v>95</v>
      </c>
      <c r="B121" s="21">
        <v>0</v>
      </c>
      <c r="C121" s="6">
        <v>0</v>
      </c>
      <c r="D121" s="5">
        <v>0</v>
      </c>
    </row>
    <row r="122" spans="1:4" ht="18" customHeight="1" x14ac:dyDescent="0.15">
      <c r="A122" s="8">
        <v>96</v>
      </c>
      <c r="B122" s="21">
        <v>1</v>
      </c>
      <c r="C122" s="6">
        <v>1</v>
      </c>
      <c r="D122" s="5">
        <v>2</v>
      </c>
    </row>
    <row r="123" spans="1:4" ht="18" customHeight="1" x14ac:dyDescent="0.15">
      <c r="A123" s="8">
        <v>97</v>
      </c>
      <c r="B123" s="21">
        <v>0</v>
      </c>
      <c r="C123" s="6">
        <v>1</v>
      </c>
      <c r="D123" s="5">
        <v>1</v>
      </c>
    </row>
    <row r="124" spans="1:4" ht="18" customHeight="1" x14ac:dyDescent="0.15">
      <c r="A124" s="8">
        <v>98</v>
      </c>
      <c r="B124" s="21">
        <v>0</v>
      </c>
      <c r="C124" s="6">
        <v>0</v>
      </c>
      <c r="D124" s="5">
        <v>0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1</v>
      </c>
      <c r="C126" s="6">
        <v>2</v>
      </c>
      <c r="D126" s="5">
        <v>3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0</v>
      </c>
      <c r="D128" s="5">
        <v>0</v>
      </c>
    </row>
    <row r="129" spans="1:4" ht="18" customHeight="1" x14ac:dyDescent="0.15">
      <c r="A129" s="8" t="s">
        <v>2</v>
      </c>
      <c r="B129" s="21">
        <v>0</v>
      </c>
      <c r="C129" s="6">
        <v>1</v>
      </c>
      <c r="D129" s="5">
        <v>1</v>
      </c>
    </row>
    <row r="130" spans="1:4" ht="18" customHeight="1" x14ac:dyDescent="0.15">
      <c r="A130" s="8" t="s">
        <v>1</v>
      </c>
      <c r="B130" s="21">
        <v>56</v>
      </c>
      <c r="C130" s="6">
        <v>70</v>
      </c>
      <c r="D130" s="5">
        <v>126</v>
      </c>
    </row>
    <row r="131" spans="1:4" ht="18" customHeight="1" x14ac:dyDescent="0.15">
      <c r="A131" s="4" t="s">
        <v>0</v>
      </c>
      <c r="B131" s="20">
        <v>101</v>
      </c>
      <c r="C131" s="2">
        <v>116</v>
      </c>
      <c r="D131" s="1">
        <v>217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E30FB80-A00F-4D40-AD60-29A1DE94B5B3}">
  <sheetPr codeName="Sheet1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38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22">
        <v>12</v>
      </c>
      <c r="C5" s="11">
        <v>7</v>
      </c>
      <c r="D5" s="10">
        <v>19</v>
      </c>
    </row>
    <row r="6" spans="1:4" ht="18" customHeight="1" x14ac:dyDescent="0.15">
      <c r="A6" s="8">
        <v>1</v>
      </c>
      <c r="B6" s="21">
        <v>5</v>
      </c>
      <c r="C6" s="6">
        <v>5</v>
      </c>
      <c r="D6" s="5">
        <v>10</v>
      </c>
    </row>
    <row r="7" spans="1:4" ht="18" customHeight="1" x14ac:dyDescent="0.15">
      <c r="A7" s="8">
        <v>2</v>
      </c>
      <c r="B7" s="21">
        <v>8</v>
      </c>
      <c r="C7" s="6">
        <v>8</v>
      </c>
      <c r="D7" s="5">
        <v>16</v>
      </c>
    </row>
    <row r="8" spans="1:4" ht="18" customHeight="1" x14ac:dyDescent="0.15">
      <c r="A8" s="8">
        <v>3</v>
      </c>
      <c r="B8" s="21">
        <v>6</v>
      </c>
      <c r="C8" s="6">
        <v>8</v>
      </c>
      <c r="D8" s="5">
        <v>14</v>
      </c>
    </row>
    <row r="9" spans="1:4" ht="18" customHeight="1" x14ac:dyDescent="0.15">
      <c r="A9" s="8">
        <v>4</v>
      </c>
      <c r="B9" s="21">
        <v>5</v>
      </c>
      <c r="C9" s="6">
        <v>9</v>
      </c>
      <c r="D9" s="5">
        <v>14</v>
      </c>
    </row>
    <row r="10" spans="1:4" ht="18" customHeight="1" x14ac:dyDescent="0.15">
      <c r="A10" s="8" t="s">
        <v>25</v>
      </c>
      <c r="B10" s="21">
        <v>36</v>
      </c>
      <c r="C10" s="6">
        <v>37</v>
      </c>
      <c r="D10" s="5">
        <v>73</v>
      </c>
    </row>
    <row r="11" spans="1:4" ht="18" customHeight="1" x14ac:dyDescent="0.15">
      <c r="A11" s="8">
        <v>5</v>
      </c>
      <c r="B11" s="21">
        <v>13</v>
      </c>
      <c r="C11" s="6">
        <v>4</v>
      </c>
      <c r="D11" s="5">
        <v>17</v>
      </c>
    </row>
    <row r="12" spans="1:4" ht="18" customHeight="1" x14ac:dyDescent="0.15">
      <c r="A12" s="8">
        <v>6</v>
      </c>
      <c r="B12" s="21">
        <v>7</v>
      </c>
      <c r="C12" s="6">
        <v>9</v>
      </c>
      <c r="D12" s="5">
        <v>16</v>
      </c>
    </row>
    <row r="13" spans="1:4" ht="18" customHeight="1" x14ac:dyDescent="0.15">
      <c r="A13" s="8">
        <v>7</v>
      </c>
      <c r="B13" s="21">
        <v>12</v>
      </c>
      <c r="C13" s="6">
        <v>4</v>
      </c>
      <c r="D13" s="5">
        <v>16</v>
      </c>
    </row>
    <row r="14" spans="1:4" ht="18" customHeight="1" x14ac:dyDescent="0.15">
      <c r="A14" s="8">
        <v>8</v>
      </c>
      <c r="B14" s="21">
        <v>7</v>
      </c>
      <c r="C14" s="6">
        <v>8</v>
      </c>
      <c r="D14" s="5">
        <v>15</v>
      </c>
    </row>
    <row r="15" spans="1:4" ht="18" customHeight="1" x14ac:dyDescent="0.15">
      <c r="A15" s="8">
        <v>9</v>
      </c>
      <c r="B15" s="21">
        <v>12</v>
      </c>
      <c r="C15" s="6">
        <v>10</v>
      </c>
      <c r="D15" s="5">
        <v>22</v>
      </c>
    </row>
    <row r="16" spans="1:4" ht="18" customHeight="1" x14ac:dyDescent="0.15">
      <c r="A16" s="8" t="s">
        <v>24</v>
      </c>
      <c r="B16" s="21">
        <v>51</v>
      </c>
      <c r="C16" s="6">
        <v>35</v>
      </c>
      <c r="D16" s="5">
        <v>86</v>
      </c>
    </row>
    <row r="17" spans="1:4" ht="18" customHeight="1" x14ac:dyDescent="0.15">
      <c r="A17" s="8">
        <v>10</v>
      </c>
      <c r="B17" s="21">
        <v>7</v>
      </c>
      <c r="C17" s="6">
        <v>9</v>
      </c>
      <c r="D17" s="5">
        <v>16</v>
      </c>
    </row>
    <row r="18" spans="1:4" ht="18" customHeight="1" x14ac:dyDescent="0.15">
      <c r="A18" s="8">
        <v>11</v>
      </c>
      <c r="B18" s="21">
        <v>9</v>
      </c>
      <c r="C18" s="6">
        <v>14</v>
      </c>
      <c r="D18" s="5">
        <v>23</v>
      </c>
    </row>
    <row r="19" spans="1:4" ht="18" customHeight="1" x14ac:dyDescent="0.15">
      <c r="A19" s="8">
        <v>12</v>
      </c>
      <c r="B19" s="21">
        <v>4</v>
      </c>
      <c r="C19" s="6">
        <v>12</v>
      </c>
      <c r="D19" s="5">
        <v>16</v>
      </c>
    </row>
    <row r="20" spans="1:4" ht="18" customHeight="1" x14ac:dyDescent="0.15">
      <c r="A20" s="8">
        <v>13</v>
      </c>
      <c r="B20" s="21">
        <v>8</v>
      </c>
      <c r="C20" s="6">
        <v>3</v>
      </c>
      <c r="D20" s="5">
        <v>11</v>
      </c>
    </row>
    <row r="21" spans="1:4" ht="18" customHeight="1" x14ac:dyDescent="0.15">
      <c r="A21" s="8">
        <v>14</v>
      </c>
      <c r="B21" s="21">
        <v>10</v>
      </c>
      <c r="C21" s="6">
        <v>6</v>
      </c>
      <c r="D21" s="5">
        <v>16</v>
      </c>
    </row>
    <row r="22" spans="1:4" ht="18" customHeight="1" x14ac:dyDescent="0.15">
      <c r="A22" s="8" t="s">
        <v>23</v>
      </c>
      <c r="B22" s="21">
        <v>38</v>
      </c>
      <c r="C22" s="6">
        <v>44</v>
      </c>
      <c r="D22" s="5">
        <v>82</v>
      </c>
    </row>
    <row r="23" spans="1:4" ht="18" customHeight="1" x14ac:dyDescent="0.15">
      <c r="A23" s="8" t="s">
        <v>22</v>
      </c>
      <c r="B23" s="21">
        <v>125</v>
      </c>
      <c r="C23" s="6">
        <v>116</v>
      </c>
      <c r="D23" s="5">
        <v>241</v>
      </c>
    </row>
    <row r="24" spans="1:4" ht="18" customHeight="1" x14ac:dyDescent="0.15">
      <c r="A24" s="8">
        <v>15</v>
      </c>
      <c r="B24" s="21">
        <v>7</v>
      </c>
      <c r="C24" s="6">
        <v>9</v>
      </c>
      <c r="D24" s="5">
        <v>16</v>
      </c>
    </row>
    <row r="25" spans="1:4" ht="18" customHeight="1" x14ac:dyDescent="0.15">
      <c r="A25" s="8">
        <v>16</v>
      </c>
      <c r="B25" s="21">
        <v>13</v>
      </c>
      <c r="C25" s="6">
        <v>12</v>
      </c>
      <c r="D25" s="5">
        <v>25</v>
      </c>
    </row>
    <row r="26" spans="1:4" ht="18" customHeight="1" x14ac:dyDescent="0.15">
      <c r="A26" s="8">
        <v>17</v>
      </c>
      <c r="B26" s="21">
        <v>10</v>
      </c>
      <c r="C26" s="6">
        <v>6</v>
      </c>
      <c r="D26" s="5">
        <v>16</v>
      </c>
    </row>
    <row r="27" spans="1:4" ht="18" customHeight="1" x14ac:dyDescent="0.15">
      <c r="A27" s="8">
        <v>18</v>
      </c>
      <c r="B27" s="21">
        <v>10</v>
      </c>
      <c r="C27" s="6">
        <v>10</v>
      </c>
      <c r="D27" s="5">
        <v>20</v>
      </c>
    </row>
    <row r="28" spans="1:4" ht="18" customHeight="1" x14ac:dyDescent="0.15">
      <c r="A28" s="8">
        <v>19</v>
      </c>
      <c r="B28" s="21">
        <v>11</v>
      </c>
      <c r="C28" s="6">
        <v>7</v>
      </c>
      <c r="D28" s="5">
        <v>18</v>
      </c>
    </row>
    <row r="29" spans="1:4" ht="18" customHeight="1" x14ac:dyDescent="0.15">
      <c r="A29" s="8" t="s">
        <v>21</v>
      </c>
      <c r="B29" s="21">
        <v>51</v>
      </c>
      <c r="C29" s="6">
        <v>44</v>
      </c>
      <c r="D29" s="5">
        <v>95</v>
      </c>
    </row>
    <row r="30" spans="1:4" ht="18" customHeight="1" x14ac:dyDescent="0.15">
      <c r="A30" s="8">
        <v>20</v>
      </c>
      <c r="B30" s="21">
        <v>10</v>
      </c>
      <c r="C30" s="6">
        <v>11</v>
      </c>
      <c r="D30" s="5">
        <v>21</v>
      </c>
    </row>
    <row r="31" spans="1:4" ht="18" customHeight="1" x14ac:dyDescent="0.15">
      <c r="A31" s="8">
        <v>21</v>
      </c>
      <c r="B31" s="21">
        <v>8</v>
      </c>
      <c r="C31" s="6">
        <v>8</v>
      </c>
      <c r="D31" s="5">
        <v>16</v>
      </c>
    </row>
    <row r="32" spans="1:4" ht="18" customHeight="1" x14ac:dyDescent="0.15">
      <c r="A32" s="8">
        <v>22</v>
      </c>
      <c r="B32" s="21">
        <v>8</v>
      </c>
      <c r="C32" s="6">
        <v>11</v>
      </c>
      <c r="D32" s="5">
        <v>19</v>
      </c>
    </row>
    <row r="33" spans="1:4" ht="18" customHeight="1" x14ac:dyDescent="0.15">
      <c r="A33" s="8">
        <v>23</v>
      </c>
      <c r="B33" s="21">
        <v>12</v>
      </c>
      <c r="C33" s="6">
        <v>6</v>
      </c>
      <c r="D33" s="5">
        <v>18</v>
      </c>
    </row>
    <row r="34" spans="1:4" ht="18" customHeight="1" x14ac:dyDescent="0.15">
      <c r="A34" s="8">
        <v>24</v>
      </c>
      <c r="B34" s="21">
        <v>13</v>
      </c>
      <c r="C34" s="6">
        <v>4</v>
      </c>
      <c r="D34" s="5">
        <v>17</v>
      </c>
    </row>
    <row r="35" spans="1:4" ht="18" customHeight="1" x14ac:dyDescent="0.15">
      <c r="A35" s="8" t="s">
        <v>20</v>
      </c>
      <c r="B35" s="21">
        <v>51</v>
      </c>
      <c r="C35" s="6">
        <v>40</v>
      </c>
      <c r="D35" s="5">
        <v>91</v>
      </c>
    </row>
    <row r="36" spans="1:4" ht="18" customHeight="1" x14ac:dyDescent="0.15">
      <c r="A36" s="8">
        <v>25</v>
      </c>
      <c r="B36" s="21">
        <v>17</v>
      </c>
      <c r="C36" s="6">
        <v>10</v>
      </c>
      <c r="D36" s="5">
        <v>27</v>
      </c>
    </row>
    <row r="37" spans="1:4" ht="18" customHeight="1" x14ac:dyDescent="0.15">
      <c r="A37" s="8">
        <v>26</v>
      </c>
      <c r="B37" s="21">
        <v>10</v>
      </c>
      <c r="C37" s="6">
        <v>8</v>
      </c>
      <c r="D37" s="5">
        <v>18</v>
      </c>
    </row>
    <row r="38" spans="1:4" ht="18" customHeight="1" x14ac:dyDescent="0.15">
      <c r="A38" s="8">
        <v>27</v>
      </c>
      <c r="B38" s="21">
        <v>8</v>
      </c>
      <c r="C38" s="6">
        <v>6</v>
      </c>
      <c r="D38" s="5">
        <v>14</v>
      </c>
    </row>
    <row r="39" spans="1:4" ht="18" customHeight="1" x14ac:dyDescent="0.15">
      <c r="A39" s="8">
        <v>28</v>
      </c>
      <c r="B39" s="21">
        <v>8</v>
      </c>
      <c r="C39" s="6">
        <v>9</v>
      </c>
      <c r="D39" s="5">
        <v>17</v>
      </c>
    </row>
    <row r="40" spans="1:4" ht="18" customHeight="1" x14ac:dyDescent="0.15">
      <c r="A40" s="8">
        <v>29</v>
      </c>
      <c r="B40" s="21">
        <v>10</v>
      </c>
      <c r="C40" s="6">
        <v>7</v>
      </c>
      <c r="D40" s="5">
        <v>17</v>
      </c>
    </row>
    <row r="41" spans="1:4" ht="18" customHeight="1" x14ac:dyDescent="0.15">
      <c r="A41" s="8" t="s">
        <v>19</v>
      </c>
      <c r="B41" s="21">
        <v>53</v>
      </c>
      <c r="C41" s="6">
        <v>40</v>
      </c>
      <c r="D41" s="5">
        <v>93</v>
      </c>
    </row>
    <row r="42" spans="1:4" ht="18" customHeight="1" x14ac:dyDescent="0.15">
      <c r="A42" s="8">
        <v>30</v>
      </c>
      <c r="B42" s="21">
        <v>9</v>
      </c>
      <c r="C42" s="6">
        <v>9</v>
      </c>
      <c r="D42" s="5">
        <v>18</v>
      </c>
    </row>
    <row r="43" spans="1:4" ht="18" customHeight="1" x14ac:dyDescent="0.15">
      <c r="A43" s="8">
        <v>31</v>
      </c>
      <c r="B43" s="21">
        <v>12</v>
      </c>
      <c r="C43" s="6">
        <v>7</v>
      </c>
      <c r="D43" s="5">
        <v>19</v>
      </c>
    </row>
    <row r="44" spans="1:4" ht="18" customHeight="1" x14ac:dyDescent="0.15">
      <c r="A44" s="8">
        <v>32</v>
      </c>
      <c r="B44" s="21">
        <v>8</v>
      </c>
      <c r="C44" s="6">
        <v>7</v>
      </c>
      <c r="D44" s="5">
        <v>15</v>
      </c>
    </row>
    <row r="45" spans="1:4" ht="18" customHeight="1" x14ac:dyDescent="0.15">
      <c r="A45" s="8">
        <v>33</v>
      </c>
      <c r="B45" s="21">
        <v>14</v>
      </c>
      <c r="C45" s="6">
        <v>13</v>
      </c>
      <c r="D45" s="5">
        <v>27</v>
      </c>
    </row>
    <row r="46" spans="1:4" ht="18" customHeight="1" x14ac:dyDescent="0.15">
      <c r="A46" s="8">
        <v>34</v>
      </c>
      <c r="B46" s="21">
        <v>10</v>
      </c>
      <c r="C46" s="6">
        <v>14</v>
      </c>
      <c r="D46" s="5">
        <v>24</v>
      </c>
    </row>
    <row r="47" spans="1:4" ht="18" customHeight="1" x14ac:dyDescent="0.15">
      <c r="A47" s="8" t="s">
        <v>18</v>
      </c>
      <c r="B47" s="21">
        <v>53</v>
      </c>
      <c r="C47" s="6">
        <v>50</v>
      </c>
      <c r="D47" s="5">
        <v>103</v>
      </c>
    </row>
    <row r="48" spans="1:4" ht="18" customHeight="1" x14ac:dyDescent="0.15">
      <c r="A48" s="8">
        <v>35</v>
      </c>
      <c r="B48" s="21">
        <v>9</v>
      </c>
      <c r="C48" s="6">
        <v>6</v>
      </c>
      <c r="D48" s="5">
        <v>15</v>
      </c>
    </row>
    <row r="49" spans="1:4" ht="18" customHeight="1" x14ac:dyDescent="0.15">
      <c r="A49" s="8">
        <v>36</v>
      </c>
      <c r="B49" s="21">
        <v>15</v>
      </c>
      <c r="C49" s="6">
        <v>9</v>
      </c>
      <c r="D49" s="5">
        <v>24</v>
      </c>
    </row>
    <row r="50" spans="1:4" ht="18" customHeight="1" x14ac:dyDescent="0.15">
      <c r="A50" s="8">
        <v>37</v>
      </c>
      <c r="B50" s="21">
        <v>9</v>
      </c>
      <c r="C50" s="6">
        <v>10</v>
      </c>
      <c r="D50" s="5">
        <v>19</v>
      </c>
    </row>
    <row r="51" spans="1:4" ht="18" customHeight="1" x14ac:dyDescent="0.15">
      <c r="A51" s="8">
        <v>38</v>
      </c>
      <c r="B51" s="21">
        <v>12</v>
      </c>
      <c r="C51" s="6">
        <v>19</v>
      </c>
      <c r="D51" s="5">
        <v>31</v>
      </c>
    </row>
    <row r="52" spans="1:4" ht="18" customHeight="1" x14ac:dyDescent="0.15">
      <c r="A52" s="8">
        <v>39</v>
      </c>
      <c r="B52" s="21">
        <v>23</v>
      </c>
      <c r="C52" s="6">
        <v>18</v>
      </c>
      <c r="D52" s="5">
        <v>41</v>
      </c>
    </row>
    <row r="53" spans="1:4" ht="18" customHeight="1" x14ac:dyDescent="0.15">
      <c r="A53" s="8" t="s">
        <v>17</v>
      </c>
      <c r="B53" s="21">
        <v>68</v>
      </c>
      <c r="C53" s="6">
        <v>62</v>
      </c>
      <c r="D53" s="5">
        <v>130</v>
      </c>
    </row>
    <row r="54" spans="1:4" ht="18" customHeight="1" x14ac:dyDescent="0.15">
      <c r="A54" s="8">
        <v>40</v>
      </c>
      <c r="B54" s="21">
        <v>13</v>
      </c>
      <c r="C54" s="6">
        <v>15</v>
      </c>
      <c r="D54" s="5">
        <v>28</v>
      </c>
    </row>
    <row r="55" spans="1:4" ht="18" customHeight="1" x14ac:dyDescent="0.15">
      <c r="A55" s="8">
        <v>41</v>
      </c>
      <c r="B55" s="21">
        <v>12</v>
      </c>
      <c r="C55" s="6">
        <v>15</v>
      </c>
      <c r="D55" s="5">
        <v>27</v>
      </c>
    </row>
    <row r="56" spans="1:4" ht="18" customHeight="1" x14ac:dyDescent="0.15">
      <c r="A56" s="8">
        <v>42</v>
      </c>
      <c r="B56" s="21">
        <v>11</v>
      </c>
      <c r="C56" s="6">
        <v>18</v>
      </c>
      <c r="D56" s="5">
        <v>29</v>
      </c>
    </row>
    <row r="57" spans="1:4" ht="18" customHeight="1" x14ac:dyDescent="0.15">
      <c r="A57" s="8">
        <v>43</v>
      </c>
      <c r="B57" s="21">
        <v>15</v>
      </c>
      <c r="C57" s="6">
        <v>18</v>
      </c>
      <c r="D57" s="5">
        <v>33</v>
      </c>
    </row>
    <row r="58" spans="1:4" ht="18" customHeight="1" x14ac:dyDescent="0.15">
      <c r="A58" s="8">
        <v>44</v>
      </c>
      <c r="B58" s="21">
        <v>20</v>
      </c>
      <c r="C58" s="6">
        <v>16</v>
      </c>
      <c r="D58" s="5">
        <v>36</v>
      </c>
    </row>
    <row r="59" spans="1:4" ht="18" customHeight="1" x14ac:dyDescent="0.15">
      <c r="A59" s="8" t="s">
        <v>16</v>
      </c>
      <c r="B59" s="21">
        <v>71</v>
      </c>
      <c r="C59" s="6">
        <v>82</v>
      </c>
      <c r="D59" s="5">
        <v>153</v>
      </c>
    </row>
    <row r="60" spans="1:4" ht="18" customHeight="1" x14ac:dyDescent="0.15">
      <c r="A60" s="8">
        <v>45</v>
      </c>
      <c r="B60" s="21">
        <v>8</v>
      </c>
      <c r="C60" s="6">
        <v>14</v>
      </c>
      <c r="D60" s="5">
        <v>22</v>
      </c>
    </row>
    <row r="61" spans="1:4" ht="18" customHeight="1" x14ac:dyDescent="0.15">
      <c r="A61" s="8">
        <v>46</v>
      </c>
      <c r="B61" s="21">
        <v>20</v>
      </c>
      <c r="C61" s="6">
        <v>9</v>
      </c>
      <c r="D61" s="5">
        <v>29</v>
      </c>
    </row>
    <row r="62" spans="1:4" ht="18" customHeight="1" x14ac:dyDescent="0.15">
      <c r="A62" s="8">
        <v>47</v>
      </c>
      <c r="B62" s="21">
        <v>10</v>
      </c>
      <c r="C62" s="6">
        <v>15</v>
      </c>
      <c r="D62" s="5">
        <v>25</v>
      </c>
    </row>
    <row r="63" spans="1:4" ht="18" customHeight="1" x14ac:dyDescent="0.15">
      <c r="A63" s="8">
        <v>48</v>
      </c>
      <c r="B63" s="21">
        <v>15</v>
      </c>
      <c r="C63" s="6">
        <v>9</v>
      </c>
      <c r="D63" s="5">
        <v>24</v>
      </c>
    </row>
    <row r="64" spans="1:4" ht="18" customHeight="1" x14ac:dyDescent="0.15">
      <c r="A64" s="8">
        <v>49</v>
      </c>
      <c r="B64" s="21">
        <v>20</v>
      </c>
      <c r="C64" s="6">
        <v>19</v>
      </c>
      <c r="D64" s="5">
        <v>39</v>
      </c>
    </row>
    <row r="65" spans="1:4" ht="18" customHeight="1" x14ac:dyDescent="0.15">
      <c r="A65" s="8" t="s">
        <v>15</v>
      </c>
      <c r="B65" s="21">
        <v>73</v>
      </c>
      <c r="C65" s="6">
        <v>66</v>
      </c>
      <c r="D65" s="5">
        <v>139</v>
      </c>
    </row>
    <row r="66" spans="1:4" ht="18" customHeight="1" x14ac:dyDescent="0.15">
      <c r="A66" s="8">
        <v>50</v>
      </c>
      <c r="B66" s="21">
        <v>15</v>
      </c>
      <c r="C66" s="6">
        <v>15</v>
      </c>
      <c r="D66" s="5">
        <v>30</v>
      </c>
    </row>
    <row r="67" spans="1:4" ht="18" customHeight="1" x14ac:dyDescent="0.15">
      <c r="A67" s="8">
        <v>51</v>
      </c>
      <c r="B67" s="21">
        <v>23</v>
      </c>
      <c r="C67" s="6">
        <v>27</v>
      </c>
      <c r="D67" s="5">
        <v>50</v>
      </c>
    </row>
    <row r="68" spans="1:4" ht="18" customHeight="1" x14ac:dyDescent="0.15">
      <c r="A68" s="8">
        <v>52</v>
      </c>
      <c r="B68" s="21">
        <v>26</v>
      </c>
      <c r="C68" s="6">
        <v>24</v>
      </c>
      <c r="D68" s="5">
        <v>50</v>
      </c>
    </row>
    <row r="69" spans="1:4" ht="18" customHeight="1" x14ac:dyDescent="0.15">
      <c r="A69" s="8">
        <v>53</v>
      </c>
      <c r="B69" s="21">
        <v>25</v>
      </c>
      <c r="C69" s="6">
        <v>17</v>
      </c>
      <c r="D69" s="5">
        <v>42</v>
      </c>
    </row>
    <row r="70" spans="1:4" ht="18" customHeight="1" x14ac:dyDescent="0.15">
      <c r="A70" s="8">
        <v>54</v>
      </c>
      <c r="B70" s="21">
        <v>23</v>
      </c>
      <c r="C70" s="6">
        <v>21</v>
      </c>
      <c r="D70" s="5">
        <v>44</v>
      </c>
    </row>
    <row r="71" spans="1:4" ht="18" customHeight="1" x14ac:dyDescent="0.15">
      <c r="A71" s="8" t="s">
        <v>14</v>
      </c>
      <c r="B71" s="21">
        <v>112</v>
      </c>
      <c r="C71" s="6">
        <v>104</v>
      </c>
      <c r="D71" s="5">
        <v>216</v>
      </c>
    </row>
    <row r="72" spans="1:4" ht="18" customHeight="1" x14ac:dyDescent="0.15">
      <c r="A72" s="8">
        <v>55</v>
      </c>
      <c r="B72" s="21">
        <v>28</v>
      </c>
      <c r="C72" s="6">
        <v>21</v>
      </c>
      <c r="D72" s="5">
        <v>49</v>
      </c>
    </row>
    <row r="73" spans="1:4" ht="18" customHeight="1" x14ac:dyDescent="0.15">
      <c r="A73" s="8">
        <v>56</v>
      </c>
      <c r="B73" s="21">
        <v>22</v>
      </c>
      <c r="C73" s="6">
        <v>19</v>
      </c>
      <c r="D73" s="5">
        <v>41</v>
      </c>
    </row>
    <row r="74" spans="1:4" ht="18" customHeight="1" x14ac:dyDescent="0.15">
      <c r="A74" s="8">
        <v>57</v>
      </c>
      <c r="B74" s="21">
        <v>18</v>
      </c>
      <c r="C74" s="6">
        <v>16</v>
      </c>
      <c r="D74" s="5">
        <v>34</v>
      </c>
    </row>
    <row r="75" spans="1:4" ht="18" customHeight="1" x14ac:dyDescent="0.15">
      <c r="A75" s="8">
        <v>58</v>
      </c>
      <c r="B75" s="21">
        <v>29</v>
      </c>
      <c r="C75" s="6">
        <v>15</v>
      </c>
      <c r="D75" s="5">
        <v>44</v>
      </c>
    </row>
    <row r="76" spans="1:4" ht="18" customHeight="1" x14ac:dyDescent="0.15">
      <c r="A76" s="8">
        <v>59</v>
      </c>
      <c r="B76" s="21">
        <v>6</v>
      </c>
      <c r="C76" s="6">
        <v>18</v>
      </c>
      <c r="D76" s="5">
        <v>24</v>
      </c>
    </row>
    <row r="77" spans="1:4" ht="18" customHeight="1" x14ac:dyDescent="0.15">
      <c r="A77" s="8" t="s">
        <v>13</v>
      </c>
      <c r="B77" s="21">
        <v>103</v>
      </c>
      <c r="C77" s="6">
        <v>89</v>
      </c>
      <c r="D77" s="5">
        <v>192</v>
      </c>
    </row>
    <row r="78" spans="1:4" ht="18" customHeight="1" x14ac:dyDescent="0.15">
      <c r="A78" s="8">
        <v>60</v>
      </c>
      <c r="B78" s="21">
        <v>23</v>
      </c>
      <c r="C78" s="6">
        <v>25</v>
      </c>
      <c r="D78" s="5">
        <v>48</v>
      </c>
    </row>
    <row r="79" spans="1:4" ht="18" customHeight="1" x14ac:dyDescent="0.15">
      <c r="A79" s="8">
        <v>61</v>
      </c>
      <c r="B79" s="21">
        <v>12</v>
      </c>
      <c r="C79" s="6">
        <v>22</v>
      </c>
      <c r="D79" s="5">
        <v>34</v>
      </c>
    </row>
    <row r="80" spans="1:4" ht="18" customHeight="1" x14ac:dyDescent="0.15">
      <c r="A80" s="8">
        <v>62</v>
      </c>
      <c r="B80" s="21">
        <v>18</v>
      </c>
      <c r="C80" s="6">
        <v>9</v>
      </c>
      <c r="D80" s="5">
        <v>27</v>
      </c>
    </row>
    <row r="81" spans="1:4" ht="18" customHeight="1" x14ac:dyDescent="0.15">
      <c r="A81" s="8">
        <v>63</v>
      </c>
      <c r="B81" s="21">
        <v>18</v>
      </c>
      <c r="C81" s="6">
        <v>12</v>
      </c>
      <c r="D81" s="5">
        <v>30</v>
      </c>
    </row>
    <row r="82" spans="1:4" ht="18" customHeight="1" x14ac:dyDescent="0.15">
      <c r="A82" s="8">
        <v>64</v>
      </c>
      <c r="B82" s="21">
        <v>18</v>
      </c>
      <c r="C82" s="6">
        <v>18</v>
      </c>
      <c r="D82" s="5">
        <v>36</v>
      </c>
    </row>
    <row r="83" spans="1:4" ht="18" customHeight="1" x14ac:dyDescent="0.15">
      <c r="A83" s="8" t="s">
        <v>12</v>
      </c>
      <c r="B83" s="21">
        <v>89</v>
      </c>
      <c r="C83" s="6">
        <v>86</v>
      </c>
      <c r="D83" s="5">
        <v>175</v>
      </c>
    </row>
    <row r="84" spans="1:4" ht="18" customHeight="1" x14ac:dyDescent="0.15">
      <c r="A84" s="8" t="s">
        <v>11</v>
      </c>
      <c r="B84" s="21">
        <v>724</v>
      </c>
      <c r="C84" s="6">
        <v>663</v>
      </c>
      <c r="D84" s="5">
        <v>1387</v>
      </c>
    </row>
    <row r="85" spans="1:4" ht="18" customHeight="1" x14ac:dyDescent="0.15">
      <c r="A85" s="8">
        <v>65</v>
      </c>
      <c r="B85" s="21">
        <v>20</v>
      </c>
      <c r="C85" s="6">
        <v>18</v>
      </c>
      <c r="D85" s="5">
        <v>38</v>
      </c>
    </row>
    <row r="86" spans="1:4" ht="18" customHeight="1" x14ac:dyDescent="0.15">
      <c r="A86" s="8">
        <v>66</v>
      </c>
      <c r="B86" s="21">
        <v>18</v>
      </c>
      <c r="C86" s="6">
        <v>23</v>
      </c>
      <c r="D86" s="5">
        <v>41</v>
      </c>
    </row>
    <row r="87" spans="1:4" ht="18" customHeight="1" x14ac:dyDescent="0.15">
      <c r="A87" s="8">
        <v>67</v>
      </c>
      <c r="B87" s="21">
        <v>10</v>
      </c>
      <c r="C87" s="6">
        <v>17</v>
      </c>
      <c r="D87" s="5">
        <v>27</v>
      </c>
    </row>
    <row r="88" spans="1:4" ht="18" customHeight="1" x14ac:dyDescent="0.15">
      <c r="A88" s="8">
        <v>68</v>
      </c>
      <c r="B88" s="21">
        <v>15</v>
      </c>
      <c r="C88" s="6">
        <v>20</v>
      </c>
      <c r="D88" s="5">
        <v>35</v>
      </c>
    </row>
    <row r="89" spans="1:4" ht="18" customHeight="1" x14ac:dyDescent="0.15">
      <c r="A89" s="8">
        <v>69</v>
      </c>
      <c r="B89" s="21">
        <v>18</v>
      </c>
      <c r="C89" s="6">
        <v>13</v>
      </c>
      <c r="D89" s="5">
        <v>31</v>
      </c>
    </row>
    <row r="90" spans="1:4" ht="18" customHeight="1" x14ac:dyDescent="0.15">
      <c r="A90" s="8" t="s">
        <v>10</v>
      </c>
      <c r="B90" s="21">
        <v>81</v>
      </c>
      <c r="C90" s="6">
        <v>91</v>
      </c>
      <c r="D90" s="5">
        <v>172</v>
      </c>
    </row>
    <row r="91" spans="1:4" ht="18" customHeight="1" x14ac:dyDescent="0.15">
      <c r="A91" s="8">
        <v>70</v>
      </c>
      <c r="B91" s="21">
        <v>17</v>
      </c>
      <c r="C91" s="6">
        <v>18</v>
      </c>
      <c r="D91" s="5">
        <v>35</v>
      </c>
    </row>
    <row r="92" spans="1:4" ht="18" customHeight="1" x14ac:dyDescent="0.15">
      <c r="A92" s="8">
        <v>71</v>
      </c>
      <c r="B92" s="21">
        <v>17</v>
      </c>
      <c r="C92" s="6">
        <v>15</v>
      </c>
      <c r="D92" s="5">
        <v>32</v>
      </c>
    </row>
    <row r="93" spans="1:4" ht="18" customHeight="1" x14ac:dyDescent="0.15">
      <c r="A93" s="8">
        <v>72</v>
      </c>
      <c r="B93" s="21">
        <v>14</v>
      </c>
      <c r="C93" s="6">
        <v>19</v>
      </c>
      <c r="D93" s="5">
        <v>33</v>
      </c>
    </row>
    <row r="94" spans="1:4" ht="18" customHeight="1" x14ac:dyDescent="0.15">
      <c r="A94" s="8">
        <v>73</v>
      </c>
      <c r="B94" s="21">
        <v>18</v>
      </c>
      <c r="C94" s="6">
        <v>16</v>
      </c>
      <c r="D94" s="5">
        <v>34</v>
      </c>
    </row>
    <row r="95" spans="1:4" ht="18" customHeight="1" x14ac:dyDescent="0.15">
      <c r="A95" s="8">
        <v>74</v>
      </c>
      <c r="B95" s="21">
        <v>16</v>
      </c>
      <c r="C95" s="6">
        <v>21</v>
      </c>
      <c r="D95" s="5">
        <v>37</v>
      </c>
    </row>
    <row r="96" spans="1:4" ht="18" customHeight="1" x14ac:dyDescent="0.15">
      <c r="A96" s="8" t="s">
        <v>9</v>
      </c>
      <c r="B96" s="21">
        <v>82</v>
      </c>
      <c r="C96" s="6">
        <v>89</v>
      </c>
      <c r="D96" s="5">
        <v>171</v>
      </c>
    </row>
    <row r="97" spans="1:4" ht="18" customHeight="1" x14ac:dyDescent="0.15">
      <c r="A97" s="8">
        <v>75</v>
      </c>
      <c r="B97" s="21">
        <v>17</v>
      </c>
      <c r="C97" s="6">
        <v>20</v>
      </c>
      <c r="D97" s="5">
        <v>37</v>
      </c>
    </row>
    <row r="98" spans="1:4" ht="18" customHeight="1" x14ac:dyDescent="0.15">
      <c r="A98" s="8">
        <v>76</v>
      </c>
      <c r="B98" s="21">
        <v>22</v>
      </c>
      <c r="C98" s="6">
        <v>23</v>
      </c>
      <c r="D98" s="5">
        <v>45</v>
      </c>
    </row>
    <row r="99" spans="1:4" ht="18" customHeight="1" x14ac:dyDescent="0.15">
      <c r="A99" s="8">
        <v>77</v>
      </c>
      <c r="B99" s="21">
        <v>18</v>
      </c>
      <c r="C99" s="6">
        <v>27</v>
      </c>
      <c r="D99" s="5">
        <v>45</v>
      </c>
    </row>
    <row r="100" spans="1:4" ht="18" customHeight="1" x14ac:dyDescent="0.15">
      <c r="A100" s="8">
        <v>78</v>
      </c>
      <c r="B100" s="21">
        <v>27</v>
      </c>
      <c r="C100" s="6">
        <v>35</v>
      </c>
      <c r="D100" s="5">
        <v>62</v>
      </c>
    </row>
    <row r="101" spans="1:4" ht="18" customHeight="1" x14ac:dyDescent="0.15">
      <c r="A101" s="8">
        <v>79</v>
      </c>
      <c r="B101" s="21">
        <v>11</v>
      </c>
      <c r="C101" s="6">
        <v>19</v>
      </c>
      <c r="D101" s="5">
        <v>30</v>
      </c>
    </row>
    <row r="102" spans="1:4" ht="18" customHeight="1" x14ac:dyDescent="0.15">
      <c r="A102" s="8" t="s">
        <v>8</v>
      </c>
      <c r="B102" s="21">
        <v>95</v>
      </c>
      <c r="C102" s="6">
        <v>124</v>
      </c>
      <c r="D102" s="5">
        <v>219</v>
      </c>
    </row>
    <row r="103" spans="1:4" ht="18" customHeight="1" x14ac:dyDescent="0.15">
      <c r="A103" s="8">
        <v>80</v>
      </c>
      <c r="B103" s="21">
        <v>14</v>
      </c>
      <c r="C103" s="6">
        <v>13</v>
      </c>
      <c r="D103" s="5">
        <v>27</v>
      </c>
    </row>
    <row r="104" spans="1:4" ht="18" customHeight="1" x14ac:dyDescent="0.15">
      <c r="A104" s="8">
        <v>81</v>
      </c>
      <c r="B104" s="21">
        <v>15</v>
      </c>
      <c r="C104" s="6">
        <v>25</v>
      </c>
      <c r="D104" s="5">
        <v>40</v>
      </c>
    </row>
    <row r="105" spans="1:4" ht="18" customHeight="1" x14ac:dyDescent="0.15">
      <c r="A105" s="8">
        <v>82</v>
      </c>
      <c r="B105" s="21">
        <v>12</v>
      </c>
      <c r="C105" s="6">
        <v>17</v>
      </c>
      <c r="D105" s="5">
        <v>29</v>
      </c>
    </row>
    <row r="106" spans="1:4" ht="18" customHeight="1" x14ac:dyDescent="0.15">
      <c r="A106" s="8">
        <v>83</v>
      </c>
      <c r="B106" s="21">
        <v>12</v>
      </c>
      <c r="C106" s="6">
        <v>16</v>
      </c>
      <c r="D106" s="5">
        <v>28</v>
      </c>
    </row>
    <row r="107" spans="1:4" ht="18" customHeight="1" x14ac:dyDescent="0.15">
      <c r="A107" s="8">
        <v>84</v>
      </c>
      <c r="B107" s="21">
        <v>11</v>
      </c>
      <c r="C107" s="6">
        <v>17</v>
      </c>
      <c r="D107" s="5">
        <v>28</v>
      </c>
    </row>
    <row r="108" spans="1:4" ht="18" customHeight="1" x14ac:dyDescent="0.15">
      <c r="A108" s="8" t="s">
        <v>7</v>
      </c>
      <c r="B108" s="21">
        <v>64</v>
      </c>
      <c r="C108" s="6">
        <v>88</v>
      </c>
      <c r="D108" s="5">
        <v>152</v>
      </c>
    </row>
    <row r="109" spans="1:4" ht="18" customHeight="1" x14ac:dyDescent="0.15">
      <c r="A109" s="8">
        <v>85</v>
      </c>
      <c r="B109" s="21">
        <v>12</v>
      </c>
      <c r="C109" s="6">
        <v>14</v>
      </c>
      <c r="D109" s="5">
        <v>26</v>
      </c>
    </row>
    <row r="110" spans="1:4" ht="18" customHeight="1" x14ac:dyDescent="0.15">
      <c r="A110" s="8">
        <v>86</v>
      </c>
      <c r="B110" s="21">
        <v>13</v>
      </c>
      <c r="C110" s="6">
        <v>10</v>
      </c>
      <c r="D110" s="5">
        <v>23</v>
      </c>
    </row>
    <row r="111" spans="1:4" ht="18" customHeight="1" x14ac:dyDescent="0.15">
      <c r="A111" s="8">
        <v>87</v>
      </c>
      <c r="B111" s="21">
        <v>6</v>
      </c>
      <c r="C111" s="6">
        <v>13</v>
      </c>
      <c r="D111" s="5">
        <v>19</v>
      </c>
    </row>
    <row r="112" spans="1:4" ht="18" customHeight="1" x14ac:dyDescent="0.15">
      <c r="A112" s="8">
        <v>88</v>
      </c>
      <c r="B112" s="21">
        <v>8</v>
      </c>
      <c r="C112" s="6">
        <v>17</v>
      </c>
      <c r="D112" s="5">
        <v>25</v>
      </c>
    </row>
    <row r="113" spans="1:4" ht="18" customHeight="1" x14ac:dyDescent="0.15">
      <c r="A113" s="8">
        <v>89</v>
      </c>
      <c r="B113" s="21">
        <v>8</v>
      </c>
      <c r="C113" s="6">
        <v>16</v>
      </c>
      <c r="D113" s="5">
        <v>24</v>
      </c>
    </row>
    <row r="114" spans="1:4" ht="18" customHeight="1" x14ac:dyDescent="0.15">
      <c r="A114" s="8" t="s">
        <v>6</v>
      </c>
      <c r="B114" s="21">
        <v>47</v>
      </c>
      <c r="C114" s="6">
        <v>70</v>
      </c>
      <c r="D114" s="5">
        <v>117</v>
      </c>
    </row>
    <row r="115" spans="1:4" ht="18" customHeight="1" x14ac:dyDescent="0.15">
      <c r="A115" s="8">
        <v>90</v>
      </c>
      <c r="B115" s="21">
        <v>6</v>
      </c>
      <c r="C115" s="6">
        <v>10</v>
      </c>
      <c r="D115" s="5">
        <v>16</v>
      </c>
    </row>
    <row r="116" spans="1:4" ht="18" customHeight="1" x14ac:dyDescent="0.15">
      <c r="A116" s="8">
        <v>91</v>
      </c>
      <c r="B116" s="21">
        <v>5</v>
      </c>
      <c r="C116" s="6">
        <v>10</v>
      </c>
      <c r="D116" s="5">
        <v>15</v>
      </c>
    </row>
    <row r="117" spans="1:4" ht="18" customHeight="1" x14ac:dyDescent="0.15">
      <c r="A117" s="8">
        <v>92</v>
      </c>
      <c r="B117" s="21">
        <v>4</v>
      </c>
      <c r="C117" s="6">
        <v>13</v>
      </c>
      <c r="D117" s="5">
        <v>17</v>
      </c>
    </row>
    <row r="118" spans="1:4" ht="18" customHeight="1" x14ac:dyDescent="0.15">
      <c r="A118" s="8">
        <v>93</v>
      </c>
      <c r="B118" s="21">
        <v>1</v>
      </c>
      <c r="C118" s="6">
        <v>9</v>
      </c>
      <c r="D118" s="5">
        <v>10</v>
      </c>
    </row>
    <row r="119" spans="1:4" ht="18" customHeight="1" x14ac:dyDescent="0.15">
      <c r="A119" s="8">
        <v>94</v>
      </c>
      <c r="B119" s="21">
        <v>2</v>
      </c>
      <c r="C119" s="6">
        <v>6</v>
      </c>
      <c r="D119" s="5">
        <v>8</v>
      </c>
    </row>
    <row r="120" spans="1:4" ht="18" customHeight="1" x14ac:dyDescent="0.15">
      <c r="A120" s="8" t="s">
        <v>5</v>
      </c>
      <c r="B120" s="21">
        <v>18</v>
      </c>
      <c r="C120" s="6">
        <v>48</v>
      </c>
      <c r="D120" s="5">
        <v>66</v>
      </c>
    </row>
    <row r="121" spans="1:4" ht="18" customHeight="1" x14ac:dyDescent="0.15">
      <c r="A121" s="8">
        <v>95</v>
      </c>
      <c r="B121" s="21">
        <v>3</v>
      </c>
      <c r="C121" s="6">
        <v>5</v>
      </c>
      <c r="D121" s="5">
        <v>8</v>
      </c>
    </row>
    <row r="122" spans="1:4" ht="18" customHeight="1" x14ac:dyDescent="0.15">
      <c r="A122" s="8">
        <v>96</v>
      </c>
      <c r="B122" s="21">
        <v>2</v>
      </c>
      <c r="C122" s="6">
        <v>3</v>
      </c>
      <c r="D122" s="5">
        <v>5</v>
      </c>
    </row>
    <row r="123" spans="1:4" ht="18" customHeight="1" x14ac:dyDescent="0.15">
      <c r="A123" s="8">
        <v>97</v>
      </c>
      <c r="B123" s="21">
        <v>1</v>
      </c>
      <c r="C123" s="6">
        <v>2</v>
      </c>
      <c r="D123" s="5">
        <v>3</v>
      </c>
    </row>
    <row r="124" spans="1:4" ht="18" customHeight="1" x14ac:dyDescent="0.15">
      <c r="A124" s="8">
        <v>98</v>
      </c>
      <c r="B124" s="21">
        <v>1</v>
      </c>
      <c r="C124" s="6">
        <v>3</v>
      </c>
      <c r="D124" s="5">
        <v>4</v>
      </c>
    </row>
    <row r="125" spans="1:4" ht="18" customHeight="1" x14ac:dyDescent="0.15">
      <c r="A125" s="8">
        <v>99</v>
      </c>
      <c r="B125" s="21">
        <v>0</v>
      </c>
      <c r="C125" s="6">
        <v>4</v>
      </c>
      <c r="D125" s="5">
        <v>4</v>
      </c>
    </row>
    <row r="126" spans="1:4" ht="18" customHeight="1" x14ac:dyDescent="0.15">
      <c r="A126" s="8" t="s">
        <v>4</v>
      </c>
      <c r="B126" s="21">
        <v>7</v>
      </c>
      <c r="C126" s="6">
        <v>17</v>
      </c>
      <c r="D126" s="5">
        <v>24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1</v>
      </c>
      <c r="D128" s="5">
        <v>1</v>
      </c>
    </row>
    <row r="129" spans="1:4" ht="18" customHeight="1" x14ac:dyDescent="0.15">
      <c r="A129" s="8" t="s">
        <v>2</v>
      </c>
      <c r="B129" s="21">
        <v>0</v>
      </c>
      <c r="C129" s="6">
        <v>2</v>
      </c>
      <c r="D129" s="5">
        <v>2</v>
      </c>
    </row>
    <row r="130" spans="1:4" ht="18" customHeight="1" x14ac:dyDescent="0.15">
      <c r="A130" s="8" t="s">
        <v>1</v>
      </c>
      <c r="B130" s="21">
        <v>394</v>
      </c>
      <c r="C130" s="6">
        <v>529</v>
      </c>
      <c r="D130" s="5">
        <v>923</v>
      </c>
    </row>
    <row r="131" spans="1:4" ht="18" customHeight="1" x14ac:dyDescent="0.15">
      <c r="A131" s="4" t="s">
        <v>0</v>
      </c>
      <c r="B131" s="20">
        <v>1243</v>
      </c>
      <c r="C131" s="2">
        <v>1308</v>
      </c>
      <c r="D131" s="1">
        <v>2551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6D4B51-BD6C-439E-85C0-266FE32985FF}">
  <sheetPr codeName="Sheet10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44" t="s">
        <v>119</v>
      </c>
      <c r="B1" s="46"/>
      <c r="C1" s="46"/>
      <c r="D1" s="46"/>
    </row>
    <row r="2" spans="1:4" ht="14.25" customHeight="1" x14ac:dyDescent="0.15">
      <c r="A2" s="19"/>
    </row>
    <row r="3" spans="1:4" ht="20.25" customHeight="1" x14ac:dyDescent="0.15">
      <c r="A3" s="18"/>
      <c r="B3" s="45" t="s">
        <v>30</v>
      </c>
      <c r="C3" s="45"/>
      <c r="D3" s="45"/>
    </row>
    <row r="4" spans="1:4" ht="18" customHeight="1" x14ac:dyDescent="0.15">
      <c r="A4" s="17" t="s">
        <v>29</v>
      </c>
      <c r="B4" s="25" t="s">
        <v>28</v>
      </c>
      <c r="C4" s="24" t="s">
        <v>27</v>
      </c>
      <c r="D4" s="23" t="s">
        <v>26</v>
      </c>
    </row>
    <row r="5" spans="1:4" ht="18" customHeight="1" x14ac:dyDescent="0.15">
      <c r="A5" s="13">
        <v>0</v>
      </c>
      <c r="B5" s="32">
        <v>1</v>
      </c>
      <c r="C5" s="31">
        <v>1</v>
      </c>
      <c r="D5" s="30">
        <v>2</v>
      </c>
    </row>
    <row r="6" spans="1:4" ht="18" customHeight="1" x14ac:dyDescent="0.15">
      <c r="A6" s="8">
        <v>1</v>
      </c>
      <c r="B6" s="26">
        <v>3</v>
      </c>
      <c r="C6" s="6">
        <v>2</v>
      </c>
      <c r="D6" s="5">
        <v>5</v>
      </c>
    </row>
    <row r="7" spans="1:4" ht="18" customHeight="1" x14ac:dyDescent="0.15">
      <c r="A7" s="8">
        <v>2</v>
      </c>
      <c r="B7" s="26">
        <v>1</v>
      </c>
      <c r="C7" s="6">
        <v>3</v>
      </c>
      <c r="D7" s="5">
        <v>4</v>
      </c>
    </row>
    <row r="8" spans="1:4" ht="18" customHeight="1" x14ac:dyDescent="0.15">
      <c r="A8" s="8">
        <v>3</v>
      </c>
      <c r="B8" s="26">
        <v>0</v>
      </c>
      <c r="C8" s="6">
        <v>0</v>
      </c>
      <c r="D8" s="5">
        <v>0</v>
      </c>
    </row>
    <row r="9" spans="1:4" ht="18" customHeight="1" x14ac:dyDescent="0.15">
      <c r="A9" s="8">
        <v>4</v>
      </c>
      <c r="B9" s="29">
        <v>1</v>
      </c>
      <c r="C9" s="28">
        <v>4</v>
      </c>
      <c r="D9" s="27">
        <v>5</v>
      </c>
    </row>
    <row r="10" spans="1:4" ht="18" customHeight="1" x14ac:dyDescent="0.15">
      <c r="A10" s="8" t="s">
        <v>25</v>
      </c>
      <c r="B10" s="21">
        <v>6</v>
      </c>
      <c r="C10" s="6">
        <v>10</v>
      </c>
      <c r="D10" s="5">
        <v>16</v>
      </c>
    </row>
    <row r="11" spans="1:4" ht="18" customHeight="1" x14ac:dyDescent="0.15">
      <c r="A11" s="8">
        <v>5</v>
      </c>
      <c r="B11" s="26">
        <v>2</v>
      </c>
      <c r="C11" s="6">
        <v>3</v>
      </c>
      <c r="D11" s="5">
        <v>5</v>
      </c>
    </row>
    <row r="12" spans="1:4" ht="18" customHeight="1" x14ac:dyDescent="0.15">
      <c r="A12" s="8">
        <v>6</v>
      </c>
      <c r="B12" s="26">
        <v>1</v>
      </c>
      <c r="C12" s="6">
        <v>2</v>
      </c>
      <c r="D12" s="5">
        <v>3</v>
      </c>
    </row>
    <row r="13" spans="1:4" ht="18" customHeight="1" x14ac:dyDescent="0.15">
      <c r="A13" s="8">
        <v>7</v>
      </c>
      <c r="B13" s="26">
        <v>0</v>
      </c>
      <c r="C13" s="6">
        <v>1</v>
      </c>
      <c r="D13" s="5">
        <v>1</v>
      </c>
    </row>
    <row r="14" spans="1:4" ht="18" customHeight="1" x14ac:dyDescent="0.15">
      <c r="A14" s="8">
        <v>8</v>
      </c>
      <c r="B14" s="26">
        <v>2</v>
      </c>
      <c r="C14" s="6">
        <v>2</v>
      </c>
      <c r="D14" s="5">
        <v>4</v>
      </c>
    </row>
    <row r="15" spans="1:4" ht="18" customHeight="1" x14ac:dyDescent="0.15">
      <c r="A15" s="8">
        <v>9</v>
      </c>
      <c r="B15" s="26">
        <v>2</v>
      </c>
      <c r="C15" s="6">
        <v>1</v>
      </c>
      <c r="D15" s="5">
        <v>3</v>
      </c>
    </row>
    <row r="16" spans="1:4" ht="18" customHeight="1" x14ac:dyDescent="0.15">
      <c r="A16" s="8" t="s">
        <v>24</v>
      </c>
      <c r="B16" s="21">
        <v>7</v>
      </c>
      <c r="C16" s="6">
        <v>9</v>
      </c>
      <c r="D16" s="5">
        <v>16</v>
      </c>
    </row>
    <row r="17" spans="1:4" ht="18" customHeight="1" x14ac:dyDescent="0.15">
      <c r="A17" s="8">
        <v>10</v>
      </c>
      <c r="B17" s="21">
        <v>2</v>
      </c>
      <c r="C17" s="6">
        <v>1</v>
      </c>
      <c r="D17" s="5">
        <v>3</v>
      </c>
    </row>
    <row r="18" spans="1:4" ht="18" customHeight="1" x14ac:dyDescent="0.15">
      <c r="A18" s="8">
        <v>11</v>
      </c>
      <c r="B18" s="21">
        <v>2</v>
      </c>
      <c r="C18" s="6">
        <v>4</v>
      </c>
      <c r="D18" s="5">
        <v>6</v>
      </c>
    </row>
    <row r="19" spans="1:4" ht="18" customHeight="1" x14ac:dyDescent="0.15">
      <c r="A19" s="8">
        <v>12</v>
      </c>
      <c r="B19" s="21">
        <v>2</v>
      </c>
      <c r="C19" s="6">
        <v>1</v>
      </c>
      <c r="D19" s="5">
        <v>3</v>
      </c>
    </row>
    <row r="20" spans="1:4" ht="18" customHeight="1" x14ac:dyDescent="0.15">
      <c r="A20" s="8">
        <v>13</v>
      </c>
      <c r="B20" s="21">
        <v>3</v>
      </c>
      <c r="C20" s="6">
        <v>2</v>
      </c>
      <c r="D20" s="5">
        <v>5</v>
      </c>
    </row>
    <row r="21" spans="1:4" ht="18" customHeight="1" x14ac:dyDescent="0.15">
      <c r="A21" s="8">
        <v>14</v>
      </c>
      <c r="B21" s="21">
        <v>7</v>
      </c>
      <c r="C21" s="6">
        <v>2</v>
      </c>
      <c r="D21" s="5">
        <v>9</v>
      </c>
    </row>
    <row r="22" spans="1:4" ht="18" customHeight="1" x14ac:dyDescent="0.15">
      <c r="A22" s="8" t="s">
        <v>23</v>
      </c>
      <c r="B22" s="21">
        <v>16</v>
      </c>
      <c r="C22" s="6">
        <v>10</v>
      </c>
      <c r="D22" s="5">
        <v>26</v>
      </c>
    </row>
    <row r="23" spans="1:4" ht="18" customHeight="1" x14ac:dyDescent="0.15">
      <c r="A23" s="8" t="s">
        <v>22</v>
      </c>
      <c r="B23" s="21">
        <v>29</v>
      </c>
      <c r="C23" s="6">
        <v>29</v>
      </c>
      <c r="D23" s="5">
        <v>58</v>
      </c>
    </row>
    <row r="24" spans="1:4" ht="18" customHeight="1" x14ac:dyDescent="0.15">
      <c r="A24" s="8">
        <v>15</v>
      </c>
      <c r="B24" s="21">
        <v>8</v>
      </c>
      <c r="C24" s="6">
        <v>1</v>
      </c>
      <c r="D24" s="5">
        <v>9</v>
      </c>
    </row>
    <row r="25" spans="1:4" ht="18" customHeight="1" x14ac:dyDescent="0.15">
      <c r="A25" s="8">
        <v>16</v>
      </c>
      <c r="B25" s="21">
        <v>7</v>
      </c>
      <c r="C25" s="6">
        <v>2</v>
      </c>
      <c r="D25" s="5">
        <v>9</v>
      </c>
    </row>
    <row r="26" spans="1:4" ht="18" customHeight="1" x14ac:dyDescent="0.15">
      <c r="A26" s="8">
        <v>17</v>
      </c>
      <c r="B26" s="21">
        <v>4</v>
      </c>
      <c r="C26" s="6">
        <v>2</v>
      </c>
      <c r="D26" s="5">
        <v>6</v>
      </c>
    </row>
    <row r="27" spans="1:4" ht="18" customHeight="1" x14ac:dyDescent="0.15">
      <c r="A27" s="8">
        <v>18</v>
      </c>
      <c r="B27" s="21">
        <v>6</v>
      </c>
      <c r="C27" s="6">
        <v>3</v>
      </c>
      <c r="D27" s="5">
        <v>9</v>
      </c>
    </row>
    <row r="28" spans="1:4" ht="18" customHeight="1" x14ac:dyDescent="0.15">
      <c r="A28" s="8">
        <v>19</v>
      </c>
      <c r="B28" s="21">
        <v>8</v>
      </c>
      <c r="C28" s="6">
        <v>7</v>
      </c>
      <c r="D28" s="5">
        <v>15</v>
      </c>
    </row>
    <row r="29" spans="1:4" ht="18" customHeight="1" x14ac:dyDescent="0.15">
      <c r="A29" s="8" t="s">
        <v>21</v>
      </c>
      <c r="B29" s="21">
        <v>33</v>
      </c>
      <c r="C29" s="6">
        <v>15</v>
      </c>
      <c r="D29" s="5">
        <v>48</v>
      </c>
    </row>
    <row r="30" spans="1:4" ht="18" customHeight="1" x14ac:dyDescent="0.15">
      <c r="A30" s="8">
        <v>20</v>
      </c>
      <c r="B30" s="21">
        <v>6</v>
      </c>
      <c r="C30" s="6">
        <v>2</v>
      </c>
      <c r="D30" s="5">
        <v>8</v>
      </c>
    </row>
    <row r="31" spans="1:4" ht="18" customHeight="1" x14ac:dyDescent="0.15">
      <c r="A31" s="8">
        <v>21</v>
      </c>
      <c r="B31" s="21">
        <v>7</v>
      </c>
      <c r="C31" s="6">
        <v>5</v>
      </c>
      <c r="D31" s="5">
        <v>12</v>
      </c>
    </row>
    <row r="32" spans="1:4" ht="18" customHeight="1" x14ac:dyDescent="0.15">
      <c r="A32" s="8">
        <v>22</v>
      </c>
      <c r="B32" s="21">
        <v>5</v>
      </c>
      <c r="C32" s="6">
        <v>7</v>
      </c>
      <c r="D32" s="5">
        <v>12</v>
      </c>
    </row>
    <row r="33" spans="1:4" ht="18" customHeight="1" x14ac:dyDescent="0.15">
      <c r="A33" s="8">
        <v>23</v>
      </c>
      <c r="B33" s="21">
        <v>1</v>
      </c>
      <c r="C33" s="6">
        <v>4</v>
      </c>
      <c r="D33" s="5">
        <v>5</v>
      </c>
    </row>
    <row r="34" spans="1:4" ht="18" customHeight="1" x14ac:dyDescent="0.15">
      <c r="A34" s="8">
        <v>24</v>
      </c>
      <c r="B34" s="21">
        <v>1</v>
      </c>
      <c r="C34" s="6">
        <v>2</v>
      </c>
      <c r="D34" s="5">
        <v>3</v>
      </c>
    </row>
    <row r="35" spans="1:4" ht="18" customHeight="1" x14ac:dyDescent="0.15">
      <c r="A35" s="8" t="s">
        <v>20</v>
      </c>
      <c r="B35" s="21">
        <v>20</v>
      </c>
      <c r="C35" s="6">
        <v>20</v>
      </c>
      <c r="D35" s="5">
        <v>40</v>
      </c>
    </row>
    <row r="36" spans="1:4" ht="18" customHeight="1" x14ac:dyDescent="0.15">
      <c r="A36" s="8">
        <v>25</v>
      </c>
      <c r="B36" s="21">
        <v>3</v>
      </c>
      <c r="C36" s="6">
        <v>3</v>
      </c>
      <c r="D36" s="5">
        <v>6</v>
      </c>
    </row>
    <row r="37" spans="1:4" ht="18" customHeight="1" x14ac:dyDescent="0.15">
      <c r="A37" s="8">
        <v>26</v>
      </c>
      <c r="B37" s="21">
        <v>2</v>
      </c>
      <c r="C37" s="6">
        <v>2</v>
      </c>
      <c r="D37" s="5">
        <v>4</v>
      </c>
    </row>
    <row r="38" spans="1:4" ht="18" customHeight="1" x14ac:dyDescent="0.15">
      <c r="A38" s="8">
        <v>27</v>
      </c>
      <c r="B38" s="21">
        <v>5</v>
      </c>
      <c r="C38" s="6">
        <v>3</v>
      </c>
      <c r="D38" s="5">
        <v>8</v>
      </c>
    </row>
    <row r="39" spans="1:4" ht="18" customHeight="1" x14ac:dyDescent="0.15">
      <c r="A39" s="8">
        <v>28</v>
      </c>
      <c r="B39" s="21">
        <v>4</v>
      </c>
      <c r="C39" s="6">
        <v>0</v>
      </c>
      <c r="D39" s="5">
        <v>4</v>
      </c>
    </row>
    <row r="40" spans="1:4" ht="18" customHeight="1" x14ac:dyDescent="0.15">
      <c r="A40" s="8">
        <v>29</v>
      </c>
      <c r="B40" s="21">
        <v>4</v>
      </c>
      <c r="C40" s="6">
        <v>5</v>
      </c>
      <c r="D40" s="5">
        <v>9</v>
      </c>
    </row>
    <row r="41" spans="1:4" ht="18" customHeight="1" x14ac:dyDescent="0.15">
      <c r="A41" s="8" t="s">
        <v>19</v>
      </c>
      <c r="B41" s="21">
        <v>18</v>
      </c>
      <c r="C41" s="6">
        <v>13</v>
      </c>
      <c r="D41" s="5">
        <v>31</v>
      </c>
    </row>
    <row r="42" spans="1:4" ht="18" customHeight="1" x14ac:dyDescent="0.15">
      <c r="A42" s="8">
        <v>30</v>
      </c>
      <c r="B42" s="21">
        <v>5</v>
      </c>
      <c r="C42" s="6">
        <v>4</v>
      </c>
      <c r="D42" s="5">
        <v>9</v>
      </c>
    </row>
    <row r="43" spans="1:4" ht="18" customHeight="1" x14ac:dyDescent="0.15">
      <c r="A43" s="8">
        <v>31</v>
      </c>
      <c r="B43" s="21">
        <v>1</v>
      </c>
      <c r="C43" s="6">
        <v>6</v>
      </c>
      <c r="D43" s="5">
        <v>7</v>
      </c>
    </row>
    <row r="44" spans="1:4" ht="18" customHeight="1" x14ac:dyDescent="0.15">
      <c r="A44" s="8">
        <v>32</v>
      </c>
      <c r="B44" s="21">
        <v>1</v>
      </c>
      <c r="C44" s="6">
        <v>3</v>
      </c>
      <c r="D44" s="5">
        <v>4</v>
      </c>
    </row>
    <row r="45" spans="1:4" ht="18" customHeight="1" x14ac:dyDescent="0.15">
      <c r="A45" s="8">
        <v>33</v>
      </c>
      <c r="B45" s="21">
        <v>4</v>
      </c>
      <c r="C45" s="6">
        <v>4</v>
      </c>
      <c r="D45" s="5">
        <v>8</v>
      </c>
    </row>
    <row r="46" spans="1:4" ht="18" customHeight="1" x14ac:dyDescent="0.15">
      <c r="A46" s="8">
        <v>34</v>
      </c>
      <c r="B46" s="21">
        <v>7</v>
      </c>
      <c r="C46" s="6">
        <v>1</v>
      </c>
      <c r="D46" s="5">
        <v>8</v>
      </c>
    </row>
    <row r="47" spans="1:4" ht="18" customHeight="1" x14ac:dyDescent="0.15">
      <c r="A47" s="8" t="s">
        <v>18</v>
      </c>
      <c r="B47" s="21">
        <v>18</v>
      </c>
      <c r="C47" s="6">
        <v>18</v>
      </c>
      <c r="D47" s="5">
        <v>36</v>
      </c>
    </row>
    <row r="48" spans="1:4" ht="18" customHeight="1" x14ac:dyDescent="0.15">
      <c r="A48" s="8">
        <v>35</v>
      </c>
      <c r="B48" s="21">
        <v>2</v>
      </c>
      <c r="C48" s="6">
        <v>2</v>
      </c>
      <c r="D48" s="5">
        <v>4</v>
      </c>
    </row>
    <row r="49" spans="1:4" ht="18" customHeight="1" x14ac:dyDescent="0.15">
      <c r="A49" s="8">
        <v>36</v>
      </c>
      <c r="B49" s="21">
        <v>3</v>
      </c>
      <c r="C49" s="6">
        <v>1</v>
      </c>
      <c r="D49" s="5">
        <v>4</v>
      </c>
    </row>
    <row r="50" spans="1:4" ht="18" customHeight="1" x14ac:dyDescent="0.15">
      <c r="A50" s="8">
        <v>37</v>
      </c>
      <c r="B50" s="21">
        <v>4</v>
      </c>
      <c r="C50" s="6">
        <v>4</v>
      </c>
      <c r="D50" s="5">
        <v>8</v>
      </c>
    </row>
    <row r="51" spans="1:4" ht="18" customHeight="1" x14ac:dyDescent="0.15">
      <c r="A51" s="8">
        <v>38</v>
      </c>
      <c r="B51" s="21">
        <v>3</v>
      </c>
      <c r="C51" s="6">
        <v>0</v>
      </c>
      <c r="D51" s="5">
        <v>3</v>
      </c>
    </row>
    <row r="52" spans="1:4" ht="18" customHeight="1" x14ac:dyDescent="0.15">
      <c r="A52" s="8">
        <v>39</v>
      </c>
      <c r="B52" s="21">
        <v>5</v>
      </c>
      <c r="C52" s="6">
        <v>7</v>
      </c>
      <c r="D52" s="5">
        <v>12</v>
      </c>
    </row>
    <row r="53" spans="1:4" ht="18" customHeight="1" x14ac:dyDescent="0.15">
      <c r="A53" s="8" t="s">
        <v>17</v>
      </c>
      <c r="B53" s="21">
        <v>17</v>
      </c>
      <c r="C53" s="6">
        <v>14</v>
      </c>
      <c r="D53" s="5">
        <v>31</v>
      </c>
    </row>
    <row r="54" spans="1:4" ht="18" customHeight="1" x14ac:dyDescent="0.15">
      <c r="A54" s="8">
        <v>40</v>
      </c>
      <c r="B54" s="21">
        <v>7</v>
      </c>
      <c r="C54" s="6">
        <v>3</v>
      </c>
      <c r="D54" s="5">
        <v>10</v>
      </c>
    </row>
    <row r="55" spans="1:4" ht="18" customHeight="1" x14ac:dyDescent="0.15">
      <c r="A55" s="8">
        <v>41</v>
      </c>
      <c r="B55" s="21">
        <v>3</v>
      </c>
      <c r="C55" s="6">
        <v>6</v>
      </c>
      <c r="D55" s="5">
        <v>9</v>
      </c>
    </row>
    <row r="56" spans="1:4" ht="18" customHeight="1" x14ac:dyDescent="0.15">
      <c r="A56" s="8">
        <v>42</v>
      </c>
      <c r="B56" s="21">
        <v>9</v>
      </c>
      <c r="C56" s="6">
        <v>0</v>
      </c>
      <c r="D56" s="5">
        <v>9</v>
      </c>
    </row>
    <row r="57" spans="1:4" ht="18" customHeight="1" x14ac:dyDescent="0.15">
      <c r="A57" s="8">
        <v>43</v>
      </c>
      <c r="B57" s="21">
        <v>4</v>
      </c>
      <c r="C57" s="6">
        <v>1</v>
      </c>
      <c r="D57" s="5">
        <v>5</v>
      </c>
    </row>
    <row r="58" spans="1:4" ht="18" customHeight="1" x14ac:dyDescent="0.15">
      <c r="A58" s="8">
        <v>44</v>
      </c>
      <c r="B58" s="21">
        <v>5</v>
      </c>
      <c r="C58" s="6">
        <v>3</v>
      </c>
      <c r="D58" s="5">
        <v>8</v>
      </c>
    </row>
    <row r="59" spans="1:4" ht="18" customHeight="1" x14ac:dyDescent="0.15">
      <c r="A59" s="8" t="s">
        <v>16</v>
      </c>
      <c r="B59" s="21">
        <v>28</v>
      </c>
      <c r="C59" s="6">
        <v>13</v>
      </c>
      <c r="D59" s="5">
        <v>41</v>
      </c>
    </row>
    <row r="60" spans="1:4" ht="18" customHeight="1" x14ac:dyDescent="0.15">
      <c r="A60" s="8">
        <v>45</v>
      </c>
      <c r="B60" s="21">
        <v>4</v>
      </c>
      <c r="C60" s="6">
        <v>9</v>
      </c>
      <c r="D60" s="5">
        <v>13</v>
      </c>
    </row>
    <row r="61" spans="1:4" ht="18" customHeight="1" x14ac:dyDescent="0.15">
      <c r="A61" s="8">
        <v>46</v>
      </c>
      <c r="B61" s="21">
        <v>6</v>
      </c>
      <c r="C61" s="6">
        <v>6</v>
      </c>
      <c r="D61" s="5">
        <v>12</v>
      </c>
    </row>
    <row r="62" spans="1:4" ht="18" customHeight="1" x14ac:dyDescent="0.15">
      <c r="A62" s="8">
        <v>47</v>
      </c>
      <c r="B62" s="21">
        <v>7</v>
      </c>
      <c r="C62" s="6">
        <v>4</v>
      </c>
      <c r="D62" s="5">
        <v>11</v>
      </c>
    </row>
    <row r="63" spans="1:4" ht="18" customHeight="1" x14ac:dyDescent="0.15">
      <c r="A63" s="8">
        <v>48</v>
      </c>
      <c r="B63" s="21">
        <v>4</v>
      </c>
      <c r="C63" s="6">
        <v>2</v>
      </c>
      <c r="D63" s="5">
        <v>6</v>
      </c>
    </row>
    <row r="64" spans="1:4" ht="18" customHeight="1" x14ac:dyDescent="0.15">
      <c r="A64" s="8">
        <v>49</v>
      </c>
      <c r="B64" s="21">
        <v>13</v>
      </c>
      <c r="C64" s="6">
        <v>6</v>
      </c>
      <c r="D64" s="5">
        <v>19</v>
      </c>
    </row>
    <row r="65" spans="1:4" ht="18" customHeight="1" x14ac:dyDescent="0.15">
      <c r="A65" s="8" t="s">
        <v>15</v>
      </c>
      <c r="B65" s="21">
        <v>34</v>
      </c>
      <c r="C65" s="6">
        <v>27</v>
      </c>
      <c r="D65" s="5">
        <v>61</v>
      </c>
    </row>
    <row r="66" spans="1:4" ht="18" customHeight="1" x14ac:dyDescent="0.15">
      <c r="A66" s="8">
        <v>50</v>
      </c>
      <c r="B66" s="21">
        <v>7</v>
      </c>
      <c r="C66" s="6">
        <v>6</v>
      </c>
      <c r="D66" s="5">
        <v>13</v>
      </c>
    </row>
    <row r="67" spans="1:4" ht="18" customHeight="1" x14ac:dyDescent="0.15">
      <c r="A67" s="8">
        <v>51</v>
      </c>
      <c r="B67" s="21">
        <v>7</v>
      </c>
      <c r="C67" s="6">
        <v>7</v>
      </c>
      <c r="D67" s="5">
        <v>14</v>
      </c>
    </row>
    <row r="68" spans="1:4" ht="18" customHeight="1" x14ac:dyDescent="0.15">
      <c r="A68" s="8">
        <v>52</v>
      </c>
      <c r="B68" s="21">
        <v>10</v>
      </c>
      <c r="C68" s="6">
        <v>10</v>
      </c>
      <c r="D68" s="5">
        <v>20</v>
      </c>
    </row>
    <row r="69" spans="1:4" ht="18" customHeight="1" x14ac:dyDescent="0.15">
      <c r="A69" s="8">
        <v>53</v>
      </c>
      <c r="B69" s="21">
        <v>10</v>
      </c>
      <c r="C69" s="6">
        <v>8</v>
      </c>
      <c r="D69" s="5">
        <v>18</v>
      </c>
    </row>
    <row r="70" spans="1:4" ht="18" customHeight="1" x14ac:dyDescent="0.15">
      <c r="A70" s="8">
        <v>54</v>
      </c>
      <c r="B70" s="21">
        <v>3</v>
      </c>
      <c r="C70" s="6">
        <v>11</v>
      </c>
      <c r="D70" s="5">
        <v>14</v>
      </c>
    </row>
    <row r="71" spans="1:4" ht="18" customHeight="1" x14ac:dyDescent="0.15">
      <c r="A71" s="8" t="s">
        <v>14</v>
      </c>
      <c r="B71" s="21">
        <v>37</v>
      </c>
      <c r="C71" s="6">
        <v>42</v>
      </c>
      <c r="D71" s="5">
        <v>79</v>
      </c>
    </row>
    <row r="72" spans="1:4" ht="18" customHeight="1" x14ac:dyDescent="0.15">
      <c r="A72" s="8">
        <v>55</v>
      </c>
      <c r="B72" s="21">
        <v>6</v>
      </c>
      <c r="C72" s="6">
        <v>10</v>
      </c>
      <c r="D72" s="5">
        <v>16</v>
      </c>
    </row>
    <row r="73" spans="1:4" ht="18" customHeight="1" x14ac:dyDescent="0.15">
      <c r="A73" s="8">
        <v>56</v>
      </c>
      <c r="B73" s="21">
        <v>9</v>
      </c>
      <c r="C73" s="6">
        <v>8</v>
      </c>
      <c r="D73" s="5">
        <v>17</v>
      </c>
    </row>
    <row r="74" spans="1:4" ht="18" customHeight="1" x14ac:dyDescent="0.15">
      <c r="A74" s="8">
        <v>57</v>
      </c>
      <c r="B74" s="21">
        <v>7</v>
      </c>
      <c r="C74" s="6">
        <v>6</v>
      </c>
      <c r="D74" s="5">
        <v>13</v>
      </c>
    </row>
    <row r="75" spans="1:4" ht="18" customHeight="1" x14ac:dyDescent="0.15">
      <c r="A75" s="8">
        <v>58</v>
      </c>
      <c r="B75" s="21">
        <v>7</v>
      </c>
      <c r="C75" s="6">
        <v>10</v>
      </c>
      <c r="D75" s="5">
        <v>17</v>
      </c>
    </row>
    <row r="76" spans="1:4" ht="18" customHeight="1" x14ac:dyDescent="0.15">
      <c r="A76" s="8">
        <v>59</v>
      </c>
      <c r="B76" s="21">
        <v>5</v>
      </c>
      <c r="C76" s="6">
        <v>6</v>
      </c>
      <c r="D76" s="5">
        <v>11</v>
      </c>
    </row>
    <row r="77" spans="1:4" ht="18" customHeight="1" x14ac:dyDescent="0.15">
      <c r="A77" s="8" t="s">
        <v>13</v>
      </c>
      <c r="B77" s="21">
        <v>34</v>
      </c>
      <c r="C77" s="6">
        <v>40</v>
      </c>
      <c r="D77" s="5">
        <v>74</v>
      </c>
    </row>
    <row r="78" spans="1:4" ht="18" customHeight="1" x14ac:dyDescent="0.15">
      <c r="A78" s="8">
        <v>60</v>
      </c>
      <c r="B78" s="21">
        <v>2</v>
      </c>
      <c r="C78" s="6">
        <v>7</v>
      </c>
      <c r="D78" s="5">
        <v>9</v>
      </c>
    </row>
    <row r="79" spans="1:4" ht="18" customHeight="1" x14ac:dyDescent="0.15">
      <c r="A79" s="8">
        <v>61</v>
      </c>
      <c r="B79" s="21">
        <v>7</v>
      </c>
      <c r="C79" s="6">
        <v>6</v>
      </c>
      <c r="D79" s="5">
        <v>13</v>
      </c>
    </row>
    <row r="80" spans="1:4" ht="18" customHeight="1" x14ac:dyDescent="0.15">
      <c r="A80" s="8">
        <v>62</v>
      </c>
      <c r="B80" s="21">
        <v>7</v>
      </c>
      <c r="C80" s="6">
        <v>8</v>
      </c>
      <c r="D80" s="5">
        <v>15</v>
      </c>
    </row>
    <row r="81" spans="1:4" ht="18" customHeight="1" x14ac:dyDescent="0.15">
      <c r="A81" s="8">
        <v>63</v>
      </c>
      <c r="B81" s="21">
        <v>10</v>
      </c>
      <c r="C81" s="6">
        <v>5</v>
      </c>
      <c r="D81" s="5">
        <v>15</v>
      </c>
    </row>
    <row r="82" spans="1:4" ht="18" customHeight="1" x14ac:dyDescent="0.15">
      <c r="A82" s="8">
        <v>64</v>
      </c>
      <c r="B82" s="21">
        <v>6</v>
      </c>
      <c r="C82" s="6">
        <v>8</v>
      </c>
      <c r="D82" s="5">
        <v>14</v>
      </c>
    </row>
    <row r="83" spans="1:4" ht="18" customHeight="1" x14ac:dyDescent="0.15">
      <c r="A83" s="8" t="s">
        <v>12</v>
      </c>
      <c r="B83" s="21">
        <v>32</v>
      </c>
      <c r="C83" s="6">
        <v>34</v>
      </c>
      <c r="D83" s="5">
        <v>66</v>
      </c>
    </row>
    <row r="84" spans="1:4" ht="18" customHeight="1" x14ac:dyDescent="0.15">
      <c r="A84" s="8" t="s">
        <v>11</v>
      </c>
      <c r="B84" s="21">
        <v>271</v>
      </c>
      <c r="C84" s="6">
        <v>236</v>
      </c>
      <c r="D84" s="5">
        <v>507</v>
      </c>
    </row>
    <row r="85" spans="1:4" ht="18" customHeight="1" x14ac:dyDescent="0.15">
      <c r="A85" s="8">
        <v>65</v>
      </c>
      <c r="B85" s="21">
        <v>5</v>
      </c>
      <c r="C85" s="6">
        <v>5</v>
      </c>
      <c r="D85" s="5">
        <v>10</v>
      </c>
    </row>
    <row r="86" spans="1:4" ht="18" customHeight="1" x14ac:dyDescent="0.15">
      <c r="A86" s="8">
        <v>66</v>
      </c>
      <c r="B86" s="21">
        <v>6</v>
      </c>
      <c r="C86" s="6">
        <v>12</v>
      </c>
      <c r="D86" s="5">
        <v>18</v>
      </c>
    </row>
    <row r="87" spans="1:4" ht="18" customHeight="1" x14ac:dyDescent="0.15">
      <c r="A87" s="8">
        <v>67</v>
      </c>
      <c r="B87" s="21">
        <v>9</v>
      </c>
      <c r="C87" s="6">
        <v>9</v>
      </c>
      <c r="D87" s="5">
        <v>18</v>
      </c>
    </row>
    <row r="88" spans="1:4" ht="18" customHeight="1" x14ac:dyDescent="0.15">
      <c r="A88" s="8">
        <v>68</v>
      </c>
      <c r="B88" s="21">
        <v>9</v>
      </c>
      <c r="C88" s="6">
        <v>6</v>
      </c>
      <c r="D88" s="5">
        <v>15</v>
      </c>
    </row>
    <row r="89" spans="1:4" ht="18" customHeight="1" x14ac:dyDescent="0.15">
      <c r="A89" s="8">
        <v>69</v>
      </c>
      <c r="B89" s="21">
        <v>6</v>
      </c>
      <c r="C89" s="6">
        <v>7</v>
      </c>
      <c r="D89" s="5">
        <v>13</v>
      </c>
    </row>
    <row r="90" spans="1:4" ht="18" customHeight="1" x14ac:dyDescent="0.15">
      <c r="A90" s="8" t="s">
        <v>10</v>
      </c>
      <c r="B90" s="21">
        <v>35</v>
      </c>
      <c r="C90" s="6">
        <v>39</v>
      </c>
      <c r="D90" s="5">
        <v>74</v>
      </c>
    </row>
    <row r="91" spans="1:4" ht="18" customHeight="1" x14ac:dyDescent="0.15">
      <c r="A91" s="8">
        <v>70</v>
      </c>
      <c r="B91" s="21">
        <v>4</v>
      </c>
      <c r="C91" s="6">
        <v>11</v>
      </c>
      <c r="D91" s="5">
        <v>15</v>
      </c>
    </row>
    <row r="92" spans="1:4" ht="18" customHeight="1" x14ac:dyDescent="0.15">
      <c r="A92" s="8">
        <v>71</v>
      </c>
      <c r="B92" s="21">
        <v>14</v>
      </c>
      <c r="C92" s="6">
        <v>14</v>
      </c>
      <c r="D92" s="5">
        <v>28</v>
      </c>
    </row>
    <row r="93" spans="1:4" ht="18" customHeight="1" x14ac:dyDescent="0.15">
      <c r="A93" s="8">
        <v>72</v>
      </c>
      <c r="B93" s="21">
        <v>15</v>
      </c>
      <c r="C93" s="6">
        <v>9</v>
      </c>
      <c r="D93" s="5">
        <v>24</v>
      </c>
    </row>
    <row r="94" spans="1:4" ht="18" customHeight="1" x14ac:dyDescent="0.15">
      <c r="A94" s="8">
        <v>73</v>
      </c>
      <c r="B94" s="21">
        <v>12</v>
      </c>
      <c r="C94" s="6">
        <v>4</v>
      </c>
      <c r="D94" s="5">
        <v>16</v>
      </c>
    </row>
    <row r="95" spans="1:4" ht="18" customHeight="1" x14ac:dyDescent="0.15">
      <c r="A95" s="8">
        <v>74</v>
      </c>
      <c r="B95" s="21">
        <v>10</v>
      </c>
      <c r="C95" s="6">
        <v>13</v>
      </c>
      <c r="D95" s="5">
        <v>23</v>
      </c>
    </row>
    <row r="96" spans="1:4" ht="18" customHeight="1" x14ac:dyDescent="0.15">
      <c r="A96" s="8" t="s">
        <v>9</v>
      </c>
      <c r="B96" s="21">
        <v>55</v>
      </c>
      <c r="C96" s="6">
        <v>51</v>
      </c>
      <c r="D96" s="5">
        <v>106</v>
      </c>
    </row>
    <row r="97" spans="1:4" ht="18" customHeight="1" x14ac:dyDescent="0.15">
      <c r="A97" s="8">
        <v>75</v>
      </c>
      <c r="B97" s="21">
        <v>10</v>
      </c>
      <c r="C97" s="6">
        <v>13</v>
      </c>
      <c r="D97" s="5">
        <v>23</v>
      </c>
    </row>
    <row r="98" spans="1:4" ht="18" customHeight="1" x14ac:dyDescent="0.15">
      <c r="A98" s="8">
        <v>76</v>
      </c>
      <c r="B98" s="21">
        <v>13</v>
      </c>
      <c r="C98" s="6">
        <v>12</v>
      </c>
      <c r="D98" s="5">
        <v>25</v>
      </c>
    </row>
    <row r="99" spans="1:4" ht="18" customHeight="1" x14ac:dyDescent="0.15">
      <c r="A99" s="8">
        <v>77</v>
      </c>
      <c r="B99" s="21">
        <v>11</v>
      </c>
      <c r="C99" s="6">
        <v>17</v>
      </c>
      <c r="D99" s="5">
        <v>28</v>
      </c>
    </row>
    <row r="100" spans="1:4" ht="18" customHeight="1" x14ac:dyDescent="0.15">
      <c r="A100" s="8">
        <v>78</v>
      </c>
      <c r="B100" s="21">
        <v>12</v>
      </c>
      <c r="C100" s="6">
        <v>21</v>
      </c>
      <c r="D100" s="5">
        <v>33</v>
      </c>
    </row>
    <row r="101" spans="1:4" ht="18" customHeight="1" x14ac:dyDescent="0.15">
      <c r="A101" s="8">
        <v>79</v>
      </c>
      <c r="B101" s="21">
        <v>12</v>
      </c>
      <c r="C101" s="6">
        <v>10</v>
      </c>
      <c r="D101" s="5">
        <v>22</v>
      </c>
    </row>
    <row r="102" spans="1:4" ht="18" customHeight="1" x14ac:dyDescent="0.15">
      <c r="A102" s="8" t="s">
        <v>8</v>
      </c>
      <c r="B102" s="21">
        <v>58</v>
      </c>
      <c r="C102" s="6">
        <v>73</v>
      </c>
      <c r="D102" s="5">
        <v>131</v>
      </c>
    </row>
    <row r="103" spans="1:4" ht="18" customHeight="1" x14ac:dyDescent="0.15">
      <c r="A103" s="8">
        <v>80</v>
      </c>
      <c r="B103" s="21">
        <v>6</v>
      </c>
      <c r="C103" s="6">
        <v>5</v>
      </c>
      <c r="D103" s="5">
        <v>11</v>
      </c>
    </row>
    <row r="104" spans="1:4" ht="18" customHeight="1" x14ac:dyDescent="0.15">
      <c r="A104" s="8">
        <v>81</v>
      </c>
      <c r="B104" s="21">
        <v>12</v>
      </c>
      <c r="C104" s="6">
        <v>10</v>
      </c>
      <c r="D104" s="5">
        <v>22</v>
      </c>
    </row>
    <row r="105" spans="1:4" ht="18" customHeight="1" x14ac:dyDescent="0.15">
      <c r="A105" s="8">
        <v>82</v>
      </c>
      <c r="B105" s="21">
        <v>4</v>
      </c>
      <c r="C105" s="6">
        <v>13</v>
      </c>
      <c r="D105" s="5">
        <v>17</v>
      </c>
    </row>
    <row r="106" spans="1:4" ht="18" customHeight="1" x14ac:dyDescent="0.15">
      <c r="A106" s="8">
        <v>83</v>
      </c>
      <c r="B106" s="21">
        <v>7</v>
      </c>
      <c r="C106" s="6">
        <v>9</v>
      </c>
      <c r="D106" s="5">
        <v>16</v>
      </c>
    </row>
    <row r="107" spans="1:4" ht="18" customHeight="1" x14ac:dyDescent="0.15">
      <c r="A107" s="8">
        <v>84</v>
      </c>
      <c r="B107" s="21">
        <v>7</v>
      </c>
      <c r="C107" s="6">
        <v>9</v>
      </c>
      <c r="D107" s="5">
        <v>16</v>
      </c>
    </row>
    <row r="108" spans="1:4" ht="18" customHeight="1" x14ac:dyDescent="0.15">
      <c r="A108" s="8" t="s">
        <v>7</v>
      </c>
      <c r="B108" s="21">
        <v>36</v>
      </c>
      <c r="C108" s="6">
        <v>46</v>
      </c>
      <c r="D108" s="5">
        <v>82</v>
      </c>
    </row>
    <row r="109" spans="1:4" ht="18" customHeight="1" x14ac:dyDescent="0.15">
      <c r="A109" s="8">
        <v>85</v>
      </c>
      <c r="B109" s="21">
        <v>1</v>
      </c>
      <c r="C109" s="6">
        <v>3</v>
      </c>
      <c r="D109" s="5">
        <v>4</v>
      </c>
    </row>
    <row r="110" spans="1:4" ht="18" customHeight="1" x14ac:dyDescent="0.15">
      <c r="A110" s="8">
        <v>86</v>
      </c>
      <c r="B110" s="21">
        <v>6</v>
      </c>
      <c r="C110" s="6">
        <v>9</v>
      </c>
      <c r="D110" s="5">
        <v>15</v>
      </c>
    </row>
    <row r="111" spans="1:4" ht="18" customHeight="1" x14ac:dyDescent="0.15">
      <c r="A111" s="8">
        <v>87</v>
      </c>
      <c r="B111" s="21">
        <v>4</v>
      </c>
      <c r="C111" s="6">
        <v>13</v>
      </c>
      <c r="D111" s="5">
        <v>17</v>
      </c>
    </row>
    <row r="112" spans="1:4" ht="18" customHeight="1" x14ac:dyDescent="0.15">
      <c r="A112" s="8">
        <v>88</v>
      </c>
      <c r="B112" s="21">
        <v>3</v>
      </c>
      <c r="C112" s="6">
        <v>5</v>
      </c>
      <c r="D112" s="5">
        <v>8</v>
      </c>
    </row>
    <row r="113" spans="1:4" ht="18" customHeight="1" x14ac:dyDescent="0.15">
      <c r="A113" s="8">
        <v>89</v>
      </c>
      <c r="B113" s="21">
        <v>2</v>
      </c>
      <c r="C113" s="6">
        <v>2</v>
      </c>
      <c r="D113" s="5">
        <v>4</v>
      </c>
    </row>
    <row r="114" spans="1:4" ht="18" customHeight="1" x14ac:dyDescent="0.15">
      <c r="A114" s="8" t="s">
        <v>6</v>
      </c>
      <c r="B114" s="21">
        <v>16</v>
      </c>
      <c r="C114" s="6">
        <v>32</v>
      </c>
      <c r="D114" s="5">
        <v>48</v>
      </c>
    </row>
    <row r="115" spans="1:4" ht="18" customHeight="1" x14ac:dyDescent="0.15">
      <c r="A115" s="8">
        <v>90</v>
      </c>
      <c r="B115" s="21">
        <v>5</v>
      </c>
      <c r="C115" s="6">
        <v>6</v>
      </c>
      <c r="D115" s="5">
        <v>11</v>
      </c>
    </row>
    <row r="116" spans="1:4" ht="18" customHeight="1" x14ac:dyDescent="0.15">
      <c r="A116" s="8">
        <v>91</v>
      </c>
      <c r="B116" s="21">
        <v>2</v>
      </c>
      <c r="C116" s="6">
        <v>5</v>
      </c>
      <c r="D116" s="5">
        <v>7</v>
      </c>
    </row>
    <row r="117" spans="1:4" ht="18" customHeight="1" x14ac:dyDescent="0.15">
      <c r="A117" s="8">
        <v>92</v>
      </c>
      <c r="B117" s="21">
        <v>3</v>
      </c>
      <c r="C117" s="6">
        <v>3</v>
      </c>
      <c r="D117" s="5">
        <v>6</v>
      </c>
    </row>
    <row r="118" spans="1:4" ht="18" customHeight="1" x14ac:dyDescent="0.15">
      <c r="A118" s="8">
        <v>93</v>
      </c>
      <c r="B118" s="21">
        <v>2</v>
      </c>
      <c r="C118" s="6">
        <v>6</v>
      </c>
      <c r="D118" s="5">
        <v>8</v>
      </c>
    </row>
    <row r="119" spans="1:4" ht="18" customHeight="1" x14ac:dyDescent="0.15">
      <c r="A119" s="8">
        <v>94</v>
      </c>
      <c r="B119" s="21">
        <v>0</v>
      </c>
      <c r="C119" s="6">
        <v>9</v>
      </c>
      <c r="D119" s="5">
        <v>9</v>
      </c>
    </row>
    <row r="120" spans="1:4" ht="18" customHeight="1" x14ac:dyDescent="0.15">
      <c r="A120" s="8" t="s">
        <v>5</v>
      </c>
      <c r="B120" s="21">
        <v>12</v>
      </c>
      <c r="C120" s="6">
        <v>29</v>
      </c>
      <c r="D120" s="5">
        <v>41</v>
      </c>
    </row>
    <row r="121" spans="1:4" ht="18" customHeight="1" x14ac:dyDescent="0.15">
      <c r="A121" s="8">
        <v>95</v>
      </c>
      <c r="B121" s="21">
        <v>2</v>
      </c>
      <c r="C121" s="6">
        <v>3</v>
      </c>
      <c r="D121" s="5">
        <v>5</v>
      </c>
    </row>
    <row r="122" spans="1:4" ht="18" customHeight="1" x14ac:dyDescent="0.15">
      <c r="A122" s="8">
        <v>96</v>
      </c>
      <c r="B122" s="21">
        <v>1</v>
      </c>
      <c r="C122" s="6">
        <v>3</v>
      </c>
      <c r="D122" s="5">
        <v>4</v>
      </c>
    </row>
    <row r="123" spans="1:4" ht="18" customHeight="1" x14ac:dyDescent="0.15">
      <c r="A123" s="8">
        <v>97</v>
      </c>
      <c r="B123" s="21">
        <v>0</v>
      </c>
      <c r="C123" s="6">
        <v>2</v>
      </c>
      <c r="D123" s="5">
        <v>2</v>
      </c>
    </row>
    <row r="124" spans="1:4" ht="18" customHeight="1" x14ac:dyDescent="0.15">
      <c r="A124" s="8">
        <v>98</v>
      </c>
      <c r="B124" s="21">
        <v>1</v>
      </c>
      <c r="C124" s="6">
        <v>0</v>
      </c>
      <c r="D124" s="5">
        <v>1</v>
      </c>
    </row>
    <row r="125" spans="1:4" ht="18" customHeight="1" x14ac:dyDescent="0.15">
      <c r="A125" s="8">
        <v>99</v>
      </c>
      <c r="B125" s="21">
        <v>0</v>
      </c>
      <c r="C125" s="6">
        <v>0</v>
      </c>
      <c r="D125" s="5">
        <v>0</v>
      </c>
    </row>
    <row r="126" spans="1:4" ht="18" customHeight="1" x14ac:dyDescent="0.15">
      <c r="A126" s="8" t="s">
        <v>4</v>
      </c>
      <c r="B126" s="21">
        <v>4</v>
      </c>
      <c r="C126" s="6">
        <v>8</v>
      </c>
      <c r="D126" s="5">
        <v>12</v>
      </c>
    </row>
    <row r="127" spans="1:4" ht="18" customHeight="1" x14ac:dyDescent="0.15">
      <c r="A127" s="8">
        <v>100</v>
      </c>
      <c r="B127" s="21">
        <v>0</v>
      </c>
      <c r="C127" s="6">
        <v>1</v>
      </c>
      <c r="D127" s="5">
        <v>1</v>
      </c>
    </row>
    <row r="128" spans="1:4" ht="18" customHeight="1" x14ac:dyDescent="0.15">
      <c r="A128" s="9" t="s">
        <v>3</v>
      </c>
      <c r="B128" s="21">
        <v>0</v>
      </c>
      <c r="C128" s="6">
        <v>2</v>
      </c>
      <c r="D128" s="5">
        <v>2</v>
      </c>
    </row>
    <row r="129" spans="1:4" ht="18" customHeight="1" x14ac:dyDescent="0.15">
      <c r="A129" s="8" t="s">
        <v>2</v>
      </c>
      <c r="B129" s="21">
        <v>0</v>
      </c>
      <c r="C129" s="6">
        <v>3</v>
      </c>
      <c r="D129" s="5">
        <v>3</v>
      </c>
    </row>
    <row r="130" spans="1:4" ht="18" customHeight="1" x14ac:dyDescent="0.15">
      <c r="A130" s="8" t="s">
        <v>1</v>
      </c>
      <c r="B130" s="21">
        <v>216</v>
      </c>
      <c r="C130" s="6">
        <v>281</v>
      </c>
      <c r="D130" s="5">
        <v>497</v>
      </c>
    </row>
    <row r="131" spans="1:4" ht="18" customHeight="1" x14ac:dyDescent="0.15">
      <c r="A131" s="4" t="s">
        <v>0</v>
      </c>
      <c r="B131" s="20">
        <v>516</v>
      </c>
      <c r="C131" s="2">
        <v>546</v>
      </c>
      <c r="D131" s="1">
        <v>1062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3" fitToHeight="3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2-03T09:21:42Z</dcterms:created>
  <dcterms:modified xsi:type="dcterms:W3CDTF">2025-12-03T09:28:29Z</dcterms:modified>
</cp:coreProperties>
</file>